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3_月報HP\R4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B$1:$KM$41</definedName>
    <definedName name="_xlnm.Print_Area" localSheetId="2">'第２-2表'!$B$1:$KM$41</definedName>
    <definedName name="_xlnm.Print_Area" localSheetId="3">'第２-3表'!$B$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3" fillId="0" borderId="0" xfId="0" applyNumberFormat="1" applyFont="1" applyAlignment="1">
      <alignment horizontal="left" vertical="center"/>
    </xf>
    <xf numFmtId="182" fontId="3" fillId="0" borderId="0" xfId="0" applyNumberFormat="1" applyFont="1" applyBorder="1" applyAlignment="1">
      <alignment horizontal="left"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182" fontId="2" fillId="0" borderId="0" xfId="0" applyNumberFormat="1" applyFont="1" applyBorder="1" applyAlignment="1">
      <alignment horizontal="left"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502" t="s">
        <v>0</v>
      </c>
      <c r="F1" s="502"/>
      <c r="G1" s="502"/>
      <c r="H1" s="502"/>
      <c r="I1" s="2"/>
      <c r="J1" s="2"/>
      <c r="K1" s="2"/>
      <c r="L1" s="2"/>
    </row>
    <row r="2" spans="1:13" ht="24" customHeight="1" x14ac:dyDescent="0.2">
      <c r="A2" s="2"/>
      <c r="B2" s="2"/>
      <c r="C2" s="2"/>
      <c r="D2" s="2"/>
      <c r="E2" s="2"/>
      <c r="F2" s="366">
        <v>4</v>
      </c>
      <c r="G2" s="246">
        <v>11</v>
      </c>
      <c r="H2" s="2"/>
      <c r="I2" s="2"/>
      <c r="J2" s="2"/>
      <c r="K2" s="2"/>
      <c r="L2" s="2"/>
      <c r="M2" s="2"/>
    </row>
    <row r="3" spans="1:13" ht="24" customHeight="1" x14ac:dyDescent="0.2"/>
    <row r="4" spans="1:13" ht="20.25" customHeight="1" x14ac:dyDescent="0.2">
      <c r="D4" s="3"/>
      <c r="E4" s="4" t="s">
        <v>1</v>
      </c>
      <c r="F4" s="3"/>
      <c r="H4" s="253">
        <f>G2</f>
        <v>11</v>
      </c>
    </row>
    <row r="5" spans="1:13" ht="10.5" customHeight="1" thickBot="1" x14ac:dyDescent="0.25">
      <c r="E5" s="5"/>
    </row>
    <row r="6" spans="1:13" ht="21" customHeight="1" x14ac:dyDescent="0.2">
      <c r="E6" s="342"/>
      <c r="F6" s="503" t="s">
        <v>2</v>
      </c>
      <c r="G6" s="504"/>
      <c r="H6" s="504"/>
      <c r="I6" s="505"/>
    </row>
    <row r="7" spans="1:13" ht="21" customHeight="1" x14ac:dyDescent="0.2">
      <c r="E7" s="7"/>
      <c r="F7" s="8"/>
      <c r="G7" s="9" t="s">
        <v>3</v>
      </c>
      <c r="H7" s="345" t="s">
        <v>150</v>
      </c>
      <c r="I7" s="346" t="s">
        <v>149</v>
      </c>
    </row>
    <row r="8" spans="1:13" ht="21" customHeight="1" x14ac:dyDescent="0.2">
      <c r="E8" s="343" t="s">
        <v>4</v>
      </c>
      <c r="F8" s="373">
        <v>2340394</v>
      </c>
      <c r="G8" s="373">
        <v>1064159</v>
      </c>
      <c r="H8" s="373">
        <v>881401</v>
      </c>
      <c r="I8" s="374">
        <v>394834</v>
      </c>
    </row>
    <row r="9" spans="1:13" ht="21" customHeight="1" x14ac:dyDescent="0.2">
      <c r="E9" s="10" t="s">
        <v>5</v>
      </c>
      <c r="F9" s="375">
        <v>933687</v>
      </c>
      <c r="G9" s="375">
        <v>422366</v>
      </c>
      <c r="H9" s="375">
        <v>347370</v>
      </c>
      <c r="I9" s="376">
        <v>163951</v>
      </c>
    </row>
    <row r="10" spans="1:13" ht="21" customHeight="1" x14ac:dyDescent="0.2">
      <c r="E10" s="10" t="s">
        <v>6</v>
      </c>
      <c r="F10" s="375">
        <v>307120</v>
      </c>
      <c r="G10" s="375">
        <v>145018</v>
      </c>
      <c r="H10" s="375">
        <v>110304</v>
      </c>
      <c r="I10" s="376">
        <v>51798</v>
      </c>
    </row>
    <row r="11" spans="1:13" ht="21" customHeight="1" x14ac:dyDescent="0.2">
      <c r="E11" s="10" t="s">
        <v>14</v>
      </c>
      <c r="F11" s="375">
        <v>188067</v>
      </c>
      <c r="G11" s="375">
        <v>87028</v>
      </c>
      <c r="H11" s="375">
        <v>73119</v>
      </c>
      <c r="I11" s="376">
        <v>27920</v>
      </c>
    </row>
    <row r="12" spans="1:13" ht="21" customHeight="1" x14ac:dyDescent="0.2">
      <c r="E12" s="10" t="s">
        <v>7</v>
      </c>
      <c r="F12" s="375">
        <v>125715</v>
      </c>
      <c r="G12" s="375">
        <v>54405</v>
      </c>
      <c r="H12" s="375">
        <v>49162</v>
      </c>
      <c r="I12" s="376">
        <v>22148</v>
      </c>
    </row>
    <row r="13" spans="1:13" ht="21" customHeight="1" x14ac:dyDescent="0.2">
      <c r="E13" s="10" t="s">
        <v>8</v>
      </c>
      <c r="F13" s="375">
        <v>73282</v>
      </c>
      <c r="G13" s="375">
        <v>34040</v>
      </c>
      <c r="H13" s="375">
        <v>27532</v>
      </c>
      <c r="I13" s="376">
        <v>11710</v>
      </c>
    </row>
    <row r="14" spans="1:13" ht="21" customHeight="1" x14ac:dyDescent="0.2">
      <c r="E14" s="10" t="s">
        <v>9</v>
      </c>
      <c r="F14" s="375">
        <v>53632</v>
      </c>
      <c r="G14" s="375">
        <v>21188</v>
      </c>
      <c r="H14" s="375">
        <v>20778</v>
      </c>
      <c r="I14" s="376">
        <v>11666</v>
      </c>
    </row>
    <row r="15" spans="1:13" ht="21" customHeight="1" x14ac:dyDescent="0.2">
      <c r="E15" s="10" t="s">
        <v>10</v>
      </c>
      <c r="F15" s="375">
        <v>108250</v>
      </c>
      <c r="G15" s="375">
        <v>48123</v>
      </c>
      <c r="H15" s="375">
        <v>41131</v>
      </c>
      <c r="I15" s="376">
        <v>18996</v>
      </c>
    </row>
    <row r="16" spans="1:13" ht="21" customHeight="1" x14ac:dyDescent="0.2">
      <c r="E16" s="10" t="s">
        <v>11</v>
      </c>
      <c r="F16" s="375">
        <v>57348</v>
      </c>
      <c r="G16" s="375">
        <v>26163</v>
      </c>
      <c r="H16" s="375">
        <v>21214</v>
      </c>
      <c r="I16" s="376">
        <v>9971</v>
      </c>
    </row>
    <row r="17" spans="5:13" ht="21" customHeight="1" x14ac:dyDescent="0.2">
      <c r="E17" s="10" t="s">
        <v>12</v>
      </c>
      <c r="F17" s="375">
        <v>65477</v>
      </c>
      <c r="G17" s="375">
        <v>29034</v>
      </c>
      <c r="H17" s="375">
        <v>24967</v>
      </c>
      <c r="I17" s="376">
        <v>11476</v>
      </c>
    </row>
    <row r="18" spans="5:13" ht="21" customHeight="1" x14ac:dyDescent="0.2">
      <c r="E18" s="10" t="s">
        <v>13</v>
      </c>
      <c r="F18" s="375">
        <v>18583</v>
      </c>
      <c r="G18" s="375">
        <v>7305</v>
      </c>
      <c r="H18" s="375">
        <v>7219</v>
      </c>
      <c r="I18" s="376">
        <v>4059</v>
      </c>
      <c r="M18" s="1" t="s">
        <v>87</v>
      </c>
    </row>
    <row r="19" spans="5:13" ht="21" customHeight="1" x14ac:dyDescent="0.2">
      <c r="E19" s="10" t="s">
        <v>15</v>
      </c>
      <c r="F19" s="375">
        <v>16252</v>
      </c>
      <c r="G19" s="375">
        <v>7387</v>
      </c>
      <c r="H19" s="375">
        <v>6003</v>
      </c>
      <c r="I19" s="376">
        <v>2862</v>
      </c>
    </row>
    <row r="20" spans="5:13" ht="21" customHeight="1" x14ac:dyDescent="0.2">
      <c r="E20" s="10" t="s">
        <v>16</v>
      </c>
      <c r="F20" s="375">
        <v>49324</v>
      </c>
      <c r="G20" s="375">
        <v>23995</v>
      </c>
      <c r="H20" s="375">
        <v>18433</v>
      </c>
      <c r="I20" s="376">
        <v>6896</v>
      </c>
    </row>
    <row r="21" spans="5:13" ht="21" customHeight="1" x14ac:dyDescent="0.2">
      <c r="E21" s="10" t="s">
        <v>17</v>
      </c>
      <c r="F21" s="375">
        <v>58538</v>
      </c>
      <c r="G21" s="375">
        <v>28100</v>
      </c>
      <c r="H21" s="375">
        <v>22596</v>
      </c>
      <c r="I21" s="376">
        <v>7842</v>
      </c>
    </row>
    <row r="22" spans="5:13" ht="21" customHeight="1" x14ac:dyDescent="0.2">
      <c r="E22" s="10" t="s">
        <v>18</v>
      </c>
      <c r="F22" s="375">
        <v>58070</v>
      </c>
      <c r="G22" s="375">
        <v>26414</v>
      </c>
      <c r="H22" s="375">
        <v>22892</v>
      </c>
      <c r="I22" s="376">
        <v>8764</v>
      </c>
    </row>
    <row r="23" spans="5:13" ht="21" customHeight="1" x14ac:dyDescent="0.2">
      <c r="E23" s="10" t="s">
        <v>19</v>
      </c>
      <c r="F23" s="375">
        <v>26648</v>
      </c>
      <c r="G23" s="375">
        <v>12312</v>
      </c>
      <c r="H23" s="375">
        <v>10275</v>
      </c>
      <c r="I23" s="376">
        <v>4061</v>
      </c>
    </row>
    <row r="24" spans="5:13" ht="21" customHeight="1" x14ac:dyDescent="0.2">
      <c r="E24" s="10" t="s">
        <v>20</v>
      </c>
      <c r="F24" s="375">
        <v>34035</v>
      </c>
      <c r="G24" s="375">
        <v>16059</v>
      </c>
      <c r="H24" s="375">
        <v>13215</v>
      </c>
      <c r="I24" s="376">
        <v>4761</v>
      </c>
    </row>
    <row r="25" spans="5:13" ht="21" customHeight="1" x14ac:dyDescent="0.2">
      <c r="E25" s="10" t="s">
        <v>21</v>
      </c>
      <c r="F25" s="375">
        <v>34218</v>
      </c>
      <c r="G25" s="375">
        <v>15918</v>
      </c>
      <c r="H25" s="375">
        <v>13321</v>
      </c>
      <c r="I25" s="376">
        <v>4979</v>
      </c>
    </row>
    <row r="26" spans="5:13" ht="21" customHeight="1" x14ac:dyDescent="0.2">
      <c r="E26" s="10" t="s">
        <v>22</v>
      </c>
      <c r="F26" s="375">
        <v>13626</v>
      </c>
      <c r="G26" s="375">
        <v>5970</v>
      </c>
      <c r="H26" s="375">
        <v>5349</v>
      </c>
      <c r="I26" s="376">
        <v>2307</v>
      </c>
    </row>
    <row r="27" spans="5:13" ht="21" customHeight="1" x14ac:dyDescent="0.2">
      <c r="E27" s="10" t="s">
        <v>23</v>
      </c>
      <c r="F27" s="375">
        <v>22924</v>
      </c>
      <c r="G27" s="375">
        <v>10111</v>
      </c>
      <c r="H27" s="375">
        <v>9720</v>
      </c>
      <c r="I27" s="376">
        <v>3093</v>
      </c>
    </row>
    <row r="28" spans="5:13" ht="21" customHeight="1" x14ac:dyDescent="0.2">
      <c r="E28" s="10" t="s">
        <v>24</v>
      </c>
      <c r="F28" s="375">
        <v>10208</v>
      </c>
      <c r="G28" s="375">
        <v>4087</v>
      </c>
      <c r="H28" s="375">
        <v>4101</v>
      </c>
      <c r="I28" s="376">
        <v>2020</v>
      </c>
    </row>
    <row r="29" spans="5:13" ht="21" customHeight="1" x14ac:dyDescent="0.2">
      <c r="E29" s="10" t="s">
        <v>25</v>
      </c>
      <c r="F29" s="375">
        <v>13413</v>
      </c>
      <c r="G29" s="375">
        <v>6415</v>
      </c>
      <c r="H29" s="375">
        <v>5205</v>
      </c>
      <c r="I29" s="376">
        <v>1793</v>
      </c>
    </row>
    <row r="30" spans="5:13" ht="21" customHeight="1" x14ac:dyDescent="0.2">
      <c r="E30" s="10" t="s">
        <v>26</v>
      </c>
      <c r="F30" s="375">
        <v>11126</v>
      </c>
      <c r="G30" s="375">
        <v>4870</v>
      </c>
      <c r="H30" s="375">
        <v>4372</v>
      </c>
      <c r="I30" s="376">
        <v>1884</v>
      </c>
    </row>
    <row r="31" spans="5:13" ht="21" customHeight="1" x14ac:dyDescent="0.2">
      <c r="E31" s="10" t="s">
        <v>27</v>
      </c>
      <c r="F31" s="375">
        <v>9838</v>
      </c>
      <c r="G31" s="375">
        <v>4084</v>
      </c>
      <c r="H31" s="375">
        <v>3897</v>
      </c>
      <c r="I31" s="376">
        <v>1857</v>
      </c>
    </row>
    <row r="32" spans="5:13" ht="21" customHeight="1" x14ac:dyDescent="0.2">
      <c r="E32" s="10" t="s">
        <v>28</v>
      </c>
      <c r="F32" s="375">
        <v>3235</v>
      </c>
      <c r="G32" s="375">
        <v>1560</v>
      </c>
      <c r="H32" s="375">
        <v>1232</v>
      </c>
      <c r="I32" s="376">
        <v>443</v>
      </c>
    </row>
    <row r="33" spans="5:9" ht="21" customHeight="1" x14ac:dyDescent="0.2">
      <c r="E33" s="10" t="s">
        <v>29</v>
      </c>
      <c r="F33" s="375">
        <v>4980</v>
      </c>
      <c r="G33" s="375">
        <v>2310</v>
      </c>
      <c r="H33" s="375">
        <v>1934</v>
      </c>
      <c r="I33" s="376">
        <v>736</v>
      </c>
    </row>
    <row r="34" spans="5:9" ht="21" customHeight="1" x14ac:dyDescent="0.2">
      <c r="E34" s="10" t="s">
        <v>30</v>
      </c>
      <c r="F34" s="375">
        <v>3724</v>
      </c>
      <c r="G34" s="375">
        <v>1654</v>
      </c>
      <c r="H34" s="375">
        <v>1381</v>
      </c>
      <c r="I34" s="376">
        <v>689</v>
      </c>
    </row>
    <row r="35" spans="5:9" ht="21" customHeight="1" x14ac:dyDescent="0.2">
      <c r="E35" s="10" t="s">
        <v>31</v>
      </c>
      <c r="F35" s="375">
        <v>4020</v>
      </c>
      <c r="G35" s="375">
        <v>1935</v>
      </c>
      <c r="H35" s="375">
        <v>1330</v>
      </c>
      <c r="I35" s="376">
        <v>755</v>
      </c>
    </row>
    <row r="36" spans="5:9" ht="21" customHeight="1" x14ac:dyDescent="0.2">
      <c r="E36" s="10" t="s">
        <v>32</v>
      </c>
      <c r="F36" s="375">
        <v>4631</v>
      </c>
      <c r="G36" s="375">
        <v>2107</v>
      </c>
      <c r="H36" s="375">
        <v>1769</v>
      </c>
      <c r="I36" s="376">
        <v>755</v>
      </c>
    </row>
    <row r="37" spans="5:9" ht="21" customHeight="1" x14ac:dyDescent="0.2">
      <c r="E37" s="10" t="s">
        <v>33</v>
      </c>
      <c r="F37" s="375">
        <v>4112</v>
      </c>
      <c r="G37" s="375">
        <v>1855</v>
      </c>
      <c r="H37" s="375">
        <v>1578</v>
      </c>
      <c r="I37" s="376">
        <v>679</v>
      </c>
    </row>
    <row r="38" spans="5:9" ht="21" customHeight="1" x14ac:dyDescent="0.2">
      <c r="E38" s="10" t="s">
        <v>34</v>
      </c>
      <c r="F38" s="375">
        <v>3031</v>
      </c>
      <c r="G38" s="375">
        <v>1332</v>
      </c>
      <c r="H38" s="375">
        <v>1160</v>
      </c>
      <c r="I38" s="376">
        <v>539</v>
      </c>
    </row>
    <row r="39" spans="5:9" ht="21" customHeight="1" x14ac:dyDescent="0.2">
      <c r="E39" s="10" t="s">
        <v>35</v>
      </c>
      <c r="F39" s="375">
        <v>9871</v>
      </c>
      <c r="G39" s="375">
        <v>4230</v>
      </c>
      <c r="H39" s="375">
        <v>3878</v>
      </c>
      <c r="I39" s="376">
        <v>1763</v>
      </c>
    </row>
    <row r="40" spans="5:9" ht="21" customHeight="1" x14ac:dyDescent="0.2">
      <c r="E40" s="10" t="s">
        <v>36</v>
      </c>
      <c r="F40" s="375">
        <v>12340</v>
      </c>
      <c r="G40" s="375">
        <v>6224</v>
      </c>
      <c r="H40" s="375">
        <v>4604</v>
      </c>
      <c r="I40" s="376">
        <v>1512</v>
      </c>
    </row>
    <row r="41" spans="5:9" ht="21" customHeight="1" thickBot="1" x14ac:dyDescent="0.25">
      <c r="E41" s="11" t="s">
        <v>37</v>
      </c>
      <c r="F41" s="377">
        <v>1069</v>
      </c>
      <c r="G41" s="377">
        <v>560</v>
      </c>
      <c r="H41" s="377">
        <v>360</v>
      </c>
      <c r="I41" s="378">
        <v>149</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6.777343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4">
        <f>第１表!F2</f>
        <v>4</v>
      </c>
      <c r="K1" s="524"/>
      <c r="L1" s="248">
        <f>第１表!G2</f>
        <v>11</v>
      </c>
      <c r="M1" s="529">
        <f>IF(L1&lt;3,L1+12-2,L1-2)</f>
        <v>9</v>
      </c>
      <c r="N1" s="529"/>
    </row>
    <row r="2" spans="2:112" ht="24" customHeight="1" thickBot="1" x14ac:dyDescent="0.25">
      <c r="B2" s="290" t="s">
        <v>131</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59" t="s">
        <v>44</v>
      </c>
      <c r="E5" s="382"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23" t="s">
        <v>43</v>
      </c>
      <c r="Z5" s="259" t="s">
        <v>44</v>
      </c>
      <c r="AA5" s="268" t="s">
        <v>45</v>
      </c>
      <c r="AB5" s="267" t="s">
        <v>83</v>
      </c>
      <c r="AC5" s="259" t="s">
        <v>47</v>
      </c>
      <c r="AD5" s="259" t="s">
        <v>48</v>
      </c>
      <c r="AE5" s="259" t="s">
        <v>49</v>
      </c>
      <c r="AF5" s="259" t="s">
        <v>50</v>
      </c>
      <c r="AG5" s="259" t="s">
        <v>51</v>
      </c>
      <c r="AH5" s="265" t="s">
        <v>45</v>
      </c>
      <c r="AI5" s="531"/>
      <c r="AJ5" s="323" t="s">
        <v>43</v>
      </c>
      <c r="AK5" s="259" t="s">
        <v>44</v>
      </c>
      <c r="AL5" s="265" t="s">
        <v>45</v>
      </c>
      <c r="AM5" s="267" t="s">
        <v>83</v>
      </c>
      <c r="AN5" s="259" t="s">
        <v>47</v>
      </c>
      <c r="AO5" s="259" t="s">
        <v>48</v>
      </c>
      <c r="AP5" s="259" t="s">
        <v>49</v>
      </c>
      <c r="AQ5" s="259" t="s">
        <v>50</v>
      </c>
      <c r="AR5" s="259" t="s">
        <v>51</v>
      </c>
      <c r="AS5" s="265" t="s">
        <v>45</v>
      </c>
      <c r="AT5" s="531"/>
      <c r="AU5" s="323" t="s">
        <v>43</v>
      </c>
      <c r="AV5" s="259" t="s">
        <v>44</v>
      </c>
      <c r="AW5" s="268" t="s">
        <v>45</v>
      </c>
      <c r="AX5" s="267" t="s">
        <v>83</v>
      </c>
      <c r="AY5" s="259" t="s">
        <v>47</v>
      </c>
      <c r="AZ5" s="259" t="s">
        <v>48</v>
      </c>
      <c r="BA5" s="259" t="s">
        <v>49</v>
      </c>
      <c r="BB5" s="259" t="s">
        <v>50</v>
      </c>
      <c r="BC5" s="259" t="s">
        <v>51</v>
      </c>
      <c r="BD5" s="268" t="s">
        <v>45</v>
      </c>
      <c r="BE5" s="531"/>
      <c r="BF5" s="323" t="s">
        <v>43</v>
      </c>
      <c r="BG5" s="259" t="s">
        <v>44</v>
      </c>
      <c r="BH5" s="265" t="s">
        <v>45</v>
      </c>
      <c r="BI5" s="267" t="s">
        <v>83</v>
      </c>
      <c r="BJ5" s="259" t="s">
        <v>47</v>
      </c>
      <c r="BK5" s="259" t="s">
        <v>48</v>
      </c>
      <c r="BL5" s="259" t="s">
        <v>49</v>
      </c>
      <c r="BM5" s="259" t="s">
        <v>50</v>
      </c>
      <c r="BN5" s="259" t="s">
        <v>51</v>
      </c>
      <c r="BO5" s="265" t="s">
        <v>45</v>
      </c>
      <c r="BP5" s="531"/>
      <c r="BQ5" s="323" t="s">
        <v>43</v>
      </c>
      <c r="BR5" s="259" t="s">
        <v>44</v>
      </c>
      <c r="BS5" s="265" t="s">
        <v>45</v>
      </c>
      <c r="BT5" s="267" t="s">
        <v>83</v>
      </c>
      <c r="BU5" s="259" t="s">
        <v>47</v>
      </c>
      <c r="BV5" s="259" t="s">
        <v>48</v>
      </c>
      <c r="BW5" s="259" t="s">
        <v>49</v>
      </c>
      <c r="BX5" s="259" t="s">
        <v>50</v>
      </c>
      <c r="BY5" s="259" t="s">
        <v>51</v>
      </c>
      <c r="BZ5" s="265" t="s">
        <v>45</v>
      </c>
      <c r="CA5" s="531"/>
      <c r="CB5" s="323" t="s">
        <v>43</v>
      </c>
      <c r="CC5" s="259" t="s">
        <v>44</v>
      </c>
      <c r="CD5" s="265" t="s">
        <v>45</v>
      </c>
      <c r="CE5" s="267" t="s">
        <v>83</v>
      </c>
      <c r="CF5" s="259" t="s">
        <v>47</v>
      </c>
      <c r="CG5" s="259" t="s">
        <v>48</v>
      </c>
      <c r="CH5" s="259" t="s">
        <v>49</v>
      </c>
      <c r="CI5" s="259" t="s">
        <v>50</v>
      </c>
      <c r="CJ5" s="259" t="s">
        <v>51</v>
      </c>
      <c r="CK5" s="265" t="s">
        <v>45</v>
      </c>
      <c r="CL5" s="531"/>
      <c r="CM5" s="323" t="s">
        <v>43</v>
      </c>
      <c r="CN5" s="259" t="s">
        <v>44</v>
      </c>
      <c r="CO5" s="265" t="s">
        <v>45</v>
      </c>
      <c r="CP5" s="267" t="s">
        <v>83</v>
      </c>
      <c r="CQ5" s="259" t="s">
        <v>47</v>
      </c>
      <c r="CR5" s="259" t="s">
        <v>48</v>
      </c>
      <c r="CS5" s="259" t="s">
        <v>49</v>
      </c>
      <c r="CT5" s="259" t="s">
        <v>50</v>
      </c>
      <c r="CU5" s="259" t="s">
        <v>51</v>
      </c>
      <c r="CV5" s="265" t="s">
        <v>45</v>
      </c>
      <c r="CW5" s="531"/>
      <c r="CX5" s="365"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3">
        <v>0</v>
      </c>
      <c r="E6" s="383">
        <v>0</v>
      </c>
      <c r="F6" s="272">
        <v>0</v>
      </c>
      <c r="G6" s="273">
        <v>14635</v>
      </c>
      <c r="H6" s="273">
        <v>20103</v>
      </c>
      <c r="I6" s="273">
        <v>21239</v>
      </c>
      <c r="J6" s="273">
        <v>22017</v>
      </c>
      <c r="K6" s="273">
        <v>19273</v>
      </c>
      <c r="L6" s="274">
        <v>97267</v>
      </c>
      <c r="M6" s="275">
        <v>97267</v>
      </c>
      <c r="N6" s="269">
        <v>0</v>
      </c>
      <c r="O6" s="273">
        <v>6</v>
      </c>
      <c r="P6" s="270">
        <v>6</v>
      </c>
      <c r="Q6" s="272">
        <v>0</v>
      </c>
      <c r="R6" s="273">
        <v>27</v>
      </c>
      <c r="S6" s="273">
        <v>164</v>
      </c>
      <c r="T6" s="273">
        <v>249</v>
      </c>
      <c r="U6" s="273">
        <v>561</v>
      </c>
      <c r="V6" s="273">
        <v>1052</v>
      </c>
      <c r="W6" s="270">
        <v>2053</v>
      </c>
      <c r="X6" s="275">
        <v>2059</v>
      </c>
      <c r="Y6" s="269">
        <v>945</v>
      </c>
      <c r="Z6" s="273">
        <v>2665</v>
      </c>
      <c r="AA6" s="270">
        <v>3610</v>
      </c>
      <c r="AB6" s="272">
        <v>0</v>
      </c>
      <c r="AC6" s="273">
        <v>8420</v>
      </c>
      <c r="AD6" s="273">
        <v>12088</v>
      </c>
      <c r="AE6" s="273">
        <v>8215</v>
      </c>
      <c r="AF6" s="273">
        <v>6732</v>
      </c>
      <c r="AG6" s="273">
        <v>4899</v>
      </c>
      <c r="AH6" s="270">
        <v>40354</v>
      </c>
      <c r="AI6" s="275">
        <v>43964</v>
      </c>
      <c r="AJ6" s="269">
        <v>114</v>
      </c>
      <c r="AK6" s="273">
        <v>496</v>
      </c>
      <c r="AL6" s="270">
        <v>610</v>
      </c>
      <c r="AM6" s="272">
        <v>0</v>
      </c>
      <c r="AN6" s="273">
        <v>809</v>
      </c>
      <c r="AO6" s="273">
        <v>1541</v>
      </c>
      <c r="AP6" s="273">
        <v>752</v>
      </c>
      <c r="AQ6" s="273">
        <v>982</v>
      </c>
      <c r="AR6" s="273">
        <v>285</v>
      </c>
      <c r="AS6" s="270">
        <v>4369</v>
      </c>
      <c r="AT6" s="275">
        <v>4979</v>
      </c>
      <c r="AU6" s="269">
        <v>0</v>
      </c>
      <c r="AV6" s="273">
        <v>0</v>
      </c>
      <c r="AW6" s="270">
        <v>0</v>
      </c>
      <c r="AX6" s="272">
        <v>0</v>
      </c>
      <c r="AY6" s="273">
        <v>13605</v>
      </c>
      <c r="AZ6" s="273">
        <v>12447</v>
      </c>
      <c r="BA6" s="273">
        <v>7763</v>
      </c>
      <c r="BB6" s="273">
        <v>3362</v>
      </c>
      <c r="BC6" s="273">
        <v>1573</v>
      </c>
      <c r="BD6" s="274">
        <v>38750</v>
      </c>
      <c r="BE6" s="275">
        <v>38750</v>
      </c>
      <c r="BF6" s="269">
        <v>0</v>
      </c>
      <c r="BG6" s="273">
        <v>0</v>
      </c>
      <c r="BH6" s="270">
        <v>0</v>
      </c>
      <c r="BI6" s="272">
        <v>0</v>
      </c>
      <c r="BJ6" s="273">
        <v>2666</v>
      </c>
      <c r="BK6" s="273">
        <v>3878</v>
      </c>
      <c r="BL6" s="273">
        <v>2304</v>
      </c>
      <c r="BM6" s="273">
        <v>1228</v>
      </c>
      <c r="BN6" s="273">
        <v>378</v>
      </c>
      <c r="BO6" s="270">
        <v>10454</v>
      </c>
      <c r="BP6" s="275">
        <v>10454</v>
      </c>
      <c r="BQ6" s="269">
        <v>16</v>
      </c>
      <c r="BR6" s="273">
        <v>100</v>
      </c>
      <c r="BS6" s="270">
        <v>116</v>
      </c>
      <c r="BT6" s="272">
        <v>0</v>
      </c>
      <c r="BU6" s="273">
        <v>1441</v>
      </c>
      <c r="BV6" s="273">
        <v>1831</v>
      </c>
      <c r="BW6" s="273">
        <v>3248</v>
      </c>
      <c r="BX6" s="273">
        <v>2912</v>
      </c>
      <c r="BY6" s="273">
        <v>913</v>
      </c>
      <c r="BZ6" s="270">
        <v>10345</v>
      </c>
      <c r="CA6" s="275">
        <v>10461</v>
      </c>
      <c r="CB6" s="269">
        <v>0</v>
      </c>
      <c r="CC6" s="273">
        <v>3</v>
      </c>
      <c r="CD6" s="270">
        <v>3</v>
      </c>
      <c r="CE6" s="272">
        <v>0</v>
      </c>
      <c r="CF6" s="273">
        <v>110</v>
      </c>
      <c r="CG6" s="273">
        <v>279</v>
      </c>
      <c r="CH6" s="273">
        <v>271</v>
      </c>
      <c r="CI6" s="273">
        <v>235</v>
      </c>
      <c r="CJ6" s="273">
        <v>157</v>
      </c>
      <c r="CK6" s="270">
        <v>1052</v>
      </c>
      <c r="CL6" s="275">
        <v>1055</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4">
        <v>0</v>
      </c>
      <c r="F7" s="279">
        <v>0</v>
      </c>
      <c r="G7" s="280">
        <v>5542</v>
      </c>
      <c r="H7" s="280">
        <v>9235</v>
      </c>
      <c r="I7" s="280">
        <v>8658</v>
      </c>
      <c r="J7" s="280">
        <v>8716</v>
      </c>
      <c r="K7" s="280">
        <v>7133</v>
      </c>
      <c r="L7" s="281">
        <v>39284</v>
      </c>
      <c r="M7" s="282">
        <v>39284</v>
      </c>
      <c r="N7" s="276">
        <v>0</v>
      </c>
      <c r="O7" s="280">
        <v>5</v>
      </c>
      <c r="P7" s="277">
        <v>5</v>
      </c>
      <c r="Q7" s="279">
        <v>0</v>
      </c>
      <c r="R7" s="280">
        <v>10</v>
      </c>
      <c r="S7" s="280">
        <v>76</v>
      </c>
      <c r="T7" s="280">
        <v>80</v>
      </c>
      <c r="U7" s="280">
        <v>228</v>
      </c>
      <c r="V7" s="280">
        <v>537</v>
      </c>
      <c r="W7" s="277">
        <v>931</v>
      </c>
      <c r="X7" s="282">
        <v>936</v>
      </c>
      <c r="Y7" s="276">
        <v>429</v>
      </c>
      <c r="Z7" s="280">
        <v>1524</v>
      </c>
      <c r="AA7" s="277">
        <v>1953</v>
      </c>
      <c r="AB7" s="279">
        <v>0</v>
      </c>
      <c r="AC7" s="280">
        <v>3367</v>
      </c>
      <c r="AD7" s="280">
        <v>6596</v>
      </c>
      <c r="AE7" s="280">
        <v>4241</v>
      </c>
      <c r="AF7" s="280">
        <v>3371</v>
      </c>
      <c r="AG7" s="280">
        <v>2367</v>
      </c>
      <c r="AH7" s="277">
        <v>19942</v>
      </c>
      <c r="AI7" s="282">
        <v>21895</v>
      </c>
      <c r="AJ7" s="276">
        <v>67</v>
      </c>
      <c r="AK7" s="280">
        <v>314</v>
      </c>
      <c r="AL7" s="277">
        <v>381</v>
      </c>
      <c r="AM7" s="279">
        <v>0</v>
      </c>
      <c r="AN7" s="280">
        <v>155</v>
      </c>
      <c r="AO7" s="280">
        <v>682</v>
      </c>
      <c r="AP7" s="280">
        <v>322</v>
      </c>
      <c r="AQ7" s="280">
        <v>371</v>
      </c>
      <c r="AR7" s="280">
        <v>110</v>
      </c>
      <c r="AS7" s="277">
        <v>1640</v>
      </c>
      <c r="AT7" s="282">
        <v>2021</v>
      </c>
      <c r="AU7" s="276">
        <v>0</v>
      </c>
      <c r="AV7" s="280">
        <v>0</v>
      </c>
      <c r="AW7" s="277">
        <v>0</v>
      </c>
      <c r="AX7" s="279">
        <v>0</v>
      </c>
      <c r="AY7" s="280">
        <v>4994</v>
      </c>
      <c r="AZ7" s="280">
        <v>5571</v>
      </c>
      <c r="BA7" s="280">
        <v>2905</v>
      </c>
      <c r="BB7" s="280">
        <v>1105</v>
      </c>
      <c r="BC7" s="280">
        <v>552</v>
      </c>
      <c r="BD7" s="281">
        <v>15127</v>
      </c>
      <c r="BE7" s="282">
        <v>15127</v>
      </c>
      <c r="BF7" s="276">
        <v>0</v>
      </c>
      <c r="BG7" s="280">
        <v>0</v>
      </c>
      <c r="BH7" s="277">
        <v>0</v>
      </c>
      <c r="BI7" s="279">
        <v>0</v>
      </c>
      <c r="BJ7" s="280">
        <v>880</v>
      </c>
      <c r="BK7" s="280">
        <v>1766</v>
      </c>
      <c r="BL7" s="280">
        <v>1068</v>
      </c>
      <c r="BM7" s="280">
        <v>568</v>
      </c>
      <c r="BN7" s="280">
        <v>188</v>
      </c>
      <c r="BO7" s="277">
        <v>4470</v>
      </c>
      <c r="BP7" s="282">
        <v>4470</v>
      </c>
      <c r="BQ7" s="276">
        <v>6</v>
      </c>
      <c r="BR7" s="280">
        <v>58</v>
      </c>
      <c r="BS7" s="277">
        <v>64</v>
      </c>
      <c r="BT7" s="279">
        <v>0</v>
      </c>
      <c r="BU7" s="280">
        <v>531</v>
      </c>
      <c r="BV7" s="280">
        <v>807</v>
      </c>
      <c r="BW7" s="280">
        <v>1403</v>
      </c>
      <c r="BX7" s="280">
        <v>1101</v>
      </c>
      <c r="BY7" s="280">
        <v>364</v>
      </c>
      <c r="BZ7" s="277">
        <v>4206</v>
      </c>
      <c r="CA7" s="282">
        <v>4270</v>
      </c>
      <c r="CB7" s="276">
        <v>0</v>
      </c>
      <c r="CC7" s="280">
        <v>3</v>
      </c>
      <c r="CD7" s="277">
        <v>3</v>
      </c>
      <c r="CE7" s="279">
        <v>0</v>
      </c>
      <c r="CF7" s="280">
        <v>55</v>
      </c>
      <c r="CG7" s="280">
        <v>161</v>
      </c>
      <c r="CH7" s="280">
        <v>218</v>
      </c>
      <c r="CI7" s="280">
        <v>105</v>
      </c>
      <c r="CJ7" s="280">
        <v>66</v>
      </c>
      <c r="CK7" s="277">
        <v>605</v>
      </c>
      <c r="CL7" s="282">
        <v>608</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1866</v>
      </c>
      <c r="H8" s="280">
        <v>1799</v>
      </c>
      <c r="I8" s="280">
        <v>2363</v>
      </c>
      <c r="J8" s="280">
        <v>2960</v>
      </c>
      <c r="K8" s="280">
        <v>2980</v>
      </c>
      <c r="L8" s="281">
        <v>11968</v>
      </c>
      <c r="M8" s="282">
        <v>11968</v>
      </c>
      <c r="N8" s="276">
        <v>0</v>
      </c>
      <c r="O8" s="280">
        <v>0</v>
      </c>
      <c r="P8" s="277">
        <v>0</v>
      </c>
      <c r="Q8" s="279">
        <v>0</v>
      </c>
      <c r="R8" s="280">
        <v>5</v>
      </c>
      <c r="S8" s="280">
        <v>11</v>
      </c>
      <c r="T8" s="280">
        <v>33</v>
      </c>
      <c r="U8" s="280">
        <v>62</v>
      </c>
      <c r="V8" s="280">
        <v>128</v>
      </c>
      <c r="W8" s="277">
        <v>239</v>
      </c>
      <c r="X8" s="282">
        <v>239</v>
      </c>
      <c r="Y8" s="276">
        <v>152</v>
      </c>
      <c r="Z8" s="280">
        <v>367</v>
      </c>
      <c r="AA8" s="277">
        <v>519</v>
      </c>
      <c r="AB8" s="279">
        <v>0</v>
      </c>
      <c r="AC8" s="280">
        <v>1337</v>
      </c>
      <c r="AD8" s="280">
        <v>1674</v>
      </c>
      <c r="AE8" s="280">
        <v>1046</v>
      </c>
      <c r="AF8" s="280">
        <v>1157</v>
      </c>
      <c r="AG8" s="280">
        <v>751</v>
      </c>
      <c r="AH8" s="277">
        <v>5965</v>
      </c>
      <c r="AI8" s="282">
        <v>6484</v>
      </c>
      <c r="AJ8" s="276">
        <v>10</v>
      </c>
      <c r="AK8" s="280">
        <v>0</v>
      </c>
      <c r="AL8" s="277">
        <v>10</v>
      </c>
      <c r="AM8" s="279">
        <v>0</v>
      </c>
      <c r="AN8" s="280">
        <v>108</v>
      </c>
      <c r="AO8" s="280">
        <v>170</v>
      </c>
      <c r="AP8" s="280">
        <v>62</v>
      </c>
      <c r="AQ8" s="280">
        <v>117</v>
      </c>
      <c r="AR8" s="280">
        <v>45</v>
      </c>
      <c r="AS8" s="277">
        <v>502</v>
      </c>
      <c r="AT8" s="282">
        <v>512</v>
      </c>
      <c r="AU8" s="276">
        <v>0</v>
      </c>
      <c r="AV8" s="280">
        <v>0</v>
      </c>
      <c r="AW8" s="277">
        <v>0</v>
      </c>
      <c r="AX8" s="279">
        <v>0</v>
      </c>
      <c r="AY8" s="280">
        <v>1862</v>
      </c>
      <c r="AZ8" s="280">
        <v>1293</v>
      </c>
      <c r="BA8" s="280">
        <v>919</v>
      </c>
      <c r="BB8" s="280">
        <v>492</v>
      </c>
      <c r="BC8" s="280">
        <v>243</v>
      </c>
      <c r="BD8" s="281">
        <v>4809</v>
      </c>
      <c r="BE8" s="282">
        <v>4809</v>
      </c>
      <c r="BF8" s="276">
        <v>0</v>
      </c>
      <c r="BG8" s="280">
        <v>0</v>
      </c>
      <c r="BH8" s="277">
        <v>0</v>
      </c>
      <c r="BI8" s="279">
        <v>0</v>
      </c>
      <c r="BJ8" s="280">
        <v>368</v>
      </c>
      <c r="BK8" s="280">
        <v>370</v>
      </c>
      <c r="BL8" s="280">
        <v>322</v>
      </c>
      <c r="BM8" s="280">
        <v>117</v>
      </c>
      <c r="BN8" s="280">
        <v>63</v>
      </c>
      <c r="BO8" s="277">
        <v>1240</v>
      </c>
      <c r="BP8" s="282">
        <v>1240</v>
      </c>
      <c r="BQ8" s="276">
        <v>5</v>
      </c>
      <c r="BR8" s="280">
        <v>21</v>
      </c>
      <c r="BS8" s="277">
        <v>26</v>
      </c>
      <c r="BT8" s="279">
        <v>0</v>
      </c>
      <c r="BU8" s="280">
        <v>194</v>
      </c>
      <c r="BV8" s="280">
        <v>242</v>
      </c>
      <c r="BW8" s="280">
        <v>286</v>
      </c>
      <c r="BX8" s="280">
        <v>120</v>
      </c>
      <c r="BY8" s="280">
        <v>144</v>
      </c>
      <c r="BZ8" s="277">
        <v>986</v>
      </c>
      <c r="CA8" s="282">
        <v>1012</v>
      </c>
      <c r="CB8" s="276">
        <v>0</v>
      </c>
      <c r="CC8" s="280">
        <v>0</v>
      </c>
      <c r="CD8" s="277">
        <v>0</v>
      </c>
      <c r="CE8" s="279">
        <v>0</v>
      </c>
      <c r="CF8" s="280">
        <v>16</v>
      </c>
      <c r="CG8" s="280">
        <v>31</v>
      </c>
      <c r="CH8" s="280">
        <v>21</v>
      </c>
      <c r="CI8" s="280">
        <v>55</v>
      </c>
      <c r="CJ8" s="280">
        <v>27</v>
      </c>
      <c r="CK8" s="277">
        <v>150</v>
      </c>
      <c r="CL8" s="282">
        <v>150</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981</v>
      </c>
      <c r="H9" s="280">
        <v>1646</v>
      </c>
      <c r="I9" s="280">
        <v>1765</v>
      </c>
      <c r="J9" s="280">
        <v>1006</v>
      </c>
      <c r="K9" s="280">
        <v>1124</v>
      </c>
      <c r="L9" s="281">
        <v>6522</v>
      </c>
      <c r="M9" s="282">
        <v>6522</v>
      </c>
      <c r="N9" s="276">
        <v>0</v>
      </c>
      <c r="O9" s="280">
        <v>0</v>
      </c>
      <c r="P9" s="277">
        <v>0</v>
      </c>
      <c r="Q9" s="279">
        <v>0</v>
      </c>
      <c r="R9" s="280">
        <v>2</v>
      </c>
      <c r="S9" s="280">
        <v>0</v>
      </c>
      <c r="T9" s="280">
        <v>4</v>
      </c>
      <c r="U9" s="280">
        <v>21</v>
      </c>
      <c r="V9" s="280">
        <v>33</v>
      </c>
      <c r="W9" s="277">
        <v>60</v>
      </c>
      <c r="X9" s="282">
        <v>60</v>
      </c>
      <c r="Y9" s="276">
        <v>7</v>
      </c>
      <c r="Z9" s="280">
        <v>208</v>
      </c>
      <c r="AA9" s="277">
        <v>215</v>
      </c>
      <c r="AB9" s="279">
        <v>0</v>
      </c>
      <c r="AC9" s="280">
        <v>472</v>
      </c>
      <c r="AD9" s="280">
        <v>858</v>
      </c>
      <c r="AE9" s="280">
        <v>609</v>
      </c>
      <c r="AF9" s="280">
        <v>332</v>
      </c>
      <c r="AG9" s="280">
        <v>244</v>
      </c>
      <c r="AH9" s="277">
        <v>2515</v>
      </c>
      <c r="AI9" s="282">
        <v>2730</v>
      </c>
      <c r="AJ9" s="276">
        <v>0</v>
      </c>
      <c r="AK9" s="280">
        <v>29</v>
      </c>
      <c r="AL9" s="277">
        <v>29</v>
      </c>
      <c r="AM9" s="279">
        <v>0</v>
      </c>
      <c r="AN9" s="280">
        <v>34</v>
      </c>
      <c r="AO9" s="280">
        <v>20</v>
      </c>
      <c r="AP9" s="280">
        <v>8</v>
      </c>
      <c r="AQ9" s="280">
        <v>36</v>
      </c>
      <c r="AR9" s="280">
        <v>4</v>
      </c>
      <c r="AS9" s="277">
        <v>102</v>
      </c>
      <c r="AT9" s="282">
        <v>131</v>
      </c>
      <c r="AU9" s="276">
        <v>0</v>
      </c>
      <c r="AV9" s="280">
        <v>0</v>
      </c>
      <c r="AW9" s="277">
        <v>0</v>
      </c>
      <c r="AX9" s="279">
        <v>0</v>
      </c>
      <c r="AY9" s="280">
        <v>1047</v>
      </c>
      <c r="AZ9" s="280">
        <v>1061</v>
      </c>
      <c r="BA9" s="280">
        <v>793</v>
      </c>
      <c r="BB9" s="280">
        <v>367</v>
      </c>
      <c r="BC9" s="280">
        <v>131</v>
      </c>
      <c r="BD9" s="281">
        <v>3399</v>
      </c>
      <c r="BE9" s="282">
        <v>3399</v>
      </c>
      <c r="BF9" s="276">
        <v>0</v>
      </c>
      <c r="BG9" s="280">
        <v>0</v>
      </c>
      <c r="BH9" s="277">
        <v>0</v>
      </c>
      <c r="BI9" s="279">
        <v>0</v>
      </c>
      <c r="BJ9" s="280">
        <v>93</v>
      </c>
      <c r="BK9" s="280">
        <v>234</v>
      </c>
      <c r="BL9" s="280">
        <v>102</v>
      </c>
      <c r="BM9" s="280">
        <v>76</v>
      </c>
      <c r="BN9" s="280">
        <v>10</v>
      </c>
      <c r="BO9" s="277">
        <v>515</v>
      </c>
      <c r="BP9" s="282">
        <v>515</v>
      </c>
      <c r="BQ9" s="276">
        <v>0</v>
      </c>
      <c r="BR9" s="280">
        <v>5</v>
      </c>
      <c r="BS9" s="277">
        <v>5</v>
      </c>
      <c r="BT9" s="279">
        <v>0</v>
      </c>
      <c r="BU9" s="280">
        <v>117</v>
      </c>
      <c r="BV9" s="280">
        <v>144</v>
      </c>
      <c r="BW9" s="280">
        <v>322</v>
      </c>
      <c r="BX9" s="280">
        <v>159</v>
      </c>
      <c r="BY9" s="280">
        <v>58</v>
      </c>
      <c r="BZ9" s="277">
        <v>800</v>
      </c>
      <c r="CA9" s="282">
        <v>805</v>
      </c>
      <c r="CB9" s="276">
        <v>0</v>
      </c>
      <c r="CC9" s="280">
        <v>0</v>
      </c>
      <c r="CD9" s="277">
        <v>0</v>
      </c>
      <c r="CE9" s="279">
        <v>0</v>
      </c>
      <c r="CF9" s="280">
        <v>0</v>
      </c>
      <c r="CG9" s="280">
        <v>0</v>
      </c>
      <c r="CH9" s="280">
        <v>5</v>
      </c>
      <c r="CI9" s="280">
        <v>31</v>
      </c>
      <c r="CJ9" s="280">
        <v>6</v>
      </c>
      <c r="CK9" s="277">
        <v>42</v>
      </c>
      <c r="CL9" s="282">
        <v>42</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635</v>
      </c>
      <c r="H10" s="280">
        <v>1461</v>
      </c>
      <c r="I10" s="280">
        <v>1871</v>
      </c>
      <c r="J10" s="280">
        <v>1500</v>
      </c>
      <c r="K10" s="280">
        <v>1535</v>
      </c>
      <c r="L10" s="281">
        <v>8002</v>
      </c>
      <c r="M10" s="282">
        <v>8002</v>
      </c>
      <c r="N10" s="276">
        <v>0</v>
      </c>
      <c r="O10" s="280">
        <v>0</v>
      </c>
      <c r="P10" s="277">
        <v>0</v>
      </c>
      <c r="Q10" s="279">
        <v>0</v>
      </c>
      <c r="R10" s="280">
        <v>5</v>
      </c>
      <c r="S10" s="280">
        <v>30</v>
      </c>
      <c r="T10" s="280">
        <v>46</v>
      </c>
      <c r="U10" s="280">
        <v>61</v>
      </c>
      <c r="V10" s="280">
        <v>57</v>
      </c>
      <c r="W10" s="277">
        <v>199</v>
      </c>
      <c r="X10" s="282">
        <v>199</v>
      </c>
      <c r="Y10" s="276">
        <v>14</v>
      </c>
      <c r="Z10" s="280">
        <v>31</v>
      </c>
      <c r="AA10" s="277">
        <v>45</v>
      </c>
      <c r="AB10" s="279">
        <v>0</v>
      </c>
      <c r="AC10" s="280">
        <v>401</v>
      </c>
      <c r="AD10" s="280">
        <v>369</v>
      </c>
      <c r="AE10" s="280">
        <v>303</v>
      </c>
      <c r="AF10" s="280">
        <v>238</v>
      </c>
      <c r="AG10" s="280">
        <v>190</v>
      </c>
      <c r="AH10" s="277">
        <v>1501</v>
      </c>
      <c r="AI10" s="282">
        <v>1546</v>
      </c>
      <c r="AJ10" s="276">
        <v>0</v>
      </c>
      <c r="AK10" s="280">
        <v>0</v>
      </c>
      <c r="AL10" s="277">
        <v>0</v>
      </c>
      <c r="AM10" s="279">
        <v>0</v>
      </c>
      <c r="AN10" s="280">
        <v>92</v>
      </c>
      <c r="AO10" s="280">
        <v>22</v>
      </c>
      <c r="AP10" s="280">
        <v>73</v>
      </c>
      <c r="AQ10" s="280">
        <v>42</v>
      </c>
      <c r="AR10" s="280">
        <v>0</v>
      </c>
      <c r="AS10" s="277">
        <v>229</v>
      </c>
      <c r="AT10" s="282">
        <v>229</v>
      </c>
      <c r="AU10" s="276">
        <v>0</v>
      </c>
      <c r="AV10" s="280">
        <v>0</v>
      </c>
      <c r="AW10" s="277">
        <v>0</v>
      </c>
      <c r="AX10" s="279">
        <v>0</v>
      </c>
      <c r="AY10" s="280">
        <v>1177</v>
      </c>
      <c r="AZ10" s="280">
        <v>802</v>
      </c>
      <c r="BA10" s="280">
        <v>436</v>
      </c>
      <c r="BB10" s="280">
        <v>203</v>
      </c>
      <c r="BC10" s="280">
        <v>85</v>
      </c>
      <c r="BD10" s="281">
        <v>2703</v>
      </c>
      <c r="BE10" s="282">
        <v>2703</v>
      </c>
      <c r="BF10" s="276">
        <v>0</v>
      </c>
      <c r="BG10" s="280">
        <v>0</v>
      </c>
      <c r="BH10" s="277">
        <v>0</v>
      </c>
      <c r="BI10" s="279">
        <v>0</v>
      </c>
      <c r="BJ10" s="280">
        <v>173</v>
      </c>
      <c r="BK10" s="280">
        <v>181</v>
      </c>
      <c r="BL10" s="280">
        <v>111</v>
      </c>
      <c r="BM10" s="280">
        <v>35</v>
      </c>
      <c r="BN10" s="280">
        <v>0</v>
      </c>
      <c r="BO10" s="277">
        <v>500</v>
      </c>
      <c r="BP10" s="282">
        <v>500</v>
      </c>
      <c r="BQ10" s="276">
        <v>0</v>
      </c>
      <c r="BR10" s="280">
        <v>0</v>
      </c>
      <c r="BS10" s="277">
        <v>0</v>
      </c>
      <c r="BT10" s="279">
        <v>0</v>
      </c>
      <c r="BU10" s="280">
        <v>124</v>
      </c>
      <c r="BV10" s="280">
        <v>178</v>
      </c>
      <c r="BW10" s="280">
        <v>134</v>
      </c>
      <c r="BX10" s="280">
        <v>189</v>
      </c>
      <c r="BY10" s="280">
        <v>44</v>
      </c>
      <c r="BZ10" s="277">
        <v>669</v>
      </c>
      <c r="CA10" s="282">
        <v>669</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320</v>
      </c>
      <c r="H11" s="280">
        <v>745</v>
      </c>
      <c r="I11" s="280">
        <v>527</v>
      </c>
      <c r="J11" s="280">
        <v>492</v>
      </c>
      <c r="K11" s="280">
        <v>580</v>
      </c>
      <c r="L11" s="281">
        <v>2664</v>
      </c>
      <c r="M11" s="282">
        <v>2664</v>
      </c>
      <c r="N11" s="276">
        <v>0</v>
      </c>
      <c r="O11" s="280">
        <v>1</v>
      </c>
      <c r="P11" s="277">
        <v>1</v>
      </c>
      <c r="Q11" s="279">
        <v>0</v>
      </c>
      <c r="R11" s="280">
        <v>0</v>
      </c>
      <c r="S11" s="280">
        <v>4</v>
      </c>
      <c r="T11" s="280">
        <v>9</v>
      </c>
      <c r="U11" s="280">
        <v>16</v>
      </c>
      <c r="V11" s="280">
        <v>11</v>
      </c>
      <c r="W11" s="277">
        <v>40</v>
      </c>
      <c r="X11" s="282">
        <v>41</v>
      </c>
      <c r="Y11" s="276">
        <v>5</v>
      </c>
      <c r="Z11" s="280">
        <v>29</v>
      </c>
      <c r="AA11" s="277">
        <v>34</v>
      </c>
      <c r="AB11" s="279">
        <v>0</v>
      </c>
      <c r="AC11" s="280">
        <v>85</v>
      </c>
      <c r="AD11" s="280">
        <v>159</v>
      </c>
      <c r="AE11" s="280">
        <v>183</v>
      </c>
      <c r="AF11" s="280">
        <v>151</v>
      </c>
      <c r="AG11" s="280">
        <v>54</v>
      </c>
      <c r="AH11" s="277">
        <v>632</v>
      </c>
      <c r="AI11" s="282">
        <v>666</v>
      </c>
      <c r="AJ11" s="276">
        <v>0</v>
      </c>
      <c r="AK11" s="280">
        <v>8</v>
      </c>
      <c r="AL11" s="277">
        <v>8</v>
      </c>
      <c r="AM11" s="279">
        <v>0</v>
      </c>
      <c r="AN11" s="280">
        <v>23</v>
      </c>
      <c r="AO11" s="280">
        <v>38</v>
      </c>
      <c r="AP11" s="280">
        <v>33</v>
      </c>
      <c r="AQ11" s="280">
        <v>21</v>
      </c>
      <c r="AR11" s="280">
        <v>0</v>
      </c>
      <c r="AS11" s="277">
        <v>115</v>
      </c>
      <c r="AT11" s="282">
        <v>123</v>
      </c>
      <c r="AU11" s="276">
        <v>0</v>
      </c>
      <c r="AV11" s="280">
        <v>0</v>
      </c>
      <c r="AW11" s="277">
        <v>0</v>
      </c>
      <c r="AX11" s="279">
        <v>0</v>
      </c>
      <c r="AY11" s="280">
        <v>274</v>
      </c>
      <c r="AZ11" s="280">
        <v>420</v>
      </c>
      <c r="BA11" s="280">
        <v>282</v>
      </c>
      <c r="BB11" s="280">
        <v>99</v>
      </c>
      <c r="BC11" s="280">
        <v>35</v>
      </c>
      <c r="BD11" s="281">
        <v>1110</v>
      </c>
      <c r="BE11" s="282">
        <v>1110</v>
      </c>
      <c r="BF11" s="276">
        <v>0</v>
      </c>
      <c r="BG11" s="280">
        <v>0</v>
      </c>
      <c r="BH11" s="277">
        <v>0</v>
      </c>
      <c r="BI11" s="279">
        <v>0</v>
      </c>
      <c r="BJ11" s="280">
        <v>72</v>
      </c>
      <c r="BK11" s="280">
        <v>71</v>
      </c>
      <c r="BL11" s="280">
        <v>60</v>
      </c>
      <c r="BM11" s="280">
        <v>32</v>
      </c>
      <c r="BN11" s="280">
        <v>0</v>
      </c>
      <c r="BO11" s="277">
        <v>235</v>
      </c>
      <c r="BP11" s="282">
        <v>235</v>
      </c>
      <c r="BQ11" s="276">
        <v>0</v>
      </c>
      <c r="BR11" s="280">
        <v>0</v>
      </c>
      <c r="BS11" s="277">
        <v>0</v>
      </c>
      <c r="BT11" s="279">
        <v>0</v>
      </c>
      <c r="BU11" s="280">
        <v>22</v>
      </c>
      <c r="BV11" s="280">
        <v>19</v>
      </c>
      <c r="BW11" s="280">
        <v>84</v>
      </c>
      <c r="BX11" s="280">
        <v>41</v>
      </c>
      <c r="BY11" s="280">
        <v>53</v>
      </c>
      <c r="BZ11" s="277">
        <v>219</v>
      </c>
      <c r="CA11" s="282">
        <v>219</v>
      </c>
      <c r="CB11" s="276">
        <v>0</v>
      </c>
      <c r="CC11" s="280">
        <v>0</v>
      </c>
      <c r="CD11" s="277">
        <v>0</v>
      </c>
      <c r="CE11" s="279">
        <v>0</v>
      </c>
      <c r="CF11" s="280">
        <v>0</v>
      </c>
      <c r="CG11" s="280">
        <v>1</v>
      </c>
      <c r="CH11" s="280">
        <v>8</v>
      </c>
      <c r="CI11" s="280">
        <v>4</v>
      </c>
      <c r="CJ11" s="280">
        <v>0</v>
      </c>
      <c r="CK11" s="277">
        <v>13</v>
      </c>
      <c r="CL11" s="282">
        <v>13</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540</v>
      </c>
      <c r="H12" s="280">
        <v>759</v>
      </c>
      <c r="I12" s="280">
        <v>882</v>
      </c>
      <c r="J12" s="280">
        <v>1145</v>
      </c>
      <c r="K12" s="280">
        <v>869</v>
      </c>
      <c r="L12" s="281">
        <v>4195</v>
      </c>
      <c r="M12" s="282">
        <v>4195</v>
      </c>
      <c r="N12" s="276">
        <v>0</v>
      </c>
      <c r="O12" s="280">
        <v>0</v>
      </c>
      <c r="P12" s="277">
        <v>0</v>
      </c>
      <c r="Q12" s="279">
        <v>0</v>
      </c>
      <c r="R12" s="280">
        <v>0</v>
      </c>
      <c r="S12" s="280">
        <v>1</v>
      </c>
      <c r="T12" s="280">
        <v>14</v>
      </c>
      <c r="U12" s="280">
        <v>14</v>
      </c>
      <c r="V12" s="280">
        <v>41</v>
      </c>
      <c r="W12" s="277">
        <v>70</v>
      </c>
      <c r="X12" s="282">
        <v>70</v>
      </c>
      <c r="Y12" s="276">
        <v>18</v>
      </c>
      <c r="Z12" s="280">
        <v>66</v>
      </c>
      <c r="AA12" s="277">
        <v>84</v>
      </c>
      <c r="AB12" s="279">
        <v>0</v>
      </c>
      <c r="AC12" s="280">
        <v>431</v>
      </c>
      <c r="AD12" s="280">
        <v>249</v>
      </c>
      <c r="AE12" s="280">
        <v>281</v>
      </c>
      <c r="AF12" s="280">
        <v>203</v>
      </c>
      <c r="AG12" s="280">
        <v>237</v>
      </c>
      <c r="AH12" s="277">
        <v>1401</v>
      </c>
      <c r="AI12" s="282">
        <v>1485</v>
      </c>
      <c r="AJ12" s="276">
        <v>0</v>
      </c>
      <c r="AK12" s="280">
        <v>0</v>
      </c>
      <c r="AL12" s="277">
        <v>0</v>
      </c>
      <c r="AM12" s="279">
        <v>0</v>
      </c>
      <c r="AN12" s="280">
        <v>8</v>
      </c>
      <c r="AO12" s="280">
        <v>66</v>
      </c>
      <c r="AP12" s="280">
        <v>57</v>
      </c>
      <c r="AQ12" s="280">
        <v>87</v>
      </c>
      <c r="AR12" s="280">
        <v>13</v>
      </c>
      <c r="AS12" s="277">
        <v>231</v>
      </c>
      <c r="AT12" s="282">
        <v>231</v>
      </c>
      <c r="AU12" s="276">
        <v>0</v>
      </c>
      <c r="AV12" s="280">
        <v>0</v>
      </c>
      <c r="AW12" s="277">
        <v>0</v>
      </c>
      <c r="AX12" s="279">
        <v>0</v>
      </c>
      <c r="AY12" s="280">
        <v>318</v>
      </c>
      <c r="AZ12" s="280">
        <v>266</v>
      </c>
      <c r="BA12" s="280">
        <v>290</v>
      </c>
      <c r="BB12" s="280">
        <v>123</v>
      </c>
      <c r="BC12" s="280">
        <v>51</v>
      </c>
      <c r="BD12" s="281">
        <v>1048</v>
      </c>
      <c r="BE12" s="282">
        <v>1048</v>
      </c>
      <c r="BF12" s="276">
        <v>0</v>
      </c>
      <c r="BG12" s="280">
        <v>0</v>
      </c>
      <c r="BH12" s="277">
        <v>0</v>
      </c>
      <c r="BI12" s="279">
        <v>0</v>
      </c>
      <c r="BJ12" s="280">
        <v>123</v>
      </c>
      <c r="BK12" s="280">
        <v>103</v>
      </c>
      <c r="BL12" s="280">
        <v>89</v>
      </c>
      <c r="BM12" s="280">
        <v>65</v>
      </c>
      <c r="BN12" s="280">
        <v>14</v>
      </c>
      <c r="BO12" s="277">
        <v>394</v>
      </c>
      <c r="BP12" s="282">
        <v>394</v>
      </c>
      <c r="BQ12" s="276">
        <v>0</v>
      </c>
      <c r="BR12" s="280">
        <v>0</v>
      </c>
      <c r="BS12" s="277">
        <v>0</v>
      </c>
      <c r="BT12" s="279">
        <v>0</v>
      </c>
      <c r="BU12" s="280">
        <v>48</v>
      </c>
      <c r="BV12" s="280">
        <v>32</v>
      </c>
      <c r="BW12" s="280">
        <v>96</v>
      </c>
      <c r="BX12" s="280">
        <v>52</v>
      </c>
      <c r="BY12" s="280">
        <v>49</v>
      </c>
      <c r="BZ12" s="277">
        <v>277</v>
      </c>
      <c r="CA12" s="282">
        <v>277</v>
      </c>
      <c r="CB12" s="276">
        <v>0</v>
      </c>
      <c r="CC12" s="280">
        <v>0</v>
      </c>
      <c r="CD12" s="277">
        <v>0</v>
      </c>
      <c r="CE12" s="279">
        <v>0</v>
      </c>
      <c r="CF12" s="280">
        <v>3</v>
      </c>
      <c r="CG12" s="280">
        <v>0</v>
      </c>
      <c r="CH12" s="280">
        <v>0</v>
      </c>
      <c r="CI12" s="280">
        <v>2</v>
      </c>
      <c r="CJ12" s="280">
        <v>0</v>
      </c>
      <c r="CK12" s="277">
        <v>5</v>
      </c>
      <c r="CL12" s="282">
        <v>5</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271</v>
      </c>
      <c r="H13" s="280">
        <v>1178</v>
      </c>
      <c r="I13" s="280">
        <v>1138</v>
      </c>
      <c r="J13" s="280">
        <v>1235</v>
      </c>
      <c r="K13" s="280">
        <v>1001</v>
      </c>
      <c r="L13" s="281">
        <v>5823</v>
      </c>
      <c r="M13" s="282">
        <v>5823</v>
      </c>
      <c r="N13" s="276">
        <v>0</v>
      </c>
      <c r="O13" s="280">
        <v>0</v>
      </c>
      <c r="P13" s="277">
        <v>0</v>
      </c>
      <c r="Q13" s="279">
        <v>0</v>
      </c>
      <c r="R13" s="280">
        <v>0</v>
      </c>
      <c r="S13" s="280">
        <v>0</v>
      </c>
      <c r="T13" s="280">
        <v>4</v>
      </c>
      <c r="U13" s="280">
        <v>51</v>
      </c>
      <c r="V13" s="280">
        <v>41</v>
      </c>
      <c r="W13" s="277">
        <v>96</v>
      </c>
      <c r="X13" s="282">
        <v>96</v>
      </c>
      <c r="Y13" s="276">
        <v>77</v>
      </c>
      <c r="Z13" s="280">
        <v>101</v>
      </c>
      <c r="AA13" s="277">
        <v>178</v>
      </c>
      <c r="AB13" s="279">
        <v>0</v>
      </c>
      <c r="AC13" s="280">
        <v>822</v>
      </c>
      <c r="AD13" s="280">
        <v>388</v>
      </c>
      <c r="AE13" s="280">
        <v>316</v>
      </c>
      <c r="AF13" s="280">
        <v>276</v>
      </c>
      <c r="AG13" s="280">
        <v>186</v>
      </c>
      <c r="AH13" s="277">
        <v>1988</v>
      </c>
      <c r="AI13" s="282">
        <v>2166</v>
      </c>
      <c r="AJ13" s="276">
        <v>10</v>
      </c>
      <c r="AK13" s="280">
        <v>41</v>
      </c>
      <c r="AL13" s="277">
        <v>51</v>
      </c>
      <c r="AM13" s="279">
        <v>0</v>
      </c>
      <c r="AN13" s="280">
        <v>88</v>
      </c>
      <c r="AO13" s="280">
        <v>74</v>
      </c>
      <c r="AP13" s="280">
        <v>22</v>
      </c>
      <c r="AQ13" s="280">
        <v>37</v>
      </c>
      <c r="AR13" s="280">
        <v>38</v>
      </c>
      <c r="AS13" s="277">
        <v>259</v>
      </c>
      <c r="AT13" s="282">
        <v>310</v>
      </c>
      <c r="AU13" s="276">
        <v>0</v>
      </c>
      <c r="AV13" s="280">
        <v>0</v>
      </c>
      <c r="AW13" s="277">
        <v>0</v>
      </c>
      <c r="AX13" s="279">
        <v>0</v>
      </c>
      <c r="AY13" s="280">
        <v>1030</v>
      </c>
      <c r="AZ13" s="280">
        <v>629</v>
      </c>
      <c r="BA13" s="280">
        <v>410</v>
      </c>
      <c r="BB13" s="280">
        <v>141</v>
      </c>
      <c r="BC13" s="280">
        <v>54</v>
      </c>
      <c r="BD13" s="281">
        <v>2264</v>
      </c>
      <c r="BE13" s="282">
        <v>2264</v>
      </c>
      <c r="BF13" s="276">
        <v>0</v>
      </c>
      <c r="BG13" s="280">
        <v>0</v>
      </c>
      <c r="BH13" s="277">
        <v>0</v>
      </c>
      <c r="BI13" s="279">
        <v>0</v>
      </c>
      <c r="BJ13" s="280">
        <v>125</v>
      </c>
      <c r="BK13" s="280">
        <v>83</v>
      </c>
      <c r="BL13" s="280">
        <v>60</v>
      </c>
      <c r="BM13" s="280">
        <v>23</v>
      </c>
      <c r="BN13" s="280">
        <v>12</v>
      </c>
      <c r="BO13" s="277">
        <v>303</v>
      </c>
      <c r="BP13" s="282">
        <v>303</v>
      </c>
      <c r="BQ13" s="276">
        <v>1</v>
      </c>
      <c r="BR13" s="280">
        <v>0</v>
      </c>
      <c r="BS13" s="277">
        <v>1</v>
      </c>
      <c r="BT13" s="279">
        <v>0</v>
      </c>
      <c r="BU13" s="280">
        <v>83</v>
      </c>
      <c r="BV13" s="280">
        <v>100</v>
      </c>
      <c r="BW13" s="280">
        <v>214</v>
      </c>
      <c r="BX13" s="280">
        <v>197</v>
      </c>
      <c r="BY13" s="280">
        <v>15</v>
      </c>
      <c r="BZ13" s="277">
        <v>609</v>
      </c>
      <c r="CA13" s="282">
        <v>610</v>
      </c>
      <c r="CB13" s="276">
        <v>0</v>
      </c>
      <c r="CC13" s="280">
        <v>0</v>
      </c>
      <c r="CD13" s="277">
        <v>0</v>
      </c>
      <c r="CE13" s="279">
        <v>0</v>
      </c>
      <c r="CF13" s="280">
        <v>7</v>
      </c>
      <c r="CG13" s="280">
        <v>32</v>
      </c>
      <c r="CH13" s="280">
        <v>5</v>
      </c>
      <c r="CI13" s="280">
        <v>10</v>
      </c>
      <c r="CJ13" s="280">
        <v>0</v>
      </c>
      <c r="CK13" s="277">
        <v>54</v>
      </c>
      <c r="CL13" s="282">
        <v>54</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105</v>
      </c>
      <c r="H14" s="280">
        <v>180</v>
      </c>
      <c r="I14" s="280">
        <v>564</v>
      </c>
      <c r="J14" s="280">
        <v>420</v>
      </c>
      <c r="K14" s="280">
        <v>759</v>
      </c>
      <c r="L14" s="281">
        <v>2028</v>
      </c>
      <c r="M14" s="282">
        <v>2028</v>
      </c>
      <c r="N14" s="276">
        <v>0</v>
      </c>
      <c r="O14" s="280">
        <v>0</v>
      </c>
      <c r="P14" s="277">
        <v>0</v>
      </c>
      <c r="Q14" s="279">
        <v>0</v>
      </c>
      <c r="R14" s="280">
        <v>0</v>
      </c>
      <c r="S14" s="280">
        <v>10</v>
      </c>
      <c r="T14" s="280">
        <v>12</v>
      </c>
      <c r="U14" s="280">
        <v>27</v>
      </c>
      <c r="V14" s="280">
        <v>8</v>
      </c>
      <c r="W14" s="277">
        <v>57</v>
      </c>
      <c r="X14" s="282">
        <v>57</v>
      </c>
      <c r="Y14" s="276">
        <v>15</v>
      </c>
      <c r="Z14" s="280">
        <v>29</v>
      </c>
      <c r="AA14" s="277">
        <v>44</v>
      </c>
      <c r="AB14" s="279">
        <v>0</v>
      </c>
      <c r="AC14" s="280">
        <v>186</v>
      </c>
      <c r="AD14" s="280">
        <v>157</v>
      </c>
      <c r="AE14" s="280">
        <v>129</v>
      </c>
      <c r="AF14" s="280">
        <v>126</v>
      </c>
      <c r="AG14" s="280">
        <v>150</v>
      </c>
      <c r="AH14" s="277">
        <v>748</v>
      </c>
      <c r="AI14" s="282">
        <v>792</v>
      </c>
      <c r="AJ14" s="276">
        <v>0</v>
      </c>
      <c r="AK14" s="280">
        <v>17</v>
      </c>
      <c r="AL14" s="277">
        <v>17</v>
      </c>
      <c r="AM14" s="279">
        <v>0</v>
      </c>
      <c r="AN14" s="280">
        <v>30</v>
      </c>
      <c r="AO14" s="280">
        <v>16</v>
      </c>
      <c r="AP14" s="280">
        <v>0</v>
      </c>
      <c r="AQ14" s="280">
        <v>98</v>
      </c>
      <c r="AR14" s="280">
        <v>0</v>
      </c>
      <c r="AS14" s="277">
        <v>144</v>
      </c>
      <c r="AT14" s="282">
        <v>161</v>
      </c>
      <c r="AU14" s="276">
        <v>0</v>
      </c>
      <c r="AV14" s="280">
        <v>0</v>
      </c>
      <c r="AW14" s="277">
        <v>0</v>
      </c>
      <c r="AX14" s="279">
        <v>0</v>
      </c>
      <c r="AY14" s="280">
        <v>317</v>
      </c>
      <c r="AZ14" s="280">
        <v>132</v>
      </c>
      <c r="BA14" s="280">
        <v>242</v>
      </c>
      <c r="BB14" s="280">
        <v>143</v>
      </c>
      <c r="BC14" s="280">
        <v>21</v>
      </c>
      <c r="BD14" s="281">
        <v>855</v>
      </c>
      <c r="BE14" s="282">
        <v>855</v>
      </c>
      <c r="BF14" s="276">
        <v>0</v>
      </c>
      <c r="BG14" s="280">
        <v>0</v>
      </c>
      <c r="BH14" s="277">
        <v>0</v>
      </c>
      <c r="BI14" s="279">
        <v>0</v>
      </c>
      <c r="BJ14" s="280">
        <v>93</v>
      </c>
      <c r="BK14" s="280">
        <v>61</v>
      </c>
      <c r="BL14" s="280">
        <v>30</v>
      </c>
      <c r="BM14" s="280">
        <v>65</v>
      </c>
      <c r="BN14" s="280">
        <v>7</v>
      </c>
      <c r="BO14" s="277">
        <v>256</v>
      </c>
      <c r="BP14" s="282">
        <v>256</v>
      </c>
      <c r="BQ14" s="276">
        <v>2</v>
      </c>
      <c r="BR14" s="280">
        <v>0</v>
      </c>
      <c r="BS14" s="277">
        <v>2</v>
      </c>
      <c r="BT14" s="279">
        <v>0</v>
      </c>
      <c r="BU14" s="280">
        <v>72</v>
      </c>
      <c r="BV14" s="280">
        <v>30</v>
      </c>
      <c r="BW14" s="280">
        <v>84</v>
      </c>
      <c r="BX14" s="280">
        <v>77</v>
      </c>
      <c r="BY14" s="280">
        <v>0</v>
      </c>
      <c r="BZ14" s="277">
        <v>263</v>
      </c>
      <c r="CA14" s="282">
        <v>265</v>
      </c>
      <c r="CB14" s="276">
        <v>0</v>
      </c>
      <c r="CC14" s="280">
        <v>0</v>
      </c>
      <c r="CD14" s="277">
        <v>0</v>
      </c>
      <c r="CE14" s="279">
        <v>0</v>
      </c>
      <c r="CF14" s="280">
        <v>0</v>
      </c>
      <c r="CG14" s="280">
        <v>9</v>
      </c>
      <c r="CH14" s="280">
        <v>0</v>
      </c>
      <c r="CI14" s="280">
        <v>11</v>
      </c>
      <c r="CJ14" s="280">
        <v>0</v>
      </c>
      <c r="CK14" s="277">
        <v>20</v>
      </c>
      <c r="CL14" s="282">
        <v>20</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478</v>
      </c>
      <c r="H15" s="280">
        <v>627</v>
      </c>
      <c r="I15" s="280">
        <v>676</v>
      </c>
      <c r="J15" s="280">
        <v>1108</v>
      </c>
      <c r="K15" s="280">
        <v>812</v>
      </c>
      <c r="L15" s="281">
        <v>3701</v>
      </c>
      <c r="M15" s="282">
        <v>3701</v>
      </c>
      <c r="N15" s="276">
        <v>0</v>
      </c>
      <c r="O15" s="280">
        <v>0</v>
      </c>
      <c r="P15" s="277">
        <v>0</v>
      </c>
      <c r="Q15" s="279">
        <v>0</v>
      </c>
      <c r="R15" s="280">
        <v>0</v>
      </c>
      <c r="S15" s="280">
        <v>9</v>
      </c>
      <c r="T15" s="280">
        <v>8</v>
      </c>
      <c r="U15" s="280">
        <v>15</v>
      </c>
      <c r="V15" s="280">
        <v>15</v>
      </c>
      <c r="W15" s="277">
        <v>47</v>
      </c>
      <c r="X15" s="282">
        <v>47</v>
      </c>
      <c r="Y15" s="276">
        <v>52</v>
      </c>
      <c r="Z15" s="280">
        <v>117</v>
      </c>
      <c r="AA15" s="277">
        <v>169</v>
      </c>
      <c r="AB15" s="279">
        <v>0</v>
      </c>
      <c r="AC15" s="280">
        <v>148</v>
      </c>
      <c r="AD15" s="280">
        <v>284</v>
      </c>
      <c r="AE15" s="280">
        <v>205</v>
      </c>
      <c r="AF15" s="280">
        <v>84</v>
      </c>
      <c r="AG15" s="280">
        <v>56</v>
      </c>
      <c r="AH15" s="277">
        <v>777</v>
      </c>
      <c r="AI15" s="282">
        <v>946</v>
      </c>
      <c r="AJ15" s="276">
        <v>0</v>
      </c>
      <c r="AK15" s="280">
        <v>0</v>
      </c>
      <c r="AL15" s="277">
        <v>0</v>
      </c>
      <c r="AM15" s="279">
        <v>0</v>
      </c>
      <c r="AN15" s="280">
        <v>0</v>
      </c>
      <c r="AO15" s="280">
        <v>67</v>
      </c>
      <c r="AP15" s="280">
        <v>52</v>
      </c>
      <c r="AQ15" s="280">
        <v>35</v>
      </c>
      <c r="AR15" s="280">
        <v>24</v>
      </c>
      <c r="AS15" s="277">
        <v>178</v>
      </c>
      <c r="AT15" s="282">
        <v>178</v>
      </c>
      <c r="AU15" s="276">
        <v>0</v>
      </c>
      <c r="AV15" s="280">
        <v>0</v>
      </c>
      <c r="AW15" s="277">
        <v>0</v>
      </c>
      <c r="AX15" s="279">
        <v>0</v>
      </c>
      <c r="AY15" s="280">
        <v>424</v>
      </c>
      <c r="AZ15" s="280">
        <v>316</v>
      </c>
      <c r="BA15" s="280">
        <v>152</v>
      </c>
      <c r="BB15" s="280">
        <v>76</v>
      </c>
      <c r="BC15" s="280">
        <v>18</v>
      </c>
      <c r="BD15" s="281">
        <v>986</v>
      </c>
      <c r="BE15" s="282">
        <v>986</v>
      </c>
      <c r="BF15" s="276">
        <v>0</v>
      </c>
      <c r="BG15" s="280">
        <v>0</v>
      </c>
      <c r="BH15" s="277">
        <v>0</v>
      </c>
      <c r="BI15" s="279">
        <v>0</v>
      </c>
      <c r="BJ15" s="280">
        <v>65</v>
      </c>
      <c r="BK15" s="280">
        <v>114</v>
      </c>
      <c r="BL15" s="280">
        <v>82</v>
      </c>
      <c r="BM15" s="280">
        <v>47</v>
      </c>
      <c r="BN15" s="280">
        <v>24</v>
      </c>
      <c r="BO15" s="277">
        <v>332</v>
      </c>
      <c r="BP15" s="282">
        <v>332</v>
      </c>
      <c r="BQ15" s="276">
        <v>2</v>
      </c>
      <c r="BR15" s="280">
        <v>10</v>
      </c>
      <c r="BS15" s="277">
        <v>12</v>
      </c>
      <c r="BT15" s="279">
        <v>0</v>
      </c>
      <c r="BU15" s="280">
        <v>96</v>
      </c>
      <c r="BV15" s="280">
        <v>49</v>
      </c>
      <c r="BW15" s="280">
        <v>36</v>
      </c>
      <c r="BX15" s="280">
        <v>166</v>
      </c>
      <c r="BY15" s="280">
        <v>25</v>
      </c>
      <c r="BZ15" s="277">
        <v>372</v>
      </c>
      <c r="CA15" s="282">
        <v>384</v>
      </c>
      <c r="CB15" s="276">
        <v>0</v>
      </c>
      <c r="CC15" s="280">
        <v>0</v>
      </c>
      <c r="CD15" s="277">
        <v>0</v>
      </c>
      <c r="CE15" s="279">
        <v>0</v>
      </c>
      <c r="CF15" s="280">
        <v>0</v>
      </c>
      <c r="CG15" s="280">
        <v>8</v>
      </c>
      <c r="CH15" s="280">
        <v>0</v>
      </c>
      <c r="CI15" s="280">
        <v>3</v>
      </c>
      <c r="CJ15" s="280">
        <v>0</v>
      </c>
      <c r="CK15" s="277">
        <v>11</v>
      </c>
      <c r="CL15" s="282">
        <v>11</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161</v>
      </c>
      <c r="H16" s="280">
        <v>301</v>
      </c>
      <c r="I16" s="280">
        <v>291</v>
      </c>
      <c r="J16" s="280">
        <v>403</v>
      </c>
      <c r="K16" s="280">
        <v>354</v>
      </c>
      <c r="L16" s="281">
        <v>1510</v>
      </c>
      <c r="M16" s="282">
        <v>1510</v>
      </c>
      <c r="N16" s="276">
        <v>0</v>
      </c>
      <c r="O16" s="280">
        <v>0</v>
      </c>
      <c r="P16" s="277">
        <v>0</v>
      </c>
      <c r="Q16" s="279">
        <v>0</v>
      </c>
      <c r="R16" s="280">
        <v>0</v>
      </c>
      <c r="S16" s="280">
        <v>0</v>
      </c>
      <c r="T16" s="280">
        <v>3</v>
      </c>
      <c r="U16" s="280">
        <v>7</v>
      </c>
      <c r="V16" s="280">
        <v>30</v>
      </c>
      <c r="W16" s="277">
        <v>40</v>
      </c>
      <c r="X16" s="282">
        <v>40</v>
      </c>
      <c r="Y16" s="276">
        <v>0</v>
      </c>
      <c r="Z16" s="280">
        <v>11</v>
      </c>
      <c r="AA16" s="277">
        <v>11</v>
      </c>
      <c r="AB16" s="279">
        <v>0</v>
      </c>
      <c r="AC16" s="280">
        <v>73</v>
      </c>
      <c r="AD16" s="280">
        <v>136</v>
      </c>
      <c r="AE16" s="280">
        <v>89</v>
      </c>
      <c r="AF16" s="280">
        <v>118</v>
      </c>
      <c r="AG16" s="280">
        <v>76</v>
      </c>
      <c r="AH16" s="277">
        <v>492</v>
      </c>
      <c r="AI16" s="282">
        <v>503</v>
      </c>
      <c r="AJ16" s="276">
        <v>9</v>
      </c>
      <c r="AK16" s="280">
        <v>2</v>
      </c>
      <c r="AL16" s="277">
        <v>11</v>
      </c>
      <c r="AM16" s="279">
        <v>0</v>
      </c>
      <c r="AN16" s="280">
        <v>19</v>
      </c>
      <c r="AO16" s="280">
        <v>0</v>
      </c>
      <c r="AP16" s="280">
        <v>0</v>
      </c>
      <c r="AQ16" s="280">
        <v>6</v>
      </c>
      <c r="AR16" s="280">
        <v>0</v>
      </c>
      <c r="AS16" s="277">
        <v>25</v>
      </c>
      <c r="AT16" s="282">
        <v>36</v>
      </c>
      <c r="AU16" s="276">
        <v>0</v>
      </c>
      <c r="AV16" s="280">
        <v>0</v>
      </c>
      <c r="AW16" s="277">
        <v>0</v>
      </c>
      <c r="AX16" s="279">
        <v>0</v>
      </c>
      <c r="AY16" s="280">
        <v>112</v>
      </c>
      <c r="AZ16" s="280">
        <v>133</v>
      </c>
      <c r="BA16" s="280">
        <v>96</v>
      </c>
      <c r="BB16" s="280">
        <v>55</v>
      </c>
      <c r="BC16" s="280">
        <v>35</v>
      </c>
      <c r="BD16" s="281">
        <v>431</v>
      </c>
      <c r="BE16" s="282">
        <v>431</v>
      </c>
      <c r="BF16" s="276">
        <v>0</v>
      </c>
      <c r="BG16" s="280">
        <v>0</v>
      </c>
      <c r="BH16" s="277">
        <v>0</v>
      </c>
      <c r="BI16" s="279">
        <v>0</v>
      </c>
      <c r="BJ16" s="280">
        <v>14</v>
      </c>
      <c r="BK16" s="280">
        <v>35</v>
      </c>
      <c r="BL16" s="280">
        <v>12</v>
      </c>
      <c r="BM16" s="280">
        <v>27</v>
      </c>
      <c r="BN16" s="280">
        <v>4</v>
      </c>
      <c r="BO16" s="277">
        <v>92</v>
      </c>
      <c r="BP16" s="282">
        <v>92</v>
      </c>
      <c r="BQ16" s="276">
        <v>0</v>
      </c>
      <c r="BR16" s="280">
        <v>0</v>
      </c>
      <c r="BS16" s="277">
        <v>0</v>
      </c>
      <c r="BT16" s="279">
        <v>0</v>
      </c>
      <c r="BU16" s="280">
        <v>16</v>
      </c>
      <c r="BV16" s="280">
        <v>8</v>
      </c>
      <c r="BW16" s="280">
        <v>39</v>
      </c>
      <c r="BX16" s="280">
        <v>84</v>
      </c>
      <c r="BY16" s="280">
        <v>5</v>
      </c>
      <c r="BZ16" s="277">
        <v>152</v>
      </c>
      <c r="CA16" s="282">
        <v>152</v>
      </c>
      <c r="CB16" s="276">
        <v>0</v>
      </c>
      <c r="CC16" s="280">
        <v>0</v>
      </c>
      <c r="CD16" s="277">
        <v>0</v>
      </c>
      <c r="CE16" s="279">
        <v>0</v>
      </c>
      <c r="CF16" s="280">
        <v>2</v>
      </c>
      <c r="CG16" s="280">
        <v>0</v>
      </c>
      <c r="CH16" s="280">
        <v>0</v>
      </c>
      <c r="CI16" s="280">
        <v>0</v>
      </c>
      <c r="CJ16" s="280">
        <v>0</v>
      </c>
      <c r="CK16" s="277">
        <v>2</v>
      </c>
      <c r="CL16" s="282">
        <v>2</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97</v>
      </c>
      <c r="H17" s="280">
        <v>74</v>
      </c>
      <c r="I17" s="280">
        <v>205</v>
      </c>
      <c r="J17" s="280">
        <v>97</v>
      </c>
      <c r="K17" s="280">
        <v>106</v>
      </c>
      <c r="L17" s="281">
        <v>579</v>
      </c>
      <c r="M17" s="282">
        <v>579</v>
      </c>
      <c r="N17" s="276">
        <v>0</v>
      </c>
      <c r="O17" s="280">
        <v>0</v>
      </c>
      <c r="P17" s="277">
        <v>0</v>
      </c>
      <c r="Q17" s="279">
        <v>0</v>
      </c>
      <c r="R17" s="280">
        <v>0</v>
      </c>
      <c r="S17" s="280">
        <v>0</v>
      </c>
      <c r="T17" s="280">
        <v>0</v>
      </c>
      <c r="U17" s="280">
        <v>5</v>
      </c>
      <c r="V17" s="280">
        <v>0</v>
      </c>
      <c r="W17" s="277">
        <v>5</v>
      </c>
      <c r="X17" s="282">
        <v>5</v>
      </c>
      <c r="Y17" s="276">
        <v>0</v>
      </c>
      <c r="Z17" s="280">
        <v>6</v>
      </c>
      <c r="AA17" s="277">
        <v>6</v>
      </c>
      <c r="AB17" s="279">
        <v>0</v>
      </c>
      <c r="AC17" s="280">
        <v>21</v>
      </c>
      <c r="AD17" s="280">
        <v>54</v>
      </c>
      <c r="AE17" s="280">
        <v>6</v>
      </c>
      <c r="AF17" s="280">
        <v>24</v>
      </c>
      <c r="AG17" s="280">
        <v>4</v>
      </c>
      <c r="AH17" s="277">
        <v>109</v>
      </c>
      <c r="AI17" s="282">
        <v>115</v>
      </c>
      <c r="AJ17" s="276">
        <v>0</v>
      </c>
      <c r="AK17" s="280">
        <v>0</v>
      </c>
      <c r="AL17" s="277">
        <v>0</v>
      </c>
      <c r="AM17" s="279">
        <v>0</v>
      </c>
      <c r="AN17" s="280">
        <v>10</v>
      </c>
      <c r="AO17" s="280">
        <v>12</v>
      </c>
      <c r="AP17" s="280">
        <v>0</v>
      </c>
      <c r="AQ17" s="280">
        <v>0</v>
      </c>
      <c r="AR17" s="280">
        <v>9</v>
      </c>
      <c r="AS17" s="277">
        <v>31</v>
      </c>
      <c r="AT17" s="282">
        <v>31</v>
      </c>
      <c r="AU17" s="276">
        <v>0</v>
      </c>
      <c r="AV17" s="280">
        <v>0</v>
      </c>
      <c r="AW17" s="277">
        <v>0</v>
      </c>
      <c r="AX17" s="279">
        <v>0</v>
      </c>
      <c r="AY17" s="280">
        <v>16</v>
      </c>
      <c r="AZ17" s="280">
        <v>42</v>
      </c>
      <c r="BA17" s="280">
        <v>35</v>
      </c>
      <c r="BB17" s="280">
        <v>0</v>
      </c>
      <c r="BC17" s="280">
        <v>0</v>
      </c>
      <c r="BD17" s="281">
        <v>93</v>
      </c>
      <c r="BE17" s="282">
        <v>93</v>
      </c>
      <c r="BF17" s="276">
        <v>0</v>
      </c>
      <c r="BG17" s="280">
        <v>0</v>
      </c>
      <c r="BH17" s="277">
        <v>0</v>
      </c>
      <c r="BI17" s="279">
        <v>0</v>
      </c>
      <c r="BJ17" s="280">
        <v>0</v>
      </c>
      <c r="BK17" s="280">
        <v>17</v>
      </c>
      <c r="BL17" s="280">
        <v>28</v>
      </c>
      <c r="BM17" s="280">
        <v>0</v>
      </c>
      <c r="BN17" s="280">
        <v>0</v>
      </c>
      <c r="BO17" s="277">
        <v>45</v>
      </c>
      <c r="BP17" s="282">
        <v>45</v>
      </c>
      <c r="BQ17" s="276">
        <v>0</v>
      </c>
      <c r="BR17" s="280">
        <v>0</v>
      </c>
      <c r="BS17" s="277">
        <v>0</v>
      </c>
      <c r="BT17" s="279">
        <v>0</v>
      </c>
      <c r="BU17" s="280">
        <v>0</v>
      </c>
      <c r="BV17" s="280">
        <v>2</v>
      </c>
      <c r="BW17" s="280">
        <v>36</v>
      </c>
      <c r="BX17" s="280">
        <v>46</v>
      </c>
      <c r="BY17" s="280">
        <v>34</v>
      </c>
      <c r="BZ17" s="277">
        <v>118</v>
      </c>
      <c r="CA17" s="282">
        <v>118</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96</v>
      </c>
      <c r="H18" s="280">
        <v>98</v>
      </c>
      <c r="I18" s="280">
        <v>135</v>
      </c>
      <c r="J18" s="280">
        <v>66</v>
      </c>
      <c r="K18" s="280">
        <v>82</v>
      </c>
      <c r="L18" s="281">
        <v>477</v>
      </c>
      <c r="M18" s="282">
        <v>477</v>
      </c>
      <c r="N18" s="276">
        <v>0</v>
      </c>
      <c r="O18" s="280">
        <v>0</v>
      </c>
      <c r="P18" s="277">
        <v>0</v>
      </c>
      <c r="Q18" s="279">
        <v>0</v>
      </c>
      <c r="R18" s="280">
        <v>0</v>
      </c>
      <c r="S18" s="280">
        <v>3</v>
      </c>
      <c r="T18" s="280">
        <v>2</v>
      </c>
      <c r="U18" s="280">
        <v>4</v>
      </c>
      <c r="V18" s="280">
        <v>8</v>
      </c>
      <c r="W18" s="277">
        <v>17</v>
      </c>
      <c r="X18" s="282">
        <v>17</v>
      </c>
      <c r="Y18" s="276">
        <v>11</v>
      </c>
      <c r="Z18" s="280">
        <v>15</v>
      </c>
      <c r="AA18" s="277">
        <v>26</v>
      </c>
      <c r="AB18" s="279">
        <v>0</v>
      </c>
      <c r="AC18" s="280">
        <v>106</v>
      </c>
      <c r="AD18" s="280">
        <v>136</v>
      </c>
      <c r="AE18" s="280">
        <v>33</v>
      </c>
      <c r="AF18" s="280">
        <v>103</v>
      </c>
      <c r="AG18" s="280">
        <v>50</v>
      </c>
      <c r="AH18" s="277">
        <v>428</v>
      </c>
      <c r="AI18" s="282">
        <v>454</v>
      </c>
      <c r="AJ18" s="276">
        <v>0</v>
      </c>
      <c r="AK18" s="280">
        <v>0</v>
      </c>
      <c r="AL18" s="277">
        <v>0</v>
      </c>
      <c r="AM18" s="279">
        <v>0</v>
      </c>
      <c r="AN18" s="280">
        <v>0</v>
      </c>
      <c r="AO18" s="280">
        <v>-14</v>
      </c>
      <c r="AP18" s="280">
        <v>6</v>
      </c>
      <c r="AQ18" s="280">
        <v>0</v>
      </c>
      <c r="AR18" s="280">
        <v>6</v>
      </c>
      <c r="AS18" s="277">
        <v>-2</v>
      </c>
      <c r="AT18" s="282">
        <v>-2</v>
      </c>
      <c r="AU18" s="276">
        <v>0</v>
      </c>
      <c r="AV18" s="280">
        <v>0</v>
      </c>
      <c r="AW18" s="277">
        <v>0</v>
      </c>
      <c r="AX18" s="279">
        <v>0</v>
      </c>
      <c r="AY18" s="280">
        <v>169</v>
      </c>
      <c r="AZ18" s="280">
        <v>206</v>
      </c>
      <c r="BA18" s="280">
        <v>54</v>
      </c>
      <c r="BB18" s="280">
        <v>84</v>
      </c>
      <c r="BC18" s="280">
        <v>15</v>
      </c>
      <c r="BD18" s="281">
        <v>528</v>
      </c>
      <c r="BE18" s="282">
        <v>528</v>
      </c>
      <c r="BF18" s="276">
        <v>0</v>
      </c>
      <c r="BG18" s="280">
        <v>0</v>
      </c>
      <c r="BH18" s="277">
        <v>0</v>
      </c>
      <c r="BI18" s="279">
        <v>0</v>
      </c>
      <c r="BJ18" s="280">
        <v>150</v>
      </c>
      <c r="BK18" s="280">
        <v>231</v>
      </c>
      <c r="BL18" s="280">
        <v>12</v>
      </c>
      <c r="BM18" s="280">
        <v>35</v>
      </c>
      <c r="BN18" s="280">
        <v>0</v>
      </c>
      <c r="BO18" s="277">
        <v>428</v>
      </c>
      <c r="BP18" s="282">
        <v>428</v>
      </c>
      <c r="BQ18" s="276">
        <v>0</v>
      </c>
      <c r="BR18" s="280">
        <v>0</v>
      </c>
      <c r="BS18" s="277">
        <v>0</v>
      </c>
      <c r="BT18" s="279">
        <v>0</v>
      </c>
      <c r="BU18" s="280">
        <v>6</v>
      </c>
      <c r="BV18" s="280">
        <v>28</v>
      </c>
      <c r="BW18" s="280">
        <v>59</v>
      </c>
      <c r="BX18" s="280">
        <v>8</v>
      </c>
      <c r="BY18" s="280">
        <v>4</v>
      </c>
      <c r="BZ18" s="277">
        <v>105</v>
      </c>
      <c r="CA18" s="282">
        <v>105</v>
      </c>
      <c r="CB18" s="276">
        <v>0</v>
      </c>
      <c r="CC18" s="280">
        <v>0</v>
      </c>
      <c r="CD18" s="277">
        <v>0</v>
      </c>
      <c r="CE18" s="279">
        <v>0</v>
      </c>
      <c r="CF18" s="280">
        <v>0</v>
      </c>
      <c r="CG18" s="280">
        <v>27</v>
      </c>
      <c r="CH18" s="280">
        <v>0</v>
      </c>
      <c r="CI18" s="280">
        <v>3</v>
      </c>
      <c r="CJ18" s="280">
        <v>0</v>
      </c>
      <c r="CK18" s="277">
        <v>30</v>
      </c>
      <c r="CL18" s="282">
        <v>30</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149</v>
      </c>
      <c r="H19" s="280">
        <v>299</v>
      </c>
      <c r="I19" s="280">
        <v>362</v>
      </c>
      <c r="J19" s="280">
        <v>84</v>
      </c>
      <c r="K19" s="280">
        <v>642</v>
      </c>
      <c r="L19" s="281">
        <v>1536</v>
      </c>
      <c r="M19" s="282">
        <v>1536</v>
      </c>
      <c r="N19" s="276">
        <v>0</v>
      </c>
      <c r="O19" s="280">
        <v>0</v>
      </c>
      <c r="P19" s="277">
        <v>0</v>
      </c>
      <c r="Q19" s="279">
        <v>0</v>
      </c>
      <c r="R19" s="280">
        <v>0</v>
      </c>
      <c r="S19" s="280">
        <v>3</v>
      </c>
      <c r="T19" s="280">
        <v>0</v>
      </c>
      <c r="U19" s="280">
        <v>0</v>
      </c>
      <c r="V19" s="280">
        <v>41</v>
      </c>
      <c r="W19" s="277">
        <v>44</v>
      </c>
      <c r="X19" s="282">
        <v>44</v>
      </c>
      <c r="Y19" s="276">
        <v>22</v>
      </c>
      <c r="Z19" s="280">
        <v>35</v>
      </c>
      <c r="AA19" s="277">
        <v>57</v>
      </c>
      <c r="AB19" s="279">
        <v>0</v>
      </c>
      <c r="AC19" s="280">
        <v>61</v>
      </c>
      <c r="AD19" s="280">
        <v>118</v>
      </c>
      <c r="AE19" s="280">
        <v>78</v>
      </c>
      <c r="AF19" s="280">
        <v>38</v>
      </c>
      <c r="AG19" s="280">
        <v>74</v>
      </c>
      <c r="AH19" s="277">
        <v>369</v>
      </c>
      <c r="AI19" s="282">
        <v>426</v>
      </c>
      <c r="AJ19" s="276">
        <v>0</v>
      </c>
      <c r="AK19" s="280">
        <v>24</v>
      </c>
      <c r="AL19" s="277">
        <v>24</v>
      </c>
      <c r="AM19" s="279">
        <v>0</v>
      </c>
      <c r="AN19" s="280">
        <v>12</v>
      </c>
      <c r="AO19" s="280">
        <v>42</v>
      </c>
      <c r="AP19" s="280">
        <v>0</v>
      </c>
      <c r="AQ19" s="280">
        <v>3</v>
      </c>
      <c r="AR19" s="280">
        <v>0</v>
      </c>
      <c r="AS19" s="277">
        <v>57</v>
      </c>
      <c r="AT19" s="282">
        <v>81</v>
      </c>
      <c r="AU19" s="276">
        <v>0</v>
      </c>
      <c r="AV19" s="280">
        <v>0</v>
      </c>
      <c r="AW19" s="277">
        <v>0</v>
      </c>
      <c r="AX19" s="279">
        <v>0</v>
      </c>
      <c r="AY19" s="280">
        <v>278</v>
      </c>
      <c r="AZ19" s="280">
        <v>238</v>
      </c>
      <c r="BA19" s="280">
        <v>60</v>
      </c>
      <c r="BB19" s="280">
        <v>116</v>
      </c>
      <c r="BC19" s="280">
        <v>67</v>
      </c>
      <c r="BD19" s="281">
        <v>759</v>
      </c>
      <c r="BE19" s="282">
        <v>759</v>
      </c>
      <c r="BF19" s="276">
        <v>0</v>
      </c>
      <c r="BG19" s="280">
        <v>0</v>
      </c>
      <c r="BH19" s="277">
        <v>0</v>
      </c>
      <c r="BI19" s="279">
        <v>0</v>
      </c>
      <c r="BJ19" s="280">
        <v>23</v>
      </c>
      <c r="BK19" s="280">
        <v>145</v>
      </c>
      <c r="BL19" s="280">
        <v>25</v>
      </c>
      <c r="BM19" s="280">
        <v>11</v>
      </c>
      <c r="BN19" s="280">
        <v>13</v>
      </c>
      <c r="BO19" s="277">
        <v>217</v>
      </c>
      <c r="BP19" s="282">
        <v>217</v>
      </c>
      <c r="BQ19" s="276">
        <v>0</v>
      </c>
      <c r="BR19" s="280">
        <v>0</v>
      </c>
      <c r="BS19" s="277">
        <v>0</v>
      </c>
      <c r="BT19" s="279">
        <v>0</v>
      </c>
      <c r="BU19" s="280">
        <v>17</v>
      </c>
      <c r="BV19" s="280">
        <v>20</v>
      </c>
      <c r="BW19" s="280">
        <v>36</v>
      </c>
      <c r="BX19" s="280">
        <v>174</v>
      </c>
      <c r="BY19" s="280">
        <v>34</v>
      </c>
      <c r="BZ19" s="277">
        <v>281</v>
      </c>
      <c r="CA19" s="282">
        <v>281</v>
      </c>
      <c r="CB19" s="276">
        <v>0</v>
      </c>
      <c r="CC19" s="280">
        <v>0</v>
      </c>
      <c r="CD19" s="277">
        <v>0</v>
      </c>
      <c r="CE19" s="279">
        <v>0</v>
      </c>
      <c r="CF19" s="280">
        <v>18</v>
      </c>
      <c r="CG19" s="280">
        <v>10</v>
      </c>
      <c r="CH19" s="280">
        <v>0</v>
      </c>
      <c r="CI19" s="280">
        <v>0</v>
      </c>
      <c r="CJ19" s="280">
        <v>0</v>
      </c>
      <c r="CK19" s="277">
        <v>28</v>
      </c>
      <c r="CL19" s="282">
        <v>28</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271</v>
      </c>
      <c r="H20" s="280">
        <v>320</v>
      </c>
      <c r="I20" s="280">
        <v>445</v>
      </c>
      <c r="J20" s="280">
        <v>575</v>
      </c>
      <c r="K20" s="280">
        <v>44</v>
      </c>
      <c r="L20" s="281">
        <v>1655</v>
      </c>
      <c r="M20" s="282">
        <v>1655</v>
      </c>
      <c r="N20" s="276">
        <v>0</v>
      </c>
      <c r="O20" s="280">
        <v>0</v>
      </c>
      <c r="P20" s="277">
        <v>0</v>
      </c>
      <c r="Q20" s="279">
        <v>0</v>
      </c>
      <c r="R20" s="280">
        <v>5</v>
      </c>
      <c r="S20" s="280">
        <v>0</v>
      </c>
      <c r="T20" s="280">
        <v>5</v>
      </c>
      <c r="U20" s="280">
        <v>16</v>
      </c>
      <c r="V20" s="280">
        <v>4</v>
      </c>
      <c r="W20" s="277">
        <v>30</v>
      </c>
      <c r="X20" s="282">
        <v>30</v>
      </c>
      <c r="Y20" s="276">
        <v>22</v>
      </c>
      <c r="Z20" s="280">
        <v>18</v>
      </c>
      <c r="AA20" s="277">
        <v>40</v>
      </c>
      <c r="AB20" s="279">
        <v>0</v>
      </c>
      <c r="AC20" s="280">
        <v>191</v>
      </c>
      <c r="AD20" s="280">
        <v>153</v>
      </c>
      <c r="AE20" s="280">
        <v>147</v>
      </c>
      <c r="AF20" s="280">
        <v>115</v>
      </c>
      <c r="AG20" s="280">
        <v>20</v>
      </c>
      <c r="AH20" s="277">
        <v>626</v>
      </c>
      <c r="AI20" s="282">
        <v>666</v>
      </c>
      <c r="AJ20" s="276">
        <v>0</v>
      </c>
      <c r="AK20" s="280">
        <v>0</v>
      </c>
      <c r="AL20" s="277">
        <v>0</v>
      </c>
      <c r="AM20" s="279">
        <v>0</v>
      </c>
      <c r="AN20" s="280">
        <v>50</v>
      </c>
      <c r="AO20" s="280">
        <v>73</v>
      </c>
      <c r="AP20" s="280">
        <v>0</v>
      </c>
      <c r="AQ20" s="280">
        <v>0</v>
      </c>
      <c r="AR20" s="280">
        <v>0</v>
      </c>
      <c r="AS20" s="277">
        <v>123</v>
      </c>
      <c r="AT20" s="282">
        <v>123</v>
      </c>
      <c r="AU20" s="276">
        <v>0</v>
      </c>
      <c r="AV20" s="280">
        <v>0</v>
      </c>
      <c r="AW20" s="277">
        <v>0</v>
      </c>
      <c r="AX20" s="279">
        <v>0</v>
      </c>
      <c r="AY20" s="280">
        <v>367</v>
      </c>
      <c r="AZ20" s="280">
        <v>264</v>
      </c>
      <c r="BA20" s="280">
        <v>353</v>
      </c>
      <c r="BB20" s="280">
        <v>95</v>
      </c>
      <c r="BC20" s="280">
        <v>102</v>
      </c>
      <c r="BD20" s="281">
        <v>1181</v>
      </c>
      <c r="BE20" s="282">
        <v>1181</v>
      </c>
      <c r="BF20" s="276">
        <v>0</v>
      </c>
      <c r="BG20" s="280">
        <v>0</v>
      </c>
      <c r="BH20" s="277">
        <v>0</v>
      </c>
      <c r="BI20" s="279">
        <v>0</v>
      </c>
      <c r="BJ20" s="280">
        <v>127</v>
      </c>
      <c r="BK20" s="280">
        <v>82</v>
      </c>
      <c r="BL20" s="280">
        <v>70</v>
      </c>
      <c r="BM20" s="280">
        <v>16</v>
      </c>
      <c r="BN20" s="280">
        <v>16</v>
      </c>
      <c r="BO20" s="277">
        <v>311</v>
      </c>
      <c r="BP20" s="282">
        <v>311</v>
      </c>
      <c r="BQ20" s="276">
        <v>0</v>
      </c>
      <c r="BR20" s="280">
        <v>3</v>
      </c>
      <c r="BS20" s="277">
        <v>3</v>
      </c>
      <c r="BT20" s="279">
        <v>0</v>
      </c>
      <c r="BU20" s="280">
        <v>21</v>
      </c>
      <c r="BV20" s="280">
        <v>65</v>
      </c>
      <c r="BW20" s="280">
        <v>199</v>
      </c>
      <c r="BX20" s="280">
        <v>33</v>
      </c>
      <c r="BY20" s="280">
        <v>8</v>
      </c>
      <c r="BZ20" s="277">
        <v>326</v>
      </c>
      <c r="CA20" s="282">
        <v>329</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141</v>
      </c>
      <c r="H21" s="280">
        <v>93</v>
      </c>
      <c r="I21" s="280">
        <v>29</v>
      </c>
      <c r="J21" s="280">
        <v>216</v>
      </c>
      <c r="K21" s="280">
        <v>99</v>
      </c>
      <c r="L21" s="281">
        <v>578</v>
      </c>
      <c r="M21" s="282">
        <v>578</v>
      </c>
      <c r="N21" s="276">
        <v>0</v>
      </c>
      <c r="O21" s="280">
        <v>0</v>
      </c>
      <c r="P21" s="277">
        <v>0</v>
      </c>
      <c r="Q21" s="279">
        <v>0</v>
      </c>
      <c r="R21" s="280">
        <v>0</v>
      </c>
      <c r="S21" s="280">
        <v>0</v>
      </c>
      <c r="T21" s="280">
        <v>8</v>
      </c>
      <c r="U21" s="280">
        <v>2</v>
      </c>
      <c r="V21" s="280">
        <v>15</v>
      </c>
      <c r="W21" s="277">
        <v>25</v>
      </c>
      <c r="X21" s="282">
        <v>25</v>
      </c>
      <c r="Y21" s="276">
        <v>4</v>
      </c>
      <c r="Z21" s="280">
        <v>3</v>
      </c>
      <c r="AA21" s="277">
        <v>7</v>
      </c>
      <c r="AB21" s="279">
        <v>0</v>
      </c>
      <c r="AC21" s="280">
        <v>69</v>
      </c>
      <c r="AD21" s="280">
        <v>50</v>
      </c>
      <c r="AE21" s="280">
        <v>77</v>
      </c>
      <c r="AF21" s="280">
        <v>55</v>
      </c>
      <c r="AG21" s="280">
        <v>124</v>
      </c>
      <c r="AH21" s="277">
        <v>375</v>
      </c>
      <c r="AI21" s="282">
        <v>382</v>
      </c>
      <c r="AJ21" s="276">
        <v>0</v>
      </c>
      <c r="AK21" s="280">
        <v>0</v>
      </c>
      <c r="AL21" s="277">
        <v>0</v>
      </c>
      <c r="AM21" s="279">
        <v>0</v>
      </c>
      <c r="AN21" s="280">
        <v>12</v>
      </c>
      <c r="AO21" s="280">
        <v>20</v>
      </c>
      <c r="AP21" s="280">
        <v>18</v>
      </c>
      <c r="AQ21" s="280">
        <v>10</v>
      </c>
      <c r="AR21" s="280">
        <v>0</v>
      </c>
      <c r="AS21" s="277">
        <v>60</v>
      </c>
      <c r="AT21" s="282">
        <v>60</v>
      </c>
      <c r="AU21" s="276">
        <v>0</v>
      </c>
      <c r="AV21" s="280">
        <v>0</v>
      </c>
      <c r="AW21" s="277">
        <v>0</v>
      </c>
      <c r="AX21" s="279">
        <v>0</v>
      </c>
      <c r="AY21" s="280">
        <v>211</v>
      </c>
      <c r="AZ21" s="280">
        <v>171</v>
      </c>
      <c r="BA21" s="280">
        <v>47</v>
      </c>
      <c r="BB21" s="280">
        <v>17</v>
      </c>
      <c r="BC21" s="280">
        <v>21</v>
      </c>
      <c r="BD21" s="281">
        <v>467</v>
      </c>
      <c r="BE21" s="282">
        <v>467</v>
      </c>
      <c r="BF21" s="276">
        <v>0</v>
      </c>
      <c r="BG21" s="280">
        <v>0</v>
      </c>
      <c r="BH21" s="277">
        <v>0</v>
      </c>
      <c r="BI21" s="279">
        <v>0</v>
      </c>
      <c r="BJ21" s="280">
        <v>76</v>
      </c>
      <c r="BK21" s="280">
        <v>42</v>
      </c>
      <c r="BL21" s="280">
        <v>20</v>
      </c>
      <c r="BM21" s="280">
        <v>8</v>
      </c>
      <c r="BN21" s="280">
        <v>0</v>
      </c>
      <c r="BO21" s="277">
        <v>146</v>
      </c>
      <c r="BP21" s="282">
        <v>146</v>
      </c>
      <c r="BQ21" s="276">
        <v>0</v>
      </c>
      <c r="BR21" s="280">
        <v>0</v>
      </c>
      <c r="BS21" s="277">
        <v>0</v>
      </c>
      <c r="BT21" s="279">
        <v>0</v>
      </c>
      <c r="BU21" s="280">
        <v>0</v>
      </c>
      <c r="BV21" s="280">
        <v>0</v>
      </c>
      <c r="BW21" s="280">
        <v>4</v>
      </c>
      <c r="BX21" s="280">
        <v>8</v>
      </c>
      <c r="BY21" s="280">
        <v>0</v>
      </c>
      <c r="BZ21" s="277">
        <v>12</v>
      </c>
      <c r="CA21" s="282">
        <v>12</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227</v>
      </c>
      <c r="H22" s="280">
        <v>333</v>
      </c>
      <c r="I22" s="280">
        <v>263</v>
      </c>
      <c r="J22" s="280">
        <v>252</v>
      </c>
      <c r="K22" s="280">
        <v>116</v>
      </c>
      <c r="L22" s="281">
        <v>1191</v>
      </c>
      <c r="M22" s="282">
        <v>1191</v>
      </c>
      <c r="N22" s="276">
        <v>0</v>
      </c>
      <c r="O22" s="280">
        <v>0</v>
      </c>
      <c r="P22" s="277">
        <v>0</v>
      </c>
      <c r="Q22" s="279">
        <v>0</v>
      </c>
      <c r="R22" s="280">
        <v>0</v>
      </c>
      <c r="S22" s="280">
        <v>0</v>
      </c>
      <c r="T22" s="280">
        <v>0</v>
      </c>
      <c r="U22" s="280">
        <v>1</v>
      </c>
      <c r="V22" s="280">
        <v>21</v>
      </c>
      <c r="W22" s="277">
        <v>22</v>
      </c>
      <c r="X22" s="282">
        <v>22</v>
      </c>
      <c r="Y22" s="276">
        <v>27</v>
      </c>
      <c r="Z22" s="280">
        <v>15</v>
      </c>
      <c r="AA22" s="277">
        <v>42</v>
      </c>
      <c r="AB22" s="279">
        <v>0</v>
      </c>
      <c r="AC22" s="280">
        <v>235</v>
      </c>
      <c r="AD22" s="280">
        <v>244</v>
      </c>
      <c r="AE22" s="280">
        <v>85</v>
      </c>
      <c r="AF22" s="280">
        <v>22</v>
      </c>
      <c r="AG22" s="280">
        <v>50</v>
      </c>
      <c r="AH22" s="277">
        <v>636</v>
      </c>
      <c r="AI22" s="282">
        <v>678</v>
      </c>
      <c r="AJ22" s="276">
        <v>6</v>
      </c>
      <c r="AK22" s="280">
        <v>22</v>
      </c>
      <c r="AL22" s="277">
        <v>28</v>
      </c>
      <c r="AM22" s="279">
        <v>0</v>
      </c>
      <c r="AN22" s="280">
        <v>58</v>
      </c>
      <c r="AO22" s="280">
        <v>43</v>
      </c>
      <c r="AP22" s="280">
        <v>30</v>
      </c>
      <c r="AQ22" s="280">
        <v>39</v>
      </c>
      <c r="AR22" s="280">
        <v>0</v>
      </c>
      <c r="AS22" s="277">
        <v>170</v>
      </c>
      <c r="AT22" s="282">
        <v>198</v>
      </c>
      <c r="AU22" s="276">
        <v>0</v>
      </c>
      <c r="AV22" s="280">
        <v>0</v>
      </c>
      <c r="AW22" s="277">
        <v>0</v>
      </c>
      <c r="AX22" s="279">
        <v>0</v>
      </c>
      <c r="AY22" s="280">
        <v>181</v>
      </c>
      <c r="AZ22" s="280">
        <v>170</v>
      </c>
      <c r="BA22" s="280">
        <v>113</v>
      </c>
      <c r="BB22" s="280">
        <v>39</v>
      </c>
      <c r="BC22" s="280">
        <v>4</v>
      </c>
      <c r="BD22" s="281">
        <v>507</v>
      </c>
      <c r="BE22" s="282">
        <v>507</v>
      </c>
      <c r="BF22" s="276">
        <v>0</v>
      </c>
      <c r="BG22" s="280">
        <v>0</v>
      </c>
      <c r="BH22" s="277">
        <v>0</v>
      </c>
      <c r="BI22" s="279">
        <v>0</v>
      </c>
      <c r="BJ22" s="280">
        <v>90</v>
      </c>
      <c r="BK22" s="280">
        <v>48</v>
      </c>
      <c r="BL22" s="280">
        <v>58</v>
      </c>
      <c r="BM22" s="280">
        <v>56</v>
      </c>
      <c r="BN22" s="280">
        <v>4</v>
      </c>
      <c r="BO22" s="277">
        <v>256</v>
      </c>
      <c r="BP22" s="282">
        <v>256</v>
      </c>
      <c r="BQ22" s="276">
        <v>0</v>
      </c>
      <c r="BR22" s="280">
        <v>3</v>
      </c>
      <c r="BS22" s="277">
        <v>3</v>
      </c>
      <c r="BT22" s="279">
        <v>0</v>
      </c>
      <c r="BU22" s="280">
        <v>20</v>
      </c>
      <c r="BV22" s="280">
        <v>19</v>
      </c>
      <c r="BW22" s="280">
        <v>15</v>
      </c>
      <c r="BX22" s="280">
        <v>145</v>
      </c>
      <c r="BY22" s="280">
        <v>4</v>
      </c>
      <c r="BZ22" s="277">
        <v>203</v>
      </c>
      <c r="CA22" s="282">
        <v>206</v>
      </c>
      <c r="CB22" s="276">
        <v>0</v>
      </c>
      <c r="CC22" s="280">
        <v>0</v>
      </c>
      <c r="CD22" s="277">
        <v>0</v>
      </c>
      <c r="CE22" s="279">
        <v>0</v>
      </c>
      <c r="CF22" s="280">
        <v>0</v>
      </c>
      <c r="CG22" s="280">
        <v>0</v>
      </c>
      <c r="CH22" s="280">
        <v>0</v>
      </c>
      <c r="CI22" s="280">
        <v>4</v>
      </c>
      <c r="CJ22" s="280">
        <v>0</v>
      </c>
      <c r="CK22" s="277">
        <v>4</v>
      </c>
      <c r="CL22" s="282">
        <v>4</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130</v>
      </c>
      <c r="H23" s="280">
        <v>76</v>
      </c>
      <c r="I23" s="280">
        <v>51</v>
      </c>
      <c r="J23" s="280">
        <v>843</v>
      </c>
      <c r="K23" s="280">
        <v>357</v>
      </c>
      <c r="L23" s="281">
        <v>1457</v>
      </c>
      <c r="M23" s="282">
        <v>1457</v>
      </c>
      <c r="N23" s="276">
        <v>0</v>
      </c>
      <c r="O23" s="280">
        <v>0</v>
      </c>
      <c r="P23" s="277">
        <v>0</v>
      </c>
      <c r="Q23" s="279">
        <v>0</v>
      </c>
      <c r="R23" s="280">
        <v>0</v>
      </c>
      <c r="S23" s="280">
        <v>0</v>
      </c>
      <c r="T23" s="280">
        <v>0</v>
      </c>
      <c r="U23" s="280">
        <v>3</v>
      </c>
      <c r="V23" s="280">
        <v>14</v>
      </c>
      <c r="W23" s="277">
        <v>17</v>
      </c>
      <c r="X23" s="282">
        <v>17</v>
      </c>
      <c r="Y23" s="276">
        <v>40</v>
      </c>
      <c r="Z23" s="280">
        <v>13</v>
      </c>
      <c r="AA23" s="277">
        <v>53</v>
      </c>
      <c r="AB23" s="279">
        <v>0</v>
      </c>
      <c r="AC23" s="280">
        <v>126</v>
      </c>
      <c r="AD23" s="280">
        <v>161</v>
      </c>
      <c r="AE23" s="280">
        <v>135</v>
      </c>
      <c r="AF23" s="280">
        <v>224</v>
      </c>
      <c r="AG23" s="280">
        <v>91</v>
      </c>
      <c r="AH23" s="277">
        <v>737</v>
      </c>
      <c r="AI23" s="282">
        <v>790</v>
      </c>
      <c r="AJ23" s="276">
        <v>0</v>
      </c>
      <c r="AK23" s="280">
        <v>10</v>
      </c>
      <c r="AL23" s="277">
        <v>10</v>
      </c>
      <c r="AM23" s="279">
        <v>0</v>
      </c>
      <c r="AN23" s="280">
        <v>18</v>
      </c>
      <c r="AO23" s="280">
        <v>43</v>
      </c>
      <c r="AP23" s="280">
        <v>0</v>
      </c>
      <c r="AQ23" s="280">
        <v>18</v>
      </c>
      <c r="AR23" s="280">
        <v>0</v>
      </c>
      <c r="AS23" s="277">
        <v>79</v>
      </c>
      <c r="AT23" s="282">
        <v>89</v>
      </c>
      <c r="AU23" s="276">
        <v>0</v>
      </c>
      <c r="AV23" s="280">
        <v>0</v>
      </c>
      <c r="AW23" s="277">
        <v>0</v>
      </c>
      <c r="AX23" s="279">
        <v>0</v>
      </c>
      <c r="AY23" s="280">
        <v>113</v>
      </c>
      <c r="AZ23" s="280">
        <v>136</v>
      </c>
      <c r="BA23" s="280">
        <v>85</v>
      </c>
      <c r="BB23" s="280">
        <v>35</v>
      </c>
      <c r="BC23" s="280">
        <v>39</v>
      </c>
      <c r="BD23" s="281">
        <v>408</v>
      </c>
      <c r="BE23" s="282">
        <v>408</v>
      </c>
      <c r="BF23" s="276">
        <v>0</v>
      </c>
      <c r="BG23" s="280">
        <v>0</v>
      </c>
      <c r="BH23" s="277">
        <v>0</v>
      </c>
      <c r="BI23" s="279">
        <v>0</v>
      </c>
      <c r="BJ23" s="280">
        <v>65</v>
      </c>
      <c r="BK23" s="280">
        <v>57</v>
      </c>
      <c r="BL23" s="280">
        <v>9</v>
      </c>
      <c r="BM23" s="280">
        <v>8</v>
      </c>
      <c r="BN23" s="280">
        <v>0</v>
      </c>
      <c r="BO23" s="277">
        <v>139</v>
      </c>
      <c r="BP23" s="282">
        <v>139</v>
      </c>
      <c r="BQ23" s="276">
        <v>0</v>
      </c>
      <c r="BR23" s="280">
        <v>0</v>
      </c>
      <c r="BS23" s="277">
        <v>0</v>
      </c>
      <c r="BT23" s="279">
        <v>0</v>
      </c>
      <c r="BU23" s="280">
        <v>29</v>
      </c>
      <c r="BV23" s="280">
        <v>24</v>
      </c>
      <c r="BW23" s="280">
        <v>134</v>
      </c>
      <c r="BX23" s="280">
        <v>164</v>
      </c>
      <c r="BY23" s="280">
        <v>22</v>
      </c>
      <c r="BZ23" s="277">
        <v>373</v>
      </c>
      <c r="CA23" s="282">
        <v>373</v>
      </c>
      <c r="CB23" s="276">
        <v>0</v>
      </c>
      <c r="CC23" s="280">
        <v>0</v>
      </c>
      <c r="CD23" s="277">
        <v>0</v>
      </c>
      <c r="CE23" s="279">
        <v>0</v>
      </c>
      <c r="CF23" s="280">
        <v>0</v>
      </c>
      <c r="CG23" s="280">
        <v>0</v>
      </c>
      <c r="CH23" s="280">
        <v>0</v>
      </c>
      <c r="CI23" s="280">
        <v>5</v>
      </c>
      <c r="CJ23" s="280">
        <v>0</v>
      </c>
      <c r="CK23" s="277">
        <v>5</v>
      </c>
      <c r="CL23" s="282">
        <v>5</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36</v>
      </c>
      <c r="H24" s="280">
        <v>74</v>
      </c>
      <c r="I24" s="280">
        <v>17</v>
      </c>
      <c r="J24" s="280">
        <v>107</v>
      </c>
      <c r="K24" s="280">
        <v>149</v>
      </c>
      <c r="L24" s="281">
        <v>383</v>
      </c>
      <c r="M24" s="282">
        <v>383</v>
      </c>
      <c r="N24" s="276">
        <v>0</v>
      </c>
      <c r="O24" s="280">
        <v>0</v>
      </c>
      <c r="P24" s="277">
        <v>0</v>
      </c>
      <c r="Q24" s="279">
        <v>0</v>
      </c>
      <c r="R24" s="280">
        <v>0</v>
      </c>
      <c r="S24" s="280">
        <v>0</v>
      </c>
      <c r="T24" s="280">
        <v>0</v>
      </c>
      <c r="U24" s="280">
        <v>9</v>
      </c>
      <c r="V24" s="280">
        <v>0</v>
      </c>
      <c r="W24" s="277">
        <v>9</v>
      </c>
      <c r="X24" s="282">
        <v>9</v>
      </c>
      <c r="Y24" s="276">
        <v>0</v>
      </c>
      <c r="Z24" s="280">
        <v>4</v>
      </c>
      <c r="AA24" s="277">
        <v>4</v>
      </c>
      <c r="AB24" s="279">
        <v>0</v>
      </c>
      <c r="AC24" s="280">
        <v>6</v>
      </c>
      <c r="AD24" s="280">
        <v>15</v>
      </c>
      <c r="AE24" s="280">
        <v>18</v>
      </c>
      <c r="AF24" s="280">
        <v>10</v>
      </c>
      <c r="AG24" s="280">
        <v>0</v>
      </c>
      <c r="AH24" s="277">
        <v>49</v>
      </c>
      <c r="AI24" s="282">
        <v>53</v>
      </c>
      <c r="AJ24" s="276">
        <v>0</v>
      </c>
      <c r="AK24" s="280">
        <v>0</v>
      </c>
      <c r="AL24" s="277">
        <v>0</v>
      </c>
      <c r="AM24" s="279">
        <v>0</v>
      </c>
      <c r="AN24" s="280">
        <v>24</v>
      </c>
      <c r="AO24" s="280">
        <v>27</v>
      </c>
      <c r="AP24" s="280">
        <v>9</v>
      </c>
      <c r="AQ24" s="280">
        <v>0</v>
      </c>
      <c r="AR24" s="280">
        <v>0</v>
      </c>
      <c r="AS24" s="277">
        <v>60</v>
      </c>
      <c r="AT24" s="282">
        <v>60</v>
      </c>
      <c r="AU24" s="276">
        <v>0</v>
      </c>
      <c r="AV24" s="280">
        <v>0</v>
      </c>
      <c r="AW24" s="277">
        <v>0</v>
      </c>
      <c r="AX24" s="279">
        <v>0</v>
      </c>
      <c r="AY24" s="280">
        <v>36</v>
      </c>
      <c r="AZ24" s="280">
        <v>83</v>
      </c>
      <c r="BA24" s="280">
        <v>49</v>
      </c>
      <c r="BB24" s="280">
        <v>23</v>
      </c>
      <c r="BC24" s="280">
        <v>21</v>
      </c>
      <c r="BD24" s="281">
        <v>212</v>
      </c>
      <c r="BE24" s="282">
        <v>212</v>
      </c>
      <c r="BF24" s="276">
        <v>0</v>
      </c>
      <c r="BG24" s="280">
        <v>0</v>
      </c>
      <c r="BH24" s="277">
        <v>0</v>
      </c>
      <c r="BI24" s="279">
        <v>0</v>
      </c>
      <c r="BJ24" s="280">
        <v>13</v>
      </c>
      <c r="BK24" s="280">
        <v>1</v>
      </c>
      <c r="BL24" s="280">
        <v>6</v>
      </c>
      <c r="BM24" s="280">
        <v>0</v>
      </c>
      <c r="BN24" s="280">
        <v>0</v>
      </c>
      <c r="BO24" s="277">
        <v>20</v>
      </c>
      <c r="BP24" s="282">
        <v>20</v>
      </c>
      <c r="BQ24" s="276">
        <v>0</v>
      </c>
      <c r="BR24" s="280">
        <v>0</v>
      </c>
      <c r="BS24" s="277">
        <v>0</v>
      </c>
      <c r="BT24" s="279">
        <v>0</v>
      </c>
      <c r="BU24" s="280">
        <v>3</v>
      </c>
      <c r="BV24" s="280">
        <v>0</v>
      </c>
      <c r="BW24" s="280">
        <v>22</v>
      </c>
      <c r="BX24" s="280">
        <v>47</v>
      </c>
      <c r="BY24" s="280">
        <v>0</v>
      </c>
      <c r="BZ24" s="277">
        <v>72</v>
      </c>
      <c r="CA24" s="282">
        <v>72</v>
      </c>
      <c r="CB24" s="276">
        <v>0</v>
      </c>
      <c r="CC24" s="280">
        <v>0</v>
      </c>
      <c r="CD24" s="277">
        <v>0</v>
      </c>
      <c r="CE24" s="279">
        <v>0</v>
      </c>
      <c r="CF24" s="280">
        <v>0</v>
      </c>
      <c r="CG24" s="280">
        <v>0</v>
      </c>
      <c r="CH24" s="280">
        <v>3</v>
      </c>
      <c r="CI24" s="280">
        <v>0</v>
      </c>
      <c r="CJ24" s="280">
        <v>0</v>
      </c>
      <c r="CK24" s="277">
        <v>3</v>
      </c>
      <c r="CL24" s="282">
        <v>3</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86</v>
      </c>
      <c r="H25" s="280">
        <v>192</v>
      </c>
      <c r="I25" s="280">
        <v>138</v>
      </c>
      <c r="J25" s="280">
        <v>116</v>
      </c>
      <c r="K25" s="280">
        <v>0</v>
      </c>
      <c r="L25" s="281">
        <v>532</v>
      </c>
      <c r="M25" s="282">
        <v>532</v>
      </c>
      <c r="N25" s="276">
        <v>0</v>
      </c>
      <c r="O25" s="280">
        <v>0</v>
      </c>
      <c r="P25" s="277">
        <v>0</v>
      </c>
      <c r="Q25" s="279">
        <v>0</v>
      </c>
      <c r="R25" s="280">
        <v>0</v>
      </c>
      <c r="S25" s="280">
        <v>5</v>
      </c>
      <c r="T25" s="280">
        <v>4</v>
      </c>
      <c r="U25" s="280">
        <v>0</v>
      </c>
      <c r="V25" s="280">
        <v>0</v>
      </c>
      <c r="W25" s="277">
        <v>9</v>
      </c>
      <c r="X25" s="282">
        <v>9</v>
      </c>
      <c r="Y25" s="276">
        <v>14</v>
      </c>
      <c r="Z25" s="280">
        <v>32</v>
      </c>
      <c r="AA25" s="277">
        <v>46</v>
      </c>
      <c r="AB25" s="279">
        <v>0</v>
      </c>
      <c r="AC25" s="280">
        <v>42</v>
      </c>
      <c r="AD25" s="280">
        <v>137</v>
      </c>
      <c r="AE25" s="280">
        <v>61</v>
      </c>
      <c r="AF25" s="280">
        <v>13</v>
      </c>
      <c r="AG25" s="280">
        <v>32</v>
      </c>
      <c r="AH25" s="277">
        <v>285</v>
      </c>
      <c r="AI25" s="282">
        <v>331</v>
      </c>
      <c r="AJ25" s="276">
        <v>0</v>
      </c>
      <c r="AK25" s="280">
        <v>0</v>
      </c>
      <c r="AL25" s="277">
        <v>0</v>
      </c>
      <c r="AM25" s="279">
        <v>0</v>
      </c>
      <c r="AN25" s="280">
        <v>8</v>
      </c>
      <c r="AO25" s="280">
        <v>12</v>
      </c>
      <c r="AP25" s="280">
        <v>0</v>
      </c>
      <c r="AQ25" s="280">
        <v>0</v>
      </c>
      <c r="AR25" s="280">
        <v>0</v>
      </c>
      <c r="AS25" s="277">
        <v>20</v>
      </c>
      <c r="AT25" s="282">
        <v>20</v>
      </c>
      <c r="AU25" s="276">
        <v>0</v>
      </c>
      <c r="AV25" s="280">
        <v>0</v>
      </c>
      <c r="AW25" s="277">
        <v>0</v>
      </c>
      <c r="AX25" s="279">
        <v>0</v>
      </c>
      <c r="AY25" s="280">
        <v>154</v>
      </c>
      <c r="AZ25" s="280">
        <v>136</v>
      </c>
      <c r="BA25" s="280">
        <v>133</v>
      </c>
      <c r="BB25" s="280">
        <v>44</v>
      </c>
      <c r="BC25" s="280">
        <v>6</v>
      </c>
      <c r="BD25" s="281">
        <v>473</v>
      </c>
      <c r="BE25" s="282">
        <v>473</v>
      </c>
      <c r="BF25" s="276">
        <v>0</v>
      </c>
      <c r="BG25" s="280">
        <v>0</v>
      </c>
      <c r="BH25" s="277">
        <v>0</v>
      </c>
      <c r="BI25" s="279">
        <v>0</v>
      </c>
      <c r="BJ25" s="280">
        <v>24</v>
      </c>
      <c r="BK25" s="280">
        <v>27</v>
      </c>
      <c r="BL25" s="280">
        <v>33</v>
      </c>
      <c r="BM25" s="280">
        <v>7</v>
      </c>
      <c r="BN25" s="280">
        <v>17</v>
      </c>
      <c r="BO25" s="277">
        <v>108</v>
      </c>
      <c r="BP25" s="282">
        <v>108</v>
      </c>
      <c r="BQ25" s="276">
        <v>0</v>
      </c>
      <c r="BR25" s="280">
        <v>0</v>
      </c>
      <c r="BS25" s="277">
        <v>0</v>
      </c>
      <c r="BT25" s="279">
        <v>0</v>
      </c>
      <c r="BU25" s="280">
        <v>12</v>
      </c>
      <c r="BV25" s="280">
        <v>8</v>
      </c>
      <c r="BW25" s="280">
        <v>14</v>
      </c>
      <c r="BX25" s="280">
        <v>26</v>
      </c>
      <c r="BY25" s="280">
        <v>16</v>
      </c>
      <c r="BZ25" s="277">
        <v>76</v>
      </c>
      <c r="CA25" s="282">
        <v>76</v>
      </c>
      <c r="CB25" s="276">
        <v>0</v>
      </c>
      <c r="CC25" s="280">
        <v>0</v>
      </c>
      <c r="CD25" s="277">
        <v>0</v>
      </c>
      <c r="CE25" s="279">
        <v>0</v>
      </c>
      <c r="CF25" s="280">
        <v>3</v>
      </c>
      <c r="CG25" s="280">
        <v>0</v>
      </c>
      <c r="CH25" s="280">
        <v>0</v>
      </c>
      <c r="CI25" s="280">
        <v>0</v>
      </c>
      <c r="CJ25" s="280">
        <v>8</v>
      </c>
      <c r="CK25" s="277">
        <v>11</v>
      </c>
      <c r="CL25" s="282">
        <v>11</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152</v>
      </c>
      <c r="H26" s="280">
        <v>89</v>
      </c>
      <c r="I26" s="280">
        <v>59</v>
      </c>
      <c r="J26" s="280">
        <v>190</v>
      </c>
      <c r="K26" s="280">
        <v>364</v>
      </c>
      <c r="L26" s="281">
        <v>854</v>
      </c>
      <c r="M26" s="282">
        <v>854</v>
      </c>
      <c r="N26" s="276">
        <v>0</v>
      </c>
      <c r="O26" s="280">
        <v>0</v>
      </c>
      <c r="P26" s="277">
        <v>0</v>
      </c>
      <c r="Q26" s="279">
        <v>0</v>
      </c>
      <c r="R26" s="280">
        <v>0</v>
      </c>
      <c r="S26" s="280">
        <v>0</v>
      </c>
      <c r="T26" s="280">
        <v>0</v>
      </c>
      <c r="U26" s="280">
        <v>5</v>
      </c>
      <c r="V26" s="280">
        <v>13</v>
      </c>
      <c r="W26" s="277">
        <v>18</v>
      </c>
      <c r="X26" s="282">
        <v>18</v>
      </c>
      <c r="Y26" s="276">
        <v>10</v>
      </c>
      <c r="Z26" s="280">
        <v>9</v>
      </c>
      <c r="AA26" s="277">
        <v>19</v>
      </c>
      <c r="AB26" s="279">
        <v>0</v>
      </c>
      <c r="AC26" s="280">
        <v>136</v>
      </c>
      <c r="AD26" s="280">
        <v>24</v>
      </c>
      <c r="AE26" s="280">
        <v>61</v>
      </c>
      <c r="AF26" s="280">
        <v>17</v>
      </c>
      <c r="AG26" s="280">
        <v>74</v>
      </c>
      <c r="AH26" s="277">
        <v>312</v>
      </c>
      <c r="AI26" s="282">
        <v>331</v>
      </c>
      <c r="AJ26" s="276">
        <v>0</v>
      </c>
      <c r="AK26" s="280">
        <v>0</v>
      </c>
      <c r="AL26" s="277">
        <v>0</v>
      </c>
      <c r="AM26" s="279">
        <v>0</v>
      </c>
      <c r="AN26" s="280">
        <v>24</v>
      </c>
      <c r="AO26" s="280">
        <v>30</v>
      </c>
      <c r="AP26" s="280">
        <v>0</v>
      </c>
      <c r="AQ26" s="280">
        <v>29</v>
      </c>
      <c r="AR26" s="280">
        <v>0</v>
      </c>
      <c r="AS26" s="277">
        <v>83</v>
      </c>
      <c r="AT26" s="282">
        <v>83</v>
      </c>
      <c r="AU26" s="276">
        <v>0</v>
      </c>
      <c r="AV26" s="280">
        <v>0</v>
      </c>
      <c r="AW26" s="277">
        <v>0</v>
      </c>
      <c r="AX26" s="279">
        <v>0</v>
      </c>
      <c r="AY26" s="280">
        <v>126</v>
      </c>
      <c r="AZ26" s="280">
        <v>66</v>
      </c>
      <c r="BA26" s="280">
        <v>64</v>
      </c>
      <c r="BB26" s="280">
        <v>0</v>
      </c>
      <c r="BC26" s="280">
        <v>5</v>
      </c>
      <c r="BD26" s="281">
        <v>261</v>
      </c>
      <c r="BE26" s="282">
        <v>261</v>
      </c>
      <c r="BF26" s="276">
        <v>0</v>
      </c>
      <c r="BG26" s="280">
        <v>0</v>
      </c>
      <c r="BH26" s="277">
        <v>0</v>
      </c>
      <c r="BI26" s="279">
        <v>0</v>
      </c>
      <c r="BJ26" s="280">
        <v>14</v>
      </c>
      <c r="BK26" s="280">
        <v>42</v>
      </c>
      <c r="BL26" s="280">
        <v>15</v>
      </c>
      <c r="BM26" s="280">
        <v>12</v>
      </c>
      <c r="BN26" s="280">
        <v>0</v>
      </c>
      <c r="BO26" s="277">
        <v>83</v>
      </c>
      <c r="BP26" s="282">
        <v>83</v>
      </c>
      <c r="BQ26" s="276">
        <v>0</v>
      </c>
      <c r="BR26" s="280">
        <v>0</v>
      </c>
      <c r="BS26" s="277">
        <v>0</v>
      </c>
      <c r="BT26" s="279">
        <v>0</v>
      </c>
      <c r="BU26" s="280">
        <v>22</v>
      </c>
      <c r="BV26" s="280">
        <v>0</v>
      </c>
      <c r="BW26" s="280">
        <v>6</v>
      </c>
      <c r="BX26" s="280">
        <v>0</v>
      </c>
      <c r="BY26" s="280">
        <v>15</v>
      </c>
      <c r="BZ26" s="277">
        <v>43</v>
      </c>
      <c r="CA26" s="282">
        <v>43</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51</v>
      </c>
      <c r="H27" s="280">
        <v>27</v>
      </c>
      <c r="I27" s="280">
        <v>265</v>
      </c>
      <c r="J27" s="280">
        <v>0</v>
      </c>
      <c r="K27" s="280">
        <v>0</v>
      </c>
      <c r="L27" s="281">
        <v>343</v>
      </c>
      <c r="M27" s="282">
        <v>343</v>
      </c>
      <c r="N27" s="276">
        <v>0</v>
      </c>
      <c r="O27" s="280">
        <v>0</v>
      </c>
      <c r="P27" s="277">
        <v>0</v>
      </c>
      <c r="Q27" s="279">
        <v>0</v>
      </c>
      <c r="R27" s="280">
        <v>0</v>
      </c>
      <c r="S27" s="280">
        <v>0</v>
      </c>
      <c r="T27" s="280">
        <v>7</v>
      </c>
      <c r="U27" s="280">
        <v>0</v>
      </c>
      <c r="V27" s="280">
        <v>6</v>
      </c>
      <c r="W27" s="277">
        <v>13</v>
      </c>
      <c r="X27" s="282">
        <v>13</v>
      </c>
      <c r="Y27" s="276">
        <v>4</v>
      </c>
      <c r="Z27" s="280">
        <v>0</v>
      </c>
      <c r="AA27" s="277">
        <v>4</v>
      </c>
      <c r="AB27" s="279">
        <v>0</v>
      </c>
      <c r="AC27" s="280">
        <v>21</v>
      </c>
      <c r="AD27" s="280">
        <v>6</v>
      </c>
      <c r="AE27" s="280">
        <v>24</v>
      </c>
      <c r="AF27" s="280">
        <v>14</v>
      </c>
      <c r="AG27" s="280">
        <v>9</v>
      </c>
      <c r="AH27" s="277">
        <v>74</v>
      </c>
      <c r="AI27" s="282">
        <v>78</v>
      </c>
      <c r="AJ27" s="276">
        <v>0</v>
      </c>
      <c r="AK27" s="280">
        <v>16</v>
      </c>
      <c r="AL27" s="277">
        <v>16</v>
      </c>
      <c r="AM27" s="279">
        <v>0</v>
      </c>
      <c r="AN27" s="280">
        <v>0</v>
      </c>
      <c r="AO27" s="280">
        <v>0</v>
      </c>
      <c r="AP27" s="280">
        <v>16</v>
      </c>
      <c r="AQ27" s="280">
        <v>0</v>
      </c>
      <c r="AR27" s="280">
        <v>12</v>
      </c>
      <c r="AS27" s="277">
        <v>28</v>
      </c>
      <c r="AT27" s="282">
        <v>44</v>
      </c>
      <c r="AU27" s="276">
        <v>0</v>
      </c>
      <c r="AV27" s="280">
        <v>0</v>
      </c>
      <c r="AW27" s="277">
        <v>0</v>
      </c>
      <c r="AX27" s="279">
        <v>0</v>
      </c>
      <c r="AY27" s="280">
        <v>63</v>
      </c>
      <c r="AZ27" s="280">
        <v>13</v>
      </c>
      <c r="BA27" s="280">
        <v>16</v>
      </c>
      <c r="BB27" s="280">
        <v>40</v>
      </c>
      <c r="BC27" s="280">
        <v>0</v>
      </c>
      <c r="BD27" s="281">
        <v>132</v>
      </c>
      <c r="BE27" s="282">
        <v>132</v>
      </c>
      <c r="BF27" s="276">
        <v>0</v>
      </c>
      <c r="BG27" s="280">
        <v>0</v>
      </c>
      <c r="BH27" s="277">
        <v>0</v>
      </c>
      <c r="BI27" s="279">
        <v>0</v>
      </c>
      <c r="BJ27" s="280">
        <v>22</v>
      </c>
      <c r="BK27" s="280">
        <v>36</v>
      </c>
      <c r="BL27" s="280">
        <v>40</v>
      </c>
      <c r="BM27" s="280">
        <v>7</v>
      </c>
      <c r="BN27" s="280">
        <v>0</v>
      </c>
      <c r="BO27" s="277">
        <v>105</v>
      </c>
      <c r="BP27" s="282">
        <v>105</v>
      </c>
      <c r="BQ27" s="276">
        <v>0</v>
      </c>
      <c r="BR27" s="280">
        <v>0</v>
      </c>
      <c r="BS27" s="277">
        <v>0</v>
      </c>
      <c r="BT27" s="279">
        <v>0</v>
      </c>
      <c r="BU27" s="280">
        <v>4</v>
      </c>
      <c r="BV27" s="280">
        <v>0</v>
      </c>
      <c r="BW27" s="280">
        <v>6</v>
      </c>
      <c r="BX27" s="280">
        <v>31</v>
      </c>
      <c r="BY27" s="280">
        <v>0</v>
      </c>
      <c r="BZ27" s="277">
        <v>41</v>
      </c>
      <c r="CA27" s="282">
        <v>41</v>
      </c>
      <c r="CB27" s="276">
        <v>0</v>
      </c>
      <c r="CC27" s="280">
        <v>0</v>
      </c>
      <c r="CD27" s="277">
        <v>0</v>
      </c>
      <c r="CE27" s="279">
        <v>0</v>
      </c>
      <c r="CF27" s="280">
        <v>4</v>
      </c>
      <c r="CG27" s="280">
        <v>0</v>
      </c>
      <c r="CH27" s="280">
        <v>5</v>
      </c>
      <c r="CI27" s="280">
        <v>0</v>
      </c>
      <c r="CJ27" s="280">
        <v>0</v>
      </c>
      <c r="CK27" s="277">
        <v>9</v>
      </c>
      <c r="CL27" s="282">
        <v>9</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64</v>
      </c>
      <c r="H28" s="280">
        <v>332</v>
      </c>
      <c r="I28" s="280">
        <v>128</v>
      </c>
      <c r="J28" s="280">
        <v>0</v>
      </c>
      <c r="K28" s="280">
        <v>0</v>
      </c>
      <c r="L28" s="281">
        <v>524</v>
      </c>
      <c r="M28" s="282">
        <v>524</v>
      </c>
      <c r="N28" s="276">
        <v>0</v>
      </c>
      <c r="O28" s="280">
        <v>0</v>
      </c>
      <c r="P28" s="277">
        <v>0</v>
      </c>
      <c r="Q28" s="279">
        <v>0</v>
      </c>
      <c r="R28" s="280">
        <v>0</v>
      </c>
      <c r="S28" s="280">
        <v>0</v>
      </c>
      <c r="T28" s="280">
        <v>2</v>
      </c>
      <c r="U28" s="280">
        <v>5</v>
      </c>
      <c r="V28" s="280">
        <v>9</v>
      </c>
      <c r="W28" s="277">
        <v>16</v>
      </c>
      <c r="X28" s="282">
        <v>16</v>
      </c>
      <c r="Y28" s="276">
        <v>0</v>
      </c>
      <c r="Z28" s="280">
        <v>0</v>
      </c>
      <c r="AA28" s="277">
        <v>0</v>
      </c>
      <c r="AB28" s="279">
        <v>0</v>
      </c>
      <c r="AC28" s="280">
        <v>6</v>
      </c>
      <c r="AD28" s="280">
        <v>40</v>
      </c>
      <c r="AE28" s="280">
        <v>29</v>
      </c>
      <c r="AF28" s="280">
        <v>0</v>
      </c>
      <c r="AG28" s="280">
        <v>16</v>
      </c>
      <c r="AH28" s="277">
        <v>91</v>
      </c>
      <c r="AI28" s="282">
        <v>91</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66</v>
      </c>
      <c r="AZ28" s="280">
        <v>101</v>
      </c>
      <c r="BA28" s="280">
        <v>28</v>
      </c>
      <c r="BB28" s="280">
        <v>0</v>
      </c>
      <c r="BC28" s="280">
        <v>30</v>
      </c>
      <c r="BD28" s="281">
        <v>225</v>
      </c>
      <c r="BE28" s="282">
        <v>225</v>
      </c>
      <c r="BF28" s="276">
        <v>0</v>
      </c>
      <c r="BG28" s="280">
        <v>0</v>
      </c>
      <c r="BH28" s="277">
        <v>0</v>
      </c>
      <c r="BI28" s="279">
        <v>0</v>
      </c>
      <c r="BJ28" s="280">
        <v>8</v>
      </c>
      <c r="BK28" s="280">
        <v>29</v>
      </c>
      <c r="BL28" s="280">
        <v>12</v>
      </c>
      <c r="BM28" s="280">
        <v>6</v>
      </c>
      <c r="BN28" s="280">
        <v>0</v>
      </c>
      <c r="BO28" s="277">
        <v>55</v>
      </c>
      <c r="BP28" s="282">
        <v>55</v>
      </c>
      <c r="BQ28" s="276">
        <v>0</v>
      </c>
      <c r="BR28" s="280">
        <v>0</v>
      </c>
      <c r="BS28" s="277">
        <v>0</v>
      </c>
      <c r="BT28" s="279">
        <v>0</v>
      </c>
      <c r="BU28" s="280">
        <v>0</v>
      </c>
      <c r="BV28" s="280">
        <v>39</v>
      </c>
      <c r="BW28" s="280">
        <v>4</v>
      </c>
      <c r="BX28" s="280">
        <v>35</v>
      </c>
      <c r="BY28" s="280">
        <v>0</v>
      </c>
      <c r="BZ28" s="277">
        <v>78</v>
      </c>
      <c r="CA28" s="282">
        <v>78</v>
      </c>
      <c r="CB28" s="276">
        <v>0</v>
      </c>
      <c r="CC28" s="280">
        <v>0</v>
      </c>
      <c r="CD28" s="277">
        <v>0</v>
      </c>
      <c r="CE28" s="279">
        <v>0</v>
      </c>
      <c r="CF28" s="280">
        <v>0</v>
      </c>
      <c r="CG28" s="280">
        <v>0</v>
      </c>
      <c r="CH28" s="280">
        <v>0</v>
      </c>
      <c r="CI28" s="280">
        <v>2</v>
      </c>
      <c r="CJ28" s="280">
        <v>0</v>
      </c>
      <c r="CK28" s="277">
        <v>2</v>
      </c>
      <c r="CL28" s="282">
        <v>2</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13</v>
      </c>
      <c r="H29" s="280">
        <v>38</v>
      </c>
      <c r="I29" s="280">
        <v>292</v>
      </c>
      <c r="J29" s="280">
        <v>182</v>
      </c>
      <c r="K29" s="280">
        <v>0</v>
      </c>
      <c r="L29" s="281">
        <v>525</v>
      </c>
      <c r="M29" s="282">
        <v>525</v>
      </c>
      <c r="N29" s="276">
        <v>0</v>
      </c>
      <c r="O29" s="280">
        <v>0</v>
      </c>
      <c r="P29" s="277">
        <v>0</v>
      </c>
      <c r="Q29" s="279">
        <v>0</v>
      </c>
      <c r="R29" s="280">
        <v>0</v>
      </c>
      <c r="S29" s="280">
        <v>7</v>
      </c>
      <c r="T29" s="280">
        <v>0</v>
      </c>
      <c r="U29" s="280">
        <v>4</v>
      </c>
      <c r="V29" s="280">
        <v>4</v>
      </c>
      <c r="W29" s="277">
        <v>15</v>
      </c>
      <c r="X29" s="282">
        <v>15</v>
      </c>
      <c r="Y29" s="276">
        <v>9</v>
      </c>
      <c r="Z29" s="280">
        <v>10</v>
      </c>
      <c r="AA29" s="277">
        <v>19</v>
      </c>
      <c r="AB29" s="279">
        <v>0</v>
      </c>
      <c r="AC29" s="280">
        <v>47</v>
      </c>
      <c r="AD29" s="280">
        <v>38</v>
      </c>
      <c r="AE29" s="280">
        <v>32</v>
      </c>
      <c r="AF29" s="280">
        <v>20</v>
      </c>
      <c r="AG29" s="280">
        <v>29</v>
      </c>
      <c r="AH29" s="277">
        <v>166</v>
      </c>
      <c r="AI29" s="282">
        <v>185</v>
      </c>
      <c r="AJ29" s="276">
        <v>0</v>
      </c>
      <c r="AK29" s="280">
        <v>0</v>
      </c>
      <c r="AL29" s="277">
        <v>0</v>
      </c>
      <c r="AM29" s="279">
        <v>0</v>
      </c>
      <c r="AN29" s="280">
        <v>0</v>
      </c>
      <c r="AO29" s="280">
        <v>27</v>
      </c>
      <c r="AP29" s="280">
        <v>0</v>
      </c>
      <c r="AQ29" s="280">
        <v>0</v>
      </c>
      <c r="AR29" s="280">
        <v>0</v>
      </c>
      <c r="AS29" s="277">
        <v>27</v>
      </c>
      <c r="AT29" s="282">
        <v>27</v>
      </c>
      <c r="AU29" s="276">
        <v>0</v>
      </c>
      <c r="AV29" s="280">
        <v>0</v>
      </c>
      <c r="AW29" s="277">
        <v>0</v>
      </c>
      <c r="AX29" s="279">
        <v>0</v>
      </c>
      <c r="AY29" s="280">
        <v>85</v>
      </c>
      <c r="AZ29" s="280">
        <v>59</v>
      </c>
      <c r="BA29" s="280">
        <v>88</v>
      </c>
      <c r="BB29" s="280">
        <v>32</v>
      </c>
      <c r="BC29" s="280">
        <v>13</v>
      </c>
      <c r="BD29" s="281">
        <v>277</v>
      </c>
      <c r="BE29" s="282">
        <v>277</v>
      </c>
      <c r="BF29" s="276">
        <v>0</v>
      </c>
      <c r="BG29" s="280">
        <v>0</v>
      </c>
      <c r="BH29" s="277">
        <v>0</v>
      </c>
      <c r="BI29" s="279">
        <v>0</v>
      </c>
      <c r="BJ29" s="280">
        <v>3</v>
      </c>
      <c r="BK29" s="280">
        <v>31</v>
      </c>
      <c r="BL29" s="280">
        <v>8</v>
      </c>
      <c r="BM29" s="280">
        <v>0</v>
      </c>
      <c r="BN29" s="280">
        <v>0</v>
      </c>
      <c r="BO29" s="277">
        <v>42</v>
      </c>
      <c r="BP29" s="282">
        <v>42</v>
      </c>
      <c r="BQ29" s="276">
        <v>0</v>
      </c>
      <c r="BR29" s="280">
        <v>0</v>
      </c>
      <c r="BS29" s="277">
        <v>0</v>
      </c>
      <c r="BT29" s="279">
        <v>0</v>
      </c>
      <c r="BU29" s="280">
        <v>2</v>
      </c>
      <c r="BV29" s="280">
        <v>0</v>
      </c>
      <c r="BW29" s="280">
        <v>7</v>
      </c>
      <c r="BX29" s="280">
        <v>0</v>
      </c>
      <c r="BY29" s="280">
        <v>3</v>
      </c>
      <c r="BZ29" s="277">
        <v>12</v>
      </c>
      <c r="CA29" s="282">
        <v>12</v>
      </c>
      <c r="CB29" s="276">
        <v>0</v>
      </c>
      <c r="CC29" s="280">
        <v>0</v>
      </c>
      <c r="CD29" s="277">
        <v>0</v>
      </c>
      <c r="CE29" s="279">
        <v>0</v>
      </c>
      <c r="CF29" s="280">
        <v>2</v>
      </c>
      <c r="CG29" s="280">
        <v>0</v>
      </c>
      <c r="CH29" s="280">
        <v>0</v>
      </c>
      <c r="CI29" s="280">
        <v>0</v>
      </c>
      <c r="CJ29" s="280">
        <v>0</v>
      </c>
      <c r="CK29" s="277">
        <v>2</v>
      </c>
      <c r="CL29" s="282">
        <v>2</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0</v>
      </c>
      <c r="H30" s="280">
        <v>0</v>
      </c>
      <c r="I30" s="280">
        <v>0</v>
      </c>
      <c r="J30" s="280">
        <v>69</v>
      </c>
      <c r="K30" s="280">
        <v>0</v>
      </c>
      <c r="L30" s="281">
        <v>69</v>
      </c>
      <c r="M30" s="282">
        <v>69</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4</v>
      </c>
      <c r="AE30" s="280">
        <v>0</v>
      </c>
      <c r="AF30" s="280">
        <v>9</v>
      </c>
      <c r="AG30" s="280">
        <v>5</v>
      </c>
      <c r="AH30" s="277">
        <v>28</v>
      </c>
      <c r="AI30" s="282">
        <v>28</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30</v>
      </c>
      <c r="AZ30" s="280">
        <v>4</v>
      </c>
      <c r="BA30" s="280">
        <v>0</v>
      </c>
      <c r="BB30" s="280">
        <v>0</v>
      </c>
      <c r="BC30" s="280">
        <v>4</v>
      </c>
      <c r="BD30" s="281">
        <v>38</v>
      </c>
      <c r="BE30" s="282">
        <v>38</v>
      </c>
      <c r="BF30" s="276">
        <v>0</v>
      </c>
      <c r="BG30" s="280">
        <v>0</v>
      </c>
      <c r="BH30" s="277">
        <v>0</v>
      </c>
      <c r="BI30" s="279">
        <v>0</v>
      </c>
      <c r="BJ30" s="280">
        <v>0</v>
      </c>
      <c r="BK30" s="280">
        <v>0</v>
      </c>
      <c r="BL30" s="280">
        <v>0</v>
      </c>
      <c r="BM30" s="280">
        <v>0</v>
      </c>
      <c r="BN30" s="280">
        <v>0</v>
      </c>
      <c r="BO30" s="277">
        <v>0</v>
      </c>
      <c r="BP30" s="282">
        <v>0</v>
      </c>
      <c r="BQ30" s="276">
        <v>0</v>
      </c>
      <c r="BR30" s="280">
        <v>0</v>
      </c>
      <c r="BS30" s="277">
        <v>0</v>
      </c>
      <c r="BT30" s="279">
        <v>0</v>
      </c>
      <c r="BU30" s="280">
        <v>0</v>
      </c>
      <c r="BV30" s="280">
        <v>0</v>
      </c>
      <c r="BW30" s="280">
        <v>0</v>
      </c>
      <c r="BX30" s="280">
        <v>0</v>
      </c>
      <c r="BY30" s="280">
        <v>3</v>
      </c>
      <c r="BZ30" s="277">
        <v>3</v>
      </c>
      <c r="CA30" s="282">
        <v>3</v>
      </c>
      <c r="CB30" s="276">
        <v>0</v>
      </c>
      <c r="CC30" s="280">
        <v>0</v>
      </c>
      <c r="CD30" s="277">
        <v>0</v>
      </c>
      <c r="CE30" s="279">
        <v>0</v>
      </c>
      <c r="CF30" s="280">
        <v>0</v>
      </c>
      <c r="CG30" s="280">
        <v>0</v>
      </c>
      <c r="CH30" s="280">
        <v>0</v>
      </c>
      <c r="CI30" s="280">
        <v>0</v>
      </c>
      <c r="CJ30" s="280">
        <v>17</v>
      </c>
      <c r="CK30" s="277">
        <v>17</v>
      </c>
      <c r="CL30" s="282">
        <v>17</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13</v>
      </c>
      <c r="H31" s="280">
        <v>0</v>
      </c>
      <c r="I31" s="280">
        <v>0</v>
      </c>
      <c r="J31" s="280">
        <v>0</v>
      </c>
      <c r="K31" s="280">
        <v>0</v>
      </c>
      <c r="L31" s="281">
        <v>13</v>
      </c>
      <c r="M31" s="282">
        <v>13</v>
      </c>
      <c r="N31" s="276">
        <v>0</v>
      </c>
      <c r="O31" s="280">
        <v>0</v>
      </c>
      <c r="P31" s="277">
        <v>0</v>
      </c>
      <c r="Q31" s="279">
        <v>0</v>
      </c>
      <c r="R31" s="280">
        <v>0</v>
      </c>
      <c r="S31" s="280">
        <v>0</v>
      </c>
      <c r="T31" s="280">
        <v>0</v>
      </c>
      <c r="U31" s="280">
        <v>0</v>
      </c>
      <c r="V31" s="280">
        <v>3</v>
      </c>
      <c r="W31" s="277">
        <v>3</v>
      </c>
      <c r="X31" s="282">
        <v>3</v>
      </c>
      <c r="Y31" s="276">
        <v>0</v>
      </c>
      <c r="Z31" s="280">
        <v>2</v>
      </c>
      <c r="AA31" s="277">
        <v>2</v>
      </c>
      <c r="AB31" s="279">
        <v>0</v>
      </c>
      <c r="AC31" s="280">
        <v>0</v>
      </c>
      <c r="AD31" s="280">
        <v>0</v>
      </c>
      <c r="AE31" s="280">
        <v>0</v>
      </c>
      <c r="AF31" s="280">
        <v>0</v>
      </c>
      <c r="AG31" s="280">
        <v>4</v>
      </c>
      <c r="AH31" s="277">
        <v>4</v>
      </c>
      <c r="AI31" s="282">
        <v>6</v>
      </c>
      <c r="AJ31" s="276">
        <v>0</v>
      </c>
      <c r="AK31" s="280">
        <v>0</v>
      </c>
      <c r="AL31" s="277">
        <v>0</v>
      </c>
      <c r="AM31" s="279">
        <v>0</v>
      </c>
      <c r="AN31" s="280">
        <v>12</v>
      </c>
      <c r="AO31" s="280">
        <v>0</v>
      </c>
      <c r="AP31" s="280">
        <v>0</v>
      </c>
      <c r="AQ31" s="280">
        <v>0</v>
      </c>
      <c r="AR31" s="280">
        <v>0</v>
      </c>
      <c r="AS31" s="277">
        <v>12</v>
      </c>
      <c r="AT31" s="282">
        <v>12</v>
      </c>
      <c r="AU31" s="276">
        <v>0</v>
      </c>
      <c r="AV31" s="280">
        <v>0</v>
      </c>
      <c r="AW31" s="277">
        <v>0</v>
      </c>
      <c r="AX31" s="279">
        <v>0</v>
      </c>
      <c r="AY31" s="280">
        <v>39</v>
      </c>
      <c r="AZ31" s="280">
        <v>15</v>
      </c>
      <c r="BA31" s="280">
        <v>21</v>
      </c>
      <c r="BB31" s="280">
        <v>8</v>
      </c>
      <c r="BC31" s="280">
        <v>9</v>
      </c>
      <c r="BD31" s="281">
        <v>92</v>
      </c>
      <c r="BE31" s="282">
        <v>92</v>
      </c>
      <c r="BF31" s="276">
        <v>0</v>
      </c>
      <c r="BG31" s="280">
        <v>0</v>
      </c>
      <c r="BH31" s="277">
        <v>0</v>
      </c>
      <c r="BI31" s="279">
        <v>0</v>
      </c>
      <c r="BJ31" s="280">
        <v>3</v>
      </c>
      <c r="BK31" s="280">
        <v>0</v>
      </c>
      <c r="BL31" s="280">
        <v>4</v>
      </c>
      <c r="BM31" s="280">
        <v>0</v>
      </c>
      <c r="BN31" s="280">
        <v>0</v>
      </c>
      <c r="BO31" s="277">
        <v>7</v>
      </c>
      <c r="BP31" s="282">
        <v>7</v>
      </c>
      <c r="BQ31" s="276">
        <v>0</v>
      </c>
      <c r="BR31" s="280">
        <v>0</v>
      </c>
      <c r="BS31" s="277">
        <v>0</v>
      </c>
      <c r="BT31" s="279">
        <v>0</v>
      </c>
      <c r="BU31" s="280">
        <v>0</v>
      </c>
      <c r="BV31" s="280">
        <v>8</v>
      </c>
      <c r="BW31" s="280">
        <v>3</v>
      </c>
      <c r="BX31" s="280">
        <v>0</v>
      </c>
      <c r="BY31" s="280">
        <v>7</v>
      </c>
      <c r="BZ31" s="277">
        <v>18</v>
      </c>
      <c r="CA31" s="282">
        <v>18</v>
      </c>
      <c r="CB31" s="276">
        <v>0</v>
      </c>
      <c r="CC31" s="280">
        <v>0</v>
      </c>
      <c r="CD31" s="277">
        <v>0</v>
      </c>
      <c r="CE31" s="279">
        <v>0</v>
      </c>
      <c r="CF31" s="280">
        <v>0</v>
      </c>
      <c r="CG31" s="280">
        <v>0</v>
      </c>
      <c r="CH31" s="280">
        <v>0</v>
      </c>
      <c r="CI31" s="280">
        <v>0</v>
      </c>
      <c r="CJ31" s="280">
        <v>4</v>
      </c>
      <c r="CK31" s="277">
        <v>4</v>
      </c>
      <c r="CL31" s="282">
        <v>4</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31</v>
      </c>
      <c r="H32" s="280">
        <v>21</v>
      </c>
      <c r="I32" s="280">
        <v>8</v>
      </c>
      <c r="J32" s="280">
        <v>30</v>
      </c>
      <c r="K32" s="280">
        <v>0</v>
      </c>
      <c r="L32" s="281">
        <v>90</v>
      </c>
      <c r="M32" s="282">
        <v>90</v>
      </c>
      <c r="N32" s="276">
        <v>0</v>
      </c>
      <c r="O32" s="280">
        <v>0</v>
      </c>
      <c r="P32" s="277">
        <v>0</v>
      </c>
      <c r="Q32" s="279">
        <v>0</v>
      </c>
      <c r="R32" s="280">
        <v>0</v>
      </c>
      <c r="S32" s="280">
        <v>0</v>
      </c>
      <c r="T32" s="280">
        <v>0</v>
      </c>
      <c r="U32" s="280">
        <v>0</v>
      </c>
      <c r="V32" s="280">
        <v>0</v>
      </c>
      <c r="W32" s="277">
        <v>0</v>
      </c>
      <c r="X32" s="282">
        <v>0</v>
      </c>
      <c r="Y32" s="276">
        <v>0</v>
      </c>
      <c r="Z32" s="280">
        <v>18</v>
      </c>
      <c r="AA32" s="277">
        <v>18</v>
      </c>
      <c r="AB32" s="279">
        <v>0</v>
      </c>
      <c r="AC32" s="280">
        <v>0</v>
      </c>
      <c r="AD32" s="280">
        <v>0</v>
      </c>
      <c r="AE32" s="280">
        <v>4</v>
      </c>
      <c r="AF32" s="280">
        <v>4</v>
      </c>
      <c r="AG32" s="280">
        <v>0</v>
      </c>
      <c r="AH32" s="277">
        <v>8</v>
      </c>
      <c r="AI32" s="282">
        <v>26</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5</v>
      </c>
      <c r="AZ32" s="280">
        <v>0</v>
      </c>
      <c r="BA32" s="280">
        <v>0</v>
      </c>
      <c r="BB32" s="280">
        <v>16</v>
      </c>
      <c r="BC32" s="280">
        <v>0</v>
      </c>
      <c r="BD32" s="281">
        <v>21</v>
      </c>
      <c r="BE32" s="282">
        <v>21</v>
      </c>
      <c r="BF32" s="276">
        <v>0</v>
      </c>
      <c r="BG32" s="280">
        <v>0</v>
      </c>
      <c r="BH32" s="277">
        <v>0</v>
      </c>
      <c r="BI32" s="279">
        <v>0</v>
      </c>
      <c r="BJ32" s="280">
        <v>5</v>
      </c>
      <c r="BK32" s="280">
        <v>0</v>
      </c>
      <c r="BL32" s="280">
        <v>10</v>
      </c>
      <c r="BM32" s="280">
        <v>0</v>
      </c>
      <c r="BN32" s="280">
        <v>0</v>
      </c>
      <c r="BO32" s="277">
        <v>15</v>
      </c>
      <c r="BP32" s="282">
        <v>15</v>
      </c>
      <c r="BQ32" s="276">
        <v>0</v>
      </c>
      <c r="BR32" s="280">
        <v>0</v>
      </c>
      <c r="BS32" s="277">
        <v>0</v>
      </c>
      <c r="BT32" s="279">
        <v>0</v>
      </c>
      <c r="BU32" s="280">
        <v>0</v>
      </c>
      <c r="BV32" s="280">
        <v>0</v>
      </c>
      <c r="BW32" s="280">
        <v>5</v>
      </c>
      <c r="BX32" s="280">
        <v>9</v>
      </c>
      <c r="BY32" s="280">
        <v>0</v>
      </c>
      <c r="BZ32" s="277">
        <v>14</v>
      </c>
      <c r="CA32" s="282">
        <v>14</v>
      </c>
      <c r="CB32" s="276">
        <v>0</v>
      </c>
      <c r="CC32" s="280">
        <v>0</v>
      </c>
      <c r="CD32" s="277">
        <v>0</v>
      </c>
      <c r="CE32" s="279">
        <v>0</v>
      </c>
      <c r="CF32" s="280">
        <v>0</v>
      </c>
      <c r="CG32" s="280">
        <v>0</v>
      </c>
      <c r="CH32" s="280">
        <v>0</v>
      </c>
      <c r="CI32" s="280">
        <v>0</v>
      </c>
      <c r="CJ32" s="280">
        <v>29</v>
      </c>
      <c r="CK32" s="277">
        <v>29</v>
      </c>
      <c r="CL32" s="282">
        <v>29</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27</v>
      </c>
      <c r="H33" s="280">
        <v>16</v>
      </c>
      <c r="I33" s="280">
        <v>0</v>
      </c>
      <c r="J33" s="280">
        <v>0</v>
      </c>
      <c r="K33" s="280">
        <v>0</v>
      </c>
      <c r="L33" s="281">
        <v>43</v>
      </c>
      <c r="M33" s="282">
        <v>43</v>
      </c>
      <c r="N33" s="276">
        <v>0</v>
      </c>
      <c r="O33" s="280">
        <v>0</v>
      </c>
      <c r="P33" s="277">
        <v>0</v>
      </c>
      <c r="Q33" s="279">
        <v>0</v>
      </c>
      <c r="R33" s="280">
        <v>0</v>
      </c>
      <c r="S33" s="280">
        <v>5</v>
      </c>
      <c r="T33" s="280">
        <v>8</v>
      </c>
      <c r="U33" s="280">
        <v>0</v>
      </c>
      <c r="V33" s="280">
        <v>0</v>
      </c>
      <c r="W33" s="277">
        <v>13</v>
      </c>
      <c r="X33" s="282">
        <v>13</v>
      </c>
      <c r="Y33" s="276">
        <v>2</v>
      </c>
      <c r="Z33" s="280">
        <v>0</v>
      </c>
      <c r="AA33" s="277">
        <v>2</v>
      </c>
      <c r="AB33" s="279">
        <v>0</v>
      </c>
      <c r="AC33" s="280">
        <v>4</v>
      </c>
      <c r="AD33" s="280">
        <v>2</v>
      </c>
      <c r="AE33" s="280">
        <v>3</v>
      </c>
      <c r="AF33" s="280">
        <v>5</v>
      </c>
      <c r="AG33" s="280">
        <v>0</v>
      </c>
      <c r="AH33" s="277">
        <v>14</v>
      </c>
      <c r="AI33" s="282">
        <v>16</v>
      </c>
      <c r="AJ33" s="276">
        <v>0</v>
      </c>
      <c r="AK33" s="280">
        <v>0</v>
      </c>
      <c r="AL33" s="277">
        <v>0</v>
      </c>
      <c r="AM33" s="279">
        <v>0</v>
      </c>
      <c r="AN33" s="280">
        <v>0</v>
      </c>
      <c r="AO33" s="280">
        <v>0</v>
      </c>
      <c r="AP33" s="280">
        <v>0</v>
      </c>
      <c r="AQ33" s="280">
        <v>6</v>
      </c>
      <c r="AR33" s="280">
        <v>0</v>
      </c>
      <c r="AS33" s="277">
        <v>6</v>
      </c>
      <c r="AT33" s="282">
        <v>6</v>
      </c>
      <c r="AU33" s="276">
        <v>0</v>
      </c>
      <c r="AV33" s="280">
        <v>0</v>
      </c>
      <c r="AW33" s="277">
        <v>0</v>
      </c>
      <c r="AX33" s="279">
        <v>0</v>
      </c>
      <c r="AY33" s="280">
        <v>16</v>
      </c>
      <c r="AZ33" s="280">
        <v>19</v>
      </c>
      <c r="BA33" s="280">
        <v>0</v>
      </c>
      <c r="BB33" s="280">
        <v>9</v>
      </c>
      <c r="BC33" s="280">
        <v>0</v>
      </c>
      <c r="BD33" s="281">
        <v>44</v>
      </c>
      <c r="BE33" s="282">
        <v>44</v>
      </c>
      <c r="BF33" s="276">
        <v>0</v>
      </c>
      <c r="BG33" s="280">
        <v>0</v>
      </c>
      <c r="BH33" s="277">
        <v>0</v>
      </c>
      <c r="BI33" s="279">
        <v>0</v>
      </c>
      <c r="BJ33" s="280">
        <v>0</v>
      </c>
      <c r="BK33" s="280">
        <v>35</v>
      </c>
      <c r="BL33" s="280">
        <v>0</v>
      </c>
      <c r="BM33" s="280">
        <v>7</v>
      </c>
      <c r="BN33" s="280">
        <v>0</v>
      </c>
      <c r="BO33" s="277">
        <v>42</v>
      </c>
      <c r="BP33" s="282">
        <v>42</v>
      </c>
      <c r="BQ33" s="276">
        <v>0</v>
      </c>
      <c r="BR33" s="280">
        <v>0</v>
      </c>
      <c r="BS33" s="277">
        <v>0</v>
      </c>
      <c r="BT33" s="279">
        <v>0</v>
      </c>
      <c r="BU33" s="280">
        <v>0</v>
      </c>
      <c r="BV33" s="280">
        <v>6</v>
      </c>
      <c r="BW33" s="280">
        <v>0</v>
      </c>
      <c r="BX33" s="280">
        <v>0</v>
      </c>
      <c r="BY33" s="280">
        <v>0</v>
      </c>
      <c r="BZ33" s="277">
        <v>6</v>
      </c>
      <c r="CA33" s="282">
        <v>6</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6</v>
      </c>
      <c r="H34" s="280">
        <v>38</v>
      </c>
      <c r="I34" s="280">
        <v>17</v>
      </c>
      <c r="J34" s="280">
        <v>119</v>
      </c>
      <c r="K34" s="280">
        <v>85</v>
      </c>
      <c r="L34" s="281">
        <v>265</v>
      </c>
      <c r="M34" s="282">
        <v>265</v>
      </c>
      <c r="N34" s="276">
        <v>0</v>
      </c>
      <c r="O34" s="280">
        <v>0</v>
      </c>
      <c r="P34" s="277">
        <v>0</v>
      </c>
      <c r="Q34" s="279">
        <v>0</v>
      </c>
      <c r="R34" s="280">
        <v>0</v>
      </c>
      <c r="S34" s="280">
        <v>0</v>
      </c>
      <c r="T34" s="280">
        <v>0</v>
      </c>
      <c r="U34" s="280">
        <v>0</v>
      </c>
      <c r="V34" s="280">
        <v>4</v>
      </c>
      <c r="W34" s="277">
        <v>4</v>
      </c>
      <c r="X34" s="282">
        <v>4</v>
      </c>
      <c r="Y34" s="276">
        <v>0</v>
      </c>
      <c r="Z34" s="280">
        <v>2</v>
      </c>
      <c r="AA34" s="277">
        <v>2</v>
      </c>
      <c r="AB34" s="279">
        <v>0</v>
      </c>
      <c r="AC34" s="280">
        <v>5</v>
      </c>
      <c r="AD34" s="280">
        <v>10</v>
      </c>
      <c r="AE34" s="280">
        <v>12</v>
      </c>
      <c r="AF34" s="280">
        <v>3</v>
      </c>
      <c r="AG34" s="280">
        <v>0</v>
      </c>
      <c r="AH34" s="277">
        <v>30</v>
      </c>
      <c r="AI34" s="282">
        <v>32</v>
      </c>
      <c r="AJ34" s="276">
        <v>0</v>
      </c>
      <c r="AK34" s="280">
        <v>0</v>
      </c>
      <c r="AL34" s="277">
        <v>0</v>
      </c>
      <c r="AM34" s="279">
        <v>0</v>
      </c>
      <c r="AN34" s="280">
        <v>0</v>
      </c>
      <c r="AO34" s="280">
        <v>9</v>
      </c>
      <c r="AP34" s="280">
        <v>0</v>
      </c>
      <c r="AQ34" s="280">
        <v>0</v>
      </c>
      <c r="AR34" s="280">
        <v>0</v>
      </c>
      <c r="AS34" s="277">
        <v>9</v>
      </c>
      <c r="AT34" s="282">
        <v>9</v>
      </c>
      <c r="AU34" s="276">
        <v>0</v>
      </c>
      <c r="AV34" s="280">
        <v>0</v>
      </c>
      <c r="AW34" s="277">
        <v>0</v>
      </c>
      <c r="AX34" s="279">
        <v>0</v>
      </c>
      <c r="AY34" s="280">
        <v>22</v>
      </c>
      <c r="AZ34" s="280">
        <v>21</v>
      </c>
      <c r="BA34" s="280">
        <v>52</v>
      </c>
      <c r="BB34" s="280">
        <v>0</v>
      </c>
      <c r="BC34" s="280">
        <v>12</v>
      </c>
      <c r="BD34" s="281">
        <v>107</v>
      </c>
      <c r="BE34" s="282">
        <v>107</v>
      </c>
      <c r="BF34" s="276">
        <v>0</v>
      </c>
      <c r="BG34" s="280">
        <v>0</v>
      </c>
      <c r="BH34" s="277">
        <v>0</v>
      </c>
      <c r="BI34" s="279">
        <v>0</v>
      </c>
      <c r="BJ34" s="280">
        <v>13</v>
      </c>
      <c r="BK34" s="280">
        <v>8</v>
      </c>
      <c r="BL34" s="280">
        <v>0</v>
      </c>
      <c r="BM34" s="280">
        <v>0</v>
      </c>
      <c r="BN34" s="280">
        <v>6</v>
      </c>
      <c r="BO34" s="277">
        <v>27</v>
      </c>
      <c r="BP34" s="282">
        <v>27</v>
      </c>
      <c r="BQ34" s="276">
        <v>0</v>
      </c>
      <c r="BR34" s="280">
        <v>0</v>
      </c>
      <c r="BS34" s="277">
        <v>0</v>
      </c>
      <c r="BT34" s="279">
        <v>0</v>
      </c>
      <c r="BU34" s="280">
        <v>2</v>
      </c>
      <c r="BV34" s="280">
        <v>0</v>
      </c>
      <c r="BW34" s="280">
        <v>0</v>
      </c>
      <c r="BX34" s="280">
        <v>0</v>
      </c>
      <c r="BY34" s="280">
        <v>6</v>
      </c>
      <c r="BZ34" s="277">
        <v>8</v>
      </c>
      <c r="CA34" s="282">
        <v>8</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9</v>
      </c>
      <c r="H35" s="280">
        <v>0</v>
      </c>
      <c r="I35" s="280">
        <v>0</v>
      </c>
      <c r="J35" s="280">
        <v>0</v>
      </c>
      <c r="K35" s="280">
        <v>0</v>
      </c>
      <c r="L35" s="281">
        <v>9</v>
      </c>
      <c r="M35" s="282">
        <v>9</v>
      </c>
      <c r="N35" s="276">
        <v>0</v>
      </c>
      <c r="O35" s="280">
        <v>0</v>
      </c>
      <c r="P35" s="277">
        <v>0</v>
      </c>
      <c r="Q35" s="279">
        <v>0</v>
      </c>
      <c r="R35" s="280">
        <v>0</v>
      </c>
      <c r="S35" s="280">
        <v>0</v>
      </c>
      <c r="T35" s="280">
        <v>0</v>
      </c>
      <c r="U35" s="280">
        <v>5</v>
      </c>
      <c r="V35" s="280">
        <v>0</v>
      </c>
      <c r="W35" s="277">
        <v>5</v>
      </c>
      <c r="X35" s="282">
        <v>5</v>
      </c>
      <c r="Y35" s="276">
        <v>0</v>
      </c>
      <c r="Z35" s="280">
        <v>0</v>
      </c>
      <c r="AA35" s="277">
        <v>0</v>
      </c>
      <c r="AB35" s="279">
        <v>0</v>
      </c>
      <c r="AC35" s="280">
        <v>4</v>
      </c>
      <c r="AD35" s="280">
        <v>2</v>
      </c>
      <c r="AE35" s="280">
        <v>0</v>
      </c>
      <c r="AF35" s="280">
        <v>0</v>
      </c>
      <c r="AG35" s="280">
        <v>6</v>
      </c>
      <c r="AH35" s="277">
        <v>12</v>
      </c>
      <c r="AI35" s="282">
        <v>12</v>
      </c>
      <c r="AJ35" s="276">
        <v>12</v>
      </c>
      <c r="AK35" s="280">
        <v>9</v>
      </c>
      <c r="AL35" s="277">
        <v>21</v>
      </c>
      <c r="AM35" s="279">
        <v>0</v>
      </c>
      <c r="AN35" s="280">
        <v>12</v>
      </c>
      <c r="AO35" s="280">
        <v>0</v>
      </c>
      <c r="AP35" s="280">
        <v>0</v>
      </c>
      <c r="AQ35" s="280">
        <v>27</v>
      </c>
      <c r="AR35" s="280">
        <v>24</v>
      </c>
      <c r="AS35" s="277">
        <v>63</v>
      </c>
      <c r="AT35" s="282">
        <v>84</v>
      </c>
      <c r="AU35" s="276">
        <v>0</v>
      </c>
      <c r="AV35" s="280">
        <v>0</v>
      </c>
      <c r="AW35" s="277">
        <v>0</v>
      </c>
      <c r="AX35" s="279">
        <v>0</v>
      </c>
      <c r="AY35" s="280">
        <v>4</v>
      </c>
      <c r="AZ35" s="280">
        <v>0</v>
      </c>
      <c r="BA35" s="280">
        <v>0</v>
      </c>
      <c r="BB35" s="280">
        <v>0</v>
      </c>
      <c r="BC35" s="280">
        <v>0</v>
      </c>
      <c r="BD35" s="281">
        <v>4</v>
      </c>
      <c r="BE35" s="282">
        <v>4</v>
      </c>
      <c r="BF35" s="276">
        <v>0</v>
      </c>
      <c r="BG35" s="280">
        <v>0</v>
      </c>
      <c r="BH35" s="277">
        <v>0</v>
      </c>
      <c r="BI35" s="279">
        <v>0</v>
      </c>
      <c r="BJ35" s="280">
        <v>7</v>
      </c>
      <c r="BK35" s="280">
        <v>7</v>
      </c>
      <c r="BL35" s="280">
        <v>8</v>
      </c>
      <c r="BM35" s="280">
        <v>0</v>
      </c>
      <c r="BN35" s="280">
        <v>0</v>
      </c>
      <c r="BO35" s="277">
        <v>22</v>
      </c>
      <c r="BP35" s="282">
        <v>22</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6</v>
      </c>
      <c r="CI35" s="280">
        <v>0</v>
      </c>
      <c r="CJ35" s="280">
        <v>0</v>
      </c>
      <c r="CK35" s="277">
        <v>6</v>
      </c>
      <c r="CL35" s="282">
        <v>6</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4">
        <v>0</v>
      </c>
      <c r="F36" s="279">
        <v>0</v>
      </c>
      <c r="G36" s="280">
        <v>4</v>
      </c>
      <c r="H36" s="280">
        <v>0</v>
      </c>
      <c r="I36" s="280">
        <v>0</v>
      </c>
      <c r="J36" s="280">
        <v>0</v>
      </c>
      <c r="K36" s="280">
        <v>0</v>
      </c>
      <c r="L36" s="281">
        <v>4</v>
      </c>
      <c r="M36" s="282">
        <v>4</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2</v>
      </c>
      <c r="AE36" s="280">
        <v>0</v>
      </c>
      <c r="AF36" s="280">
        <v>0</v>
      </c>
      <c r="AG36" s="280">
        <v>0</v>
      </c>
      <c r="AH36" s="277">
        <v>2</v>
      </c>
      <c r="AI36" s="282">
        <v>2</v>
      </c>
      <c r="AJ36" s="276">
        <v>0</v>
      </c>
      <c r="AK36" s="280">
        <v>0</v>
      </c>
      <c r="AL36" s="277">
        <v>0</v>
      </c>
      <c r="AM36" s="279">
        <v>0</v>
      </c>
      <c r="AN36" s="280">
        <v>0</v>
      </c>
      <c r="AO36" s="280">
        <v>26</v>
      </c>
      <c r="AP36" s="280">
        <v>6</v>
      </c>
      <c r="AQ36" s="280">
        <v>0</v>
      </c>
      <c r="AR36" s="280">
        <v>0</v>
      </c>
      <c r="AS36" s="277">
        <v>32</v>
      </c>
      <c r="AT36" s="282">
        <v>32</v>
      </c>
      <c r="AU36" s="276">
        <v>0</v>
      </c>
      <c r="AV36" s="280">
        <v>0</v>
      </c>
      <c r="AW36" s="277">
        <v>0</v>
      </c>
      <c r="AX36" s="279">
        <v>0</v>
      </c>
      <c r="AY36" s="280">
        <v>0</v>
      </c>
      <c r="AZ36" s="280">
        <v>0</v>
      </c>
      <c r="BA36" s="280">
        <v>0</v>
      </c>
      <c r="BB36" s="280">
        <v>0</v>
      </c>
      <c r="BC36" s="280">
        <v>0</v>
      </c>
      <c r="BD36" s="281">
        <v>0</v>
      </c>
      <c r="BE36" s="282">
        <v>0</v>
      </c>
      <c r="BF36" s="276">
        <v>0</v>
      </c>
      <c r="BG36" s="280">
        <v>0</v>
      </c>
      <c r="BH36" s="277">
        <v>0</v>
      </c>
      <c r="BI36" s="279">
        <v>0</v>
      </c>
      <c r="BJ36" s="280">
        <v>9</v>
      </c>
      <c r="BK36" s="280">
        <v>8</v>
      </c>
      <c r="BL36" s="280">
        <v>0</v>
      </c>
      <c r="BM36" s="280">
        <v>0</v>
      </c>
      <c r="BN36" s="280">
        <v>0</v>
      </c>
      <c r="BO36" s="277">
        <v>17</v>
      </c>
      <c r="BP36" s="282">
        <v>17</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84</v>
      </c>
      <c r="H37" s="280">
        <v>13</v>
      </c>
      <c r="I37" s="280">
        <v>30</v>
      </c>
      <c r="J37" s="280">
        <v>86</v>
      </c>
      <c r="K37" s="280">
        <v>81</v>
      </c>
      <c r="L37" s="281">
        <v>294</v>
      </c>
      <c r="M37" s="282">
        <v>294</v>
      </c>
      <c r="N37" s="276">
        <v>0</v>
      </c>
      <c r="O37" s="280">
        <v>0</v>
      </c>
      <c r="P37" s="277">
        <v>0</v>
      </c>
      <c r="Q37" s="279">
        <v>0</v>
      </c>
      <c r="R37" s="280">
        <v>0</v>
      </c>
      <c r="S37" s="280">
        <v>0</v>
      </c>
      <c r="T37" s="280">
        <v>0</v>
      </c>
      <c r="U37" s="280">
        <v>0</v>
      </c>
      <c r="V37" s="280">
        <v>9</v>
      </c>
      <c r="W37" s="277">
        <v>9</v>
      </c>
      <c r="X37" s="282">
        <v>9</v>
      </c>
      <c r="Y37" s="276">
        <v>0</v>
      </c>
      <c r="Z37" s="280">
        <v>0</v>
      </c>
      <c r="AA37" s="277">
        <v>0</v>
      </c>
      <c r="AB37" s="279">
        <v>0</v>
      </c>
      <c r="AC37" s="280">
        <v>5</v>
      </c>
      <c r="AD37" s="280">
        <v>12</v>
      </c>
      <c r="AE37" s="280">
        <v>0</v>
      </c>
      <c r="AF37" s="280">
        <v>0</v>
      </c>
      <c r="AG37" s="280">
        <v>0</v>
      </c>
      <c r="AH37" s="277">
        <v>17</v>
      </c>
      <c r="AI37" s="282">
        <v>17</v>
      </c>
      <c r="AJ37" s="276">
        <v>0</v>
      </c>
      <c r="AK37" s="280">
        <v>0</v>
      </c>
      <c r="AL37" s="277">
        <v>0</v>
      </c>
      <c r="AM37" s="279">
        <v>0</v>
      </c>
      <c r="AN37" s="280">
        <v>12</v>
      </c>
      <c r="AO37" s="280">
        <v>12</v>
      </c>
      <c r="AP37" s="280">
        <v>22</v>
      </c>
      <c r="AQ37" s="280">
        <v>0</v>
      </c>
      <c r="AR37" s="280">
        <v>0</v>
      </c>
      <c r="AS37" s="277">
        <v>46</v>
      </c>
      <c r="AT37" s="282">
        <v>46</v>
      </c>
      <c r="AU37" s="276">
        <v>0</v>
      </c>
      <c r="AV37" s="280">
        <v>0</v>
      </c>
      <c r="AW37" s="277">
        <v>0</v>
      </c>
      <c r="AX37" s="279">
        <v>0</v>
      </c>
      <c r="AY37" s="280">
        <v>63</v>
      </c>
      <c r="AZ37" s="280">
        <v>35</v>
      </c>
      <c r="BA37" s="280">
        <v>27</v>
      </c>
      <c r="BB37" s="280">
        <v>0</v>
      </c>
      <c r="BC37" s="280">
        <v>0</v>
      </c>
      <c r="BD37" s="281">
        <v>125</v>
      </c>
      <c r="BE37" s="282">
        <v>125</v>
      </c>
      <c r="BF37" s="276">
        <v>0</v>
      </c>
      <c r="BG37" s="280">
        <v>0</v>
      </c>
      <c r="BH37" s="277">
        <v>0</v>
      </c>
      <c r="BI37" s="279">
        <v>0</v>
      </c>
      <c r="BJ37" s="280">
        <v>8</v>
      </c>
      <c r="BK37" s="280">
        <v>0</v>
      </c>
      <c r="BL37" s="280">
        <v>10</v>
      </c>
      <c r="BM37" s="280">
        <v>0</v>
      </c>
      <c r="BN37" s="280">
        <v>0</v>
      </c>
      <c r="BO37" s="277">
        <v>18</v>
      </c>
      <c r="BP37" s="282">
        <v>18</v>
      </c>
      <c r="BQ37" s="276">
        <v>0</v>
      </c>
      <c r="BR37" s="280">
        <v>0</v>
      </c>
      <c r="BS37" s="277">
        <v>0</v>
      </c>
      <c r="BT37" s="279">
        <v>0</v>
      </c>
      <c r="BU37" s="280">
        <v>0</v>
      </c>
      <c r="BV37" s="280">
        <v>3</v>
      </c>
      <c r="BW37" s="280">
        <v>0</v>
      </c>
      <c r="BX37" s="280">
        <v>0</v>
      </c>
      <c r="BY37" s="280">
        <v>0</v>
      </c>
      <c r="BZ37" s="277">
        <v>3</v>
      </c>
      <c r="CA37" s="282">
        <v>3</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49</v>
      </c>
      <c r="H38" s="280">
        <v>39</v>
      </c>
      <c r="I38" s="280">
        <v>60</v>
      </c>
      <c r="J38" s="280">
        <v>0</v>
      </c>
      <c r="K38" s="280">
        <v>1</v>
      </c>
      <c r="L38" s="281">
        <v>149</v>
      </c>
      <c r="M38" s="282">
        <v>149</v>
      </c>
      <c r="N38" s="276">
        <v>0</v>
      </c>
      <c r="O38" s="280">
        <v>0</v>
      </c>
      <c r="P38" s="277">
        <v>0</v>
      </c>
      <c r="Q38" s="279">
        <v>0</v>
      </c>
      <c r="R38" s="280">
        <v>0</v>
      </c>
      <c r="S38" s="280">
        <v>0</v>
      </c>
      <c r="T38" s="280">
        <v>0</v>
      </c>
      <c r="U38" s="280">
        <v>0</v>
      </c>
      <c r="V38" s="280">
        <v>0</v>
      </c>
      <c r="W38" s="277">
        <v>0</v>
      </c>
      <c r="X38" s="282">
        <v>0</v>
      </c>
      <c r="Y38" s="276">
        <v>11</v>
      </c>
      <c r="Z38" s="280">
        <v>0</v>
      </c>
      <c r="AA38" s="277">
        <v>11</v>
      </c>
      <c r="AB38" s="279">
        <v>0</v>
      </c>
      <c r="AC38" s="280">
        <v>13</v>
      </c>
      <c r="AD38" s="280">
        <v>0</v>
      </c>
      <c r="AE38" s="280">
        <v>8</v>
      </c>
      <c r="AF38" s="280">
        <v>0</v>
      </c>
      <c r="AG38" s="280">
        <v>0</v>
      </c>
      <c r="AH38" s="277">
        <v>21</v>
      </c>
      <c r="AI38" s="282">
        <v>32</v>
      </c>
      <c r="AJ38" s="276">
        <v>0</v>
      </c>
      <c r="AK38" s="280">
        <v>4</v>
      </c>
      <c r="AL38" s="277">
        <v>4</v>
      </c>
      <c r="AM38" s="279">
        <v>0</v>
      </c>
      <c r="AN38" s="280">
        <v>0</v>
      </c>
      <c r="AO38" s="280">
        <v>6</v>
      </c>
      <c r="AP38" s="280">
        <v>16</v>
      </c>
      <c r="AQ38" s="280">
        <v>0</v>
      </c>
      <c r="AR38" s="280">
        <v>0</v>
      </c>
      <c r="AS38" s="277">
        <v>22</v>
      </c>
      <c r="AT38" s="282">
        <v>26</v>
      </c>
      <c r="AU38" s="276">
        <v>0</v>
      </c>
      <c r="AV38" s="280">
        <v>0</v>
      </c>
      <c r="AW38" s="277">
        <v>0</v>
      </c>
      <c r="AX38" s="279">
        <v>0</v>
      </c>
      <c r="AY38" s="280">
        <v>6</v>
      </c>
      <c r="AZ38" s="280">
        <v>26</v>
      </c>
      <c r="BA38" s="280">
        <v>13</v>
      </c>
      <c r="BB38" s="280">
        <v>0</v>
      </c>
      <c r="BC38" s="280">
        <v>0</v>
      </c>
      <c r="BD38" s="281">
        <v>45</v>
      </c>
      <c r="BE38" s="282">
        <v>45</v>
      </c>
      <c r="BF38" s="276">
        <v>0</v>
      </c>
      <c r="BG38" s="280">
        <v>0</v>
      </c>
      <c r="BH38" s="277">
        <v>0</v>
      </c>
      <c r="BI38" s="279">
        <v>0</v>
      </c>
      <c r="BJ38" s="280">
        <v>0</v>
      </c>
      <c r="BK38" s="280">
        <v>14</v>
      </c>
      <c r="BL38" s="280">
        <v>0</v>
      </c>
      <c r="BM38" s="280">
        <v>0</v>
      </c>
      <c r="BN38" s="280">
        <v>0</v>
      </c>
      <c r="BO38" s="277">
        <v>14</v>
      </c>
      <c r="BP38" s="282">
        <v>14</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18</v>
      </c>
      <c r="AP39" s="287">
        <v>0</v>
      </c>
      <c r="AQ39" s="287">
        <v>0</v>
      </c>
      <c r="AR39" s="287">
        <v>0</v>
      </c>
      <c r="AS39" s="284">
        <v>18</v>
      </c>
      <c r="AT39" s="289">
        <v>18</v>
      </c>
      <c r="AU39" s="283">
        <v>0</v>
      </c>
      <c r="AV39" s="287">
        <v>0</v>
      </c>
      <c r="AW39" s="284">
        <v>0</v>
      </c>
      <c r="AX39" s="286">
        <v>0</v>
      </c>
      <c r="AY39" s="287">
        <v>0</v>
      </c>
      <c r="AZ39" s="287">
        <v>19</v>
      </c>
      <c r="BA39" s="287">
        <v>0</v>
      </c>
      <c r="BB39" s="287">
        <v>0</v>
      </c>
      <c r="BC39" s="287">
        <v>0</v>
      </c>
      <c r="BD39" s="288">
        <v>19</v>
      </c>
      <c r="BE39" s="289">
        <v>19</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7.55468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4">
        <f>第１表!F2</f>
        <v>4</v>
      </c>
      <c r="K1" s="524"/>
      <c r="L1" s="248">
        <f>第１表!G2</f>
        <v>11</v>
      </c>
      <c r="M1" s="529">
        <f>IF(L1&lt;3,L1+12-2,L1-2)</f>
        <v>9</v>
      </c>
      <c r="N1" s="529"/>
    </row>
    <row r="2" spans="2:112" ht="24" customHeight="1" thickBot="1" x14ac:dyDescent="0.25">
      <c r="B2" s="290" t="s">
        <v>154</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65" t="s">
        <v>44</v>
      </c>
      <c r="E5" s="266"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50" t="s">
        <v>43</v>
      </c>
      <c r="Z5" s="259" t="s">
        <v>44</v>
      </c>
      <c r="AA5" s="268" t="s">
        <v>45</v>
      </c>
      <c r="AB5" s="267" t="s">
        <v>83</v>
      </c>
      <c r="AC5" s="259" t="s">
        <v>47</v>
      </c>
      <c r="AD5" s="259" t="s">
        <v>48</v>
      </c>
      <c r="AE5" s="259" t="s">
        <v>49</v>
      </c>
      <c r="AF5" s="259" t="s">
        <v>50</v>
      </c>
      <c r="AG5" s="259" t="s">
        <v>51</v>
      </c>
      <c r="AH5" s="265" t="s">
        <v>45</v>
      </c>
      <c r="AI5" s="531"/>
      <c r="AJ5" s="350" t="s">
        <v>43</v>
      </c>
      <c r="AK5" s="259" t="s">
        <v>44</v>
      </c>
      <c r="AL5" s="265" t="s">
        <v>45</v>
      </c>
      <c r="AM5" s="267" t="s">
        <v>83</v>
      </c>
      <c r="AN5" s="259" t="s">
        <v>47</v>
      </c>
      <c r="AO5" s="259" t="s">
        <v>48</v>
      </c>
      <c r="AP5" s="259" t="s">
        <v>49</v>
      </c>
      <c r="AQ5" s="259" t="s">
        <v>50</v>
      </c>
      <c r="AR5" s="259" t="s">
        <v>51</v>
      </c>
      <c r="AS5" s="265" t="s">
        <v>45</v>
      </c>
      <c r="AT5" s="531"/>
      <c r="AU5" s="350" t="s">
        <v>43</v>
      </c>
      <c r="AV5" s="259" t="s">
        <v>44</v>
      </c>
      <c r="AW5" s="268" t="s">
        <v>45</v>
      </c>
      <c r="AX5" s="267" t="s">
        <v>83</v>
      </c>
      <c r="AY5" s="259" t="s">
        <v>47</v>
      </c>
      <c r="AZ5" s="259" t="s">
        <v>48</v>
      </c>
      <c r="BA5" s="259" t="s">
        <v>49</v>
      </c>
      <c r="BB5" s="259" t="s">
        <v>50</v>
      </c>
      <c r="BC5" s="259" t="s">
        <v>51</v>
      </c>
      <c r="BD5" s="268" t="s">
        <v>45</v>
      </c>
      <c r="BE5" s="531"/>
      <c r="BF5" s="350" t="s">
        <v>43</v>
      </c>
      <c r="BG5" s="259" t="s">
        <v>44</v>
      </c>
      <c r="BH5" s="265" t="s">
        <v>45</v>
      </c>
      <c r="BI5" s="267" t="s">
        <v>83</v>
      </c>
      <c r="BJ5" s="259" t="s">
        <v>47</v>
      </c>
      <c r="BK5" s="259" t="s">
        <v>48</v>
      </c>
      <c r="BL5" s="259" t="s">
        <v>49</v>
      </c>
      <c r="BM5" s="259" t="s">
        <v>50</v>
      </c>
      <c r="BN5" s="259" t="s">
        <v>51</v>
      </c>
      <c r="BO5" s="265" t="s">
        <v>45</v>
      </c>
      <c r="BP5" s="531"/>
      <c r="BQ5" s="350" t="s">
        <v>43</v>
      </c>
      <c r="BR5" s="259" t="s">
        <v>44</v>
      </c>
      <c r="BS5" s="265" t="s">
        <v>45</v>
      </c>
      <c r="BT5" s="267" t="s">
        <v>83</v>
      </c>
      <c r="BU5" s="259" t="s">
        <v>47</v>
      </c>
      <c r="BV5" s="259" t="s">
        <v>48</v>
      </c>
      <c r="BW5" s="259" t="s">
        <v>49</v>
      </c>
      <c r="BX5" s="259" t="s">
        <v>50</v>
      </c>
      <c r="BY5" s="259" t="s">
        <v>51</v>
      </c>
      <c r="BZ5" s="265" t="s">
        <v>45</v>
      </c>
      <c r="CA5" s="531"/>
      <c r="CB5" s="350" t="s">
        <v>43</v>
      </c>
      <c r="CC5" s="259" t="s">
        <v>44</v>
      </c>
      <c r="CD5" s="265" t="s">
        <v>45</v>
      </c>
      <c r="CE5" s="267" t="s">
        <v>83</v>
      </c>
      <c r="CF5" s="259" t="s">
        <v>47</v>
      </c>
      <c r="CG5" s="259" t="s">
        <v>48</v>
      </c>
      <c r="CH5" s="259" t="s">
        <v>49</v>
      </c>
      <c r="CI5" s="259" t="s">
        <v>50</v>
      </c>
      <c r="CJ5" s="259" t="s">
        <v>51</v>
      </c>
      <c r="CK5" s="265" t="s">
        <v>45</v>
      </c>
      <c r="CL5" s="531"/>
      <c r="CM5" s="365" t="s">
        <v>43</v>
      </c>
      <c r="CN5" s="259" t="s">
        <v>44</v>
      </c>
      <c r="CO5" s="265" t="s">
        <v>45</v>
      </c>
      <c r="CP5" s="267" t="s">
        <v>83</v>
      </c>
      <c r="CQ5" s="259" t="s">
        <v>47</v>
      </c>
      <c r="CR5" s="259" t="s">
        <v>48</v>
      </c>
      <c r="CS5" s="259" t="s">
        <v>49</v>
      </c>
      <c r="CT5" s="259" t="s">
        <v>50</v>
      </c>
      <c r="CU5" s="259" t="s">
        <v>51</v>
      </c>
      <c r="CV5" s="265" t="s">
        <v>45</v>
      </c>
      <c r="CW5" s="531"/>
      <c r="CX5" s="365"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0">
        <v>0</v>
      </c>
      <c r="E6" s="271">
        <v>0</v>
      </c>
      <c r="F6" s="272">
        <v>0</v>
      </c>
      <c r="G6" s="273">
        <v>12384</v>
      </c>
      <c r="H6" s="273">
        <v>17540</v>
      </c>
      <c r="I6" s="273">
        <v>19321</v>
      </c>
      <c r="J6" s="273">
        <v>22682</v>
      </c>
      <c r="K6" s="273">
        <v>23368</v>
      </c>
      <c r="L6" s="274">
        <v>95295</v>
      </c>
      <c r="M6" s="275">
        <v>95295</v>
      </c>
      <c r="N6" s="269">
        <v>0</v>
      </c>
      <c r="O6" s="273">
        <v>4</v>
      </c>
      <c r="P6" s="270">
        <v>4</v>
      </c>
      <c r="Q6" s="272">
        <v>0</v>
      </c>
      <c r="R6" s="273">
        <v>69</v>
      </c>
      <c r="S6" s="273">
        <v>171</v>
      </c>
      <c r="T6" s="273">
        <v>273</v>
      </c>
      <c r="U6" s="273">
        <v>641</v>
      </c>
      <c r="V6" s="273">
        <v>1313</v>
      </c>
      <c r="W6" s="270">
        <v>2467</v>
      </c>
      <c r="X6" s="275">
        <v>2471</v>
      </c>
      <c r="Y6" s="269">
        <v>1179</v>
      </c>
      <c r="Z6" s="273">
        <v>3003</v>
      </c>
      <c r="AA6" s="270">
        <v>4182</v>
      </c>
      <c r="AB6" s="272">
        <v>0</v>
      </c>
      <c r="AC6" s="273">
        <v>8699</v>
      </c>
      <c r="AD6" s="273">
        <v>13318</v>
      </c>
      <c r="AE6" s="273">
        <v>7778</v>
      </c>
      <c r="AF6" s="273">
        <v>6994</v>
      </c>
      <c r="AG6" s="273">
        <v>5834</v>
      </c>
      <c r="AH6" s="270">
        <v>42623</v>
      </c>
      <c r="AI6" s="275">
        <v>46805</v>
      </c>
      <c r="AJ6" s="269">
        <v>170</v>
      </c>
      <c r="AK6" s="273">
        <v>648</v>
      </c>
      <c r="AL6" s="270">
        <v>818</v>
      </c>
      <c r="AM6" s="272">
        <v>0</v>
      </c>
      <c r="AN6" s="273">
        <v>1201</v>
      </c>
      <c r="AO6" s="273">
        <v>1839</v>
      </c>
      <c r="AP6" s="273">
        <v>1381</v>
      </c>
      <c r="AQ6" s="273">
        <v>1353</v>
      </c>
      <c r="AR6" s="273">
        <v>559</v>
      </c>
      <c r="AS6" s="270">
        <v>6333</v>
      </c>
      <c r="AT6" s="275">
        <v>7151</v>
      </c>
      <c r="AU6" s="269">
        <v>0</v>
      </c>
      <c r="AV6" s="273">
        <v>0</v>
      </c>
      <c r="AW6" s="270">
        <v>0</v>
      </c>
      <c r="AX6" s="272">
        <v>0</v>
      </c>
      <c r="AY6" s="273">
        <v>10751</v>
      </c>
      <c r="AZ6" s="273">
        <v>9814</v>
      </c>
      <c r="BA6" s="273">
        <v>5490</v>
      </c>
      <c r="BB6" s="273">
        <v>3502</v>
      </c>
      <c r="BC6" s="273">
        <v>1361</v>
      </c>
      <c r="BD6" s="274">
        <v>30918</v>
      </c>
      <c r="BE6" s="275">
        <v>30918</v>
      </c>
      <c r="BF6" s="269">
        <v>0</v>
      </c>
      <c r="BG6" s="273">
        <v>0</v>
      </c>
      <c r="BH6" s="270">
        <v>0</v>
      </c>
      <c r="BI6" s="272">
        <v>0</v>
      </c>
      <c r="BJ6" s="273">
        <v>2153</v>
      </c>
      <c r="BK6" s="273">
        <v>3252</v>
      </c>
      <c r="BL6" s="273">
        <v>2094</v>
      </c>
      <c r="BM6" s="273">
        <v>1450</v>
      </c>
      <c r="BN6" s="273">
        <v>533</v>
      </c>
      <c r="BO6" s="270">
        <v>9482</v>
      </c>
      <c r="BP6" s="275">
        <v>9482</v>
      </c>
      <c r="BQ6" s="269">
        <v>15</v>
      </c>
      <c r="BR6" s="273">
        <v>65</v>
      </c>
      <c r="BS6" s="270">
        <v>80</v>
      </c>
      <c r="BT6" s="272">
        <v>0</v>
      </c>
      <c r="BU6" s="273">
        <v>1151</v>
      </c>
      <c r="BV6" s="273">
        <v>1675</v>
      </c>
      <c r="BW6" s="273">
        <v>2586</v>
      </c>
      <c r="BX6" s="273">
        <v>2415</v>
      </c>
      <c r="BY6" s="273">
        <v>1223</v>
      </c>
      <c r="BZ6" s="270">
        <v>9050</v>
      </c>
      <c r="CA6" s="275">
        <v>9130</v>
      </c>
      <c r="CB6" s="269">
        <v>0</v>
      </c>
      <c r="CC6" s="273">
        <v>36</v>
      </c>
      <c r="CD6" s="270">
        <v>36</v>
      </c>
      <c r="CE6" s="272">
        <v>0</v>
      </c>
      <c r="CF6" s="273">
        <v>132</v>
      </c>
      <c r="CG6" s="273">
        <v>275</v>
      </c>
      <c r="CH6" s="273">
        <v>337</v>
      </c>
      <c r="CI6" s="273">
        <v>251</v>
      </c>
      <c r="CJ6" s="273">
        <v>176</v>
      </c>
      <c r="CK6" s="270">
        <v>1171</v>
      </c>
      <c r="CL6" s="275">
        <v>1207</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77">
        <v>0</v>
      </c>
      <c r="E7" s="278">
        <v>0</v>
      </c>
      <c r="F7" s="279">
        <v>0</v>
      </c>
      <c r="G7" s="280">
        <v>4495</v>
      </c>
      <c r="H7" s="280">
        <v>8958</v>
      </c>
      <c r="I7" s="280">
        <v>7122</v>
      </c>
      <c r="J7" s="280">
        <v>9096</v>
      </c>
      <c r="K7" s="280">
        <v>9254</v>
      </c>
      <c r="L7" s="281">
        <v>38925</v>
      </c>
      <c r="M7" s="282">
        <v>38925</v>
      </c>
      <c r="N7" s="276">
        <v>0</v>
      </c>
      <c r="O7" s="280">
        <v>4</v>
      </c>
      <c r="P7" s="277">
        <v>4</v>
      </c>
      <c r="Q7" s="279">
        <v>0</v>
      </c>
      <c r="R7" s="280">
        <v>21</v>
      </c>
      <c r="S7" s="280">
        <v>60</v>
      </c>
      <c r="T7" s="280">
        <v>131</v>
      </c>
      <c r="U7" s="280">
        <v>276</v>
      </c>
      <c r="V7" s="280">
        <v>536</v>
      </c>
      <c r="W7" s="277">
        <v>1024</v>
      </c>
      <c r="X7" s="282">
        <v>1028</v>
      </c>
      <c r="Y7" s="276">
        <v>565</v>
      </c>
      <c r="Z7" s="280">
        <v>1593</v>
      </c>
      <c r="AA7" s="277">
        <v>2158</v>
      </c>
      <c r="AB7" s="279">
        <v>0</v>
      </c>
      <c r="AC7" s="280">
        <v>3273</v>
      </c>
      <c r="AD7" s="280">
        <v>7587</v>
      </c>
      <c r="AE7" s="280">
        <v>3739</v>
      </c>
      <c r="AF7" s="280">
        <v>3319</v>
      </c>
      <c r="AG7" s="280">
        <v>2602</v>
      </c>
      <c r="AH7" s="277">
        <v>20520</v>
      </c>
      <c r="AI7" s="282">
        <v>22678</v>
      </c>
      <c r="AJ7" s="276">
        <v>84</v>
      </c>
      <c r="AK7" s="280">
        <v>426</v>
      </c>
      <c r="AL7" s="277">
        <v>510</v>
      </c>
      <c r="AM7" s="279">
        <v>0</v>
      </c>
      <c r="AN7" s="280">
        <v>267</v>
      </c>
      <c r="AO7" s="280">
        <v>875</v>
      </c>
      <c r="AP7" s="280">
        <v>572</v>
      </c>
      <c r="AQ7" s="280">
        <v>656</v>
      </c>
      <c r="AR7" s="280">
        <v>248</v>
      </c>
      <c r="AS7" s="277">
        <v>2618</v>
      </c>
      <c r="AT7" s="282">
        <v>3128</v>
      </c>
      <c r="AU7" s="276">
        <v>0</v>
      </c>
      <c r="AV7" s="280">
        <v>0</v>
      </c>
      <c r="AW7" s="277">
        <v>0</v>
      </c>
      <c r="AX7" s="279">
        <v>0</v>
      </c>
      <c r="AY7" s="280">
        <v>3522</v>
      </c>
      <c r="AZ7" s="280">
        <v>4207</v>
      </c>
      <c r="BA7" s="280">
        <v>2247</v>
      </c>
      <c r="BB7" s="280">
        <v>1323</v>
      </c>
      <c r="BC7" s="280">
        <v>478</v>
      </c>
      <c r="BD7" s="281">
        <v>11777</v>
      </c>
      <c r="BE7" s="282">
        <v>11777</v>
      </c>
      <c r="BF7" s="276">
        <v>0</v>
      </c>
      <c r="BG7" s="280">
        <v>0</v>
      </c>
      <c r="BH7" s="277">
        <v>0</v>
      </c>
      <c r="BI7" s="279">
        <v>0</v>
      </c>
      <c r="BJ7" s="280">
        <v>701</v>
      </c>
      <c r="BK7" s="280">
        <v>1641</v>
      </c>
      <c r="BL7" s="280">
        <v>1060</v>
      </c>
      <c r="BM7" s="280">
        <v>693</v>
      </c>
      <c r="BN7" s="280">
        <v>288</v>
      </c>
      <c r="BO7" s="277">
        <v>4383</v>
      </c>
      <c r="BP7" s="282">
        <v>4383</v>
      </c>
      <c r="BQ7" s="276">
        <v>8</v>
      </c>
      <c r="BR7" s="280">
        <v>38</v>
      </c>
      <c r="BS7" s="277">
        <v>46</v>
      </c>
      <c r="BT7" s="279">
        <v>0</v>
      </c>
      <c r="BU7" s="280">
        <v>544</v>
      </c>
      <c r="BV7" s="280">
        <v>907</v>
      </c>
      <c r="BW7" s="280">
        <v>947</v>
      </c>
      <c r="BX7" s="280">
        <v>989</v>
      </c>
      <c r="BY7" s="280">
        <v>481</v>
      </c>
      <c r="BZ7" s="277">
        <v>3868</v>
      </c>
      <c r="CA7" s="282">
        <v>3914</v>
      </c>
      <c r="CB7" s="276">
        <v>0</v>
      </c>
      <c r="CC7" s="280">
        <v>25</v>
      </c>
      <c r="CD7" s="277">
        <v>25</v>
      </c>
      <c r="CE7" s="279">
        <v>0</v>
      </c>
      <c r="CF7" s="280">
        <v>91</v>
      </c>
      <c r="CG7" s="280">
        <v>156</v>
      </c>
      <c r="CH7" s="280">
        <v>179</v>
      </c>
      <c r="CI7" s="280">
        <v>179</v>
      </c>
      <c r="CJ7" s="280">
        <v>81</v>
      </c>
      <c r="CK7" s="277">
        <v>686</v>
      </c>
      <c r="CL7" s="282">
        <v>711</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77">
        <v>0</v>
      </c>
      <c r="E8" s="278">
        <v>0</v>
      </c>
      <c r="F8" s="279">
        <v>0</v>
      </c>
      <c r="G8" s="280">
        <v>2152</v>
      </c>
      <c r="H8" s="280">
        <v>2309</v>
      </c>
      <c r="I8" s="280">
        <v>2486</v>
      </c>
      <c r="J8" s="280">
        <v>4333</v>
      </c>
      <c r="K8" s="280">
        <v>4014</v>
      </c>
      <c r="L8" s="281">
        <v>15294</v>
      </c>
      <c r="M8" s="282">
        <v>15294</v>
      </c>
      <c r="N8" s="276">
        <v>0</v>
      </c>
      <c r="O8" s="280">
        <v>0</v>
      </c>
      <c r="P8" s="277">
        <v>0</v>
      </c>
      <c r="Q8" s="279">
        <v>0</v>
      </c>
      <c r="R8" s="280">
        <v>4</v>
      </c>
      <c r="S8" s="280">
        <v>23</v>
      </c>
      <c r="T8" s="280">
        <v>28</v>
      </c>
      <c r="U8" s="280">
        <v>119</v>
      </c>
      <c r="V8" s="280">
        <v>168</v>
      </c>
      <c r="W8" s="277">
        <v>342</v>
      </c>
      <c r="X8" s="282">
        <v>342</v>
      </c>
      <c r="Y8" s="276">
        <v>220</v>
      </c>
      <c r="Z8" s="280">
        <v>513</v>
      </c>
      <c r="AA8" s="277">
        <v>733</v>
      </c>
      <c r="AB8" s="279">
        <v>0</v>
      </c>
      <c r="AC8" s="280">
        <v>2217</v>
      </c>
      <c r="AD8" s="280">
        <v>1930</v>
      </c>
      <c r="AE8" s="280">
        <v>1303</v>
      </c>
      <c r="AF8" s="280">
        <v>1344</v>
      </c>
      <c r="AG8" s="280">
        <v>973</v>
      </c>
      <c r="AH8" s="277">
        <v>7767</v>
      </c>
      <c r="AI8" s="282">
        <v>8500</v>
      </c>
      <c r="AJ8" s="276">
        <v>10</v>
      </c>
      <c r="AK8" s="280">
        <v>42</v>
      </c>
      <c r="AL8" s="277">
        <v>52</v>
      </c>
      <c r="AM8" s="279">
        <v>0</v>
      </c>
      <c r="AN8" s="280">
        <v>270</v>
      </c>
      <c r="AO8" s="280">
        <v>205</v>
      </c>
      <c r="AP8" s="280">
        <v>279</v>
      </c>
      <c r="AQ8" s="280">
        <v>99</v>
      </c>
      <c r="AR8" s="280">
        <v>62</v>
      </c>
      <c r="AS8" s="277">
        <v>915</v>
      </c>
      <c r="AT8" s="282">
        <v>967</v>
      </c>
      <c r="AU8" s="276">
        <v>0</v>
      </c>
      <c r="AV8" s="280">
        <v>0</v>
      </c>
      <c r="AW8" s="277">
        <v>0</v>
      </c>
      <c r="AX8" s="279">
        <v>0</v>
      </c>
      <c r="AY8" s="280">
        <v>2102</v>
      </c>
      <c r="AZ8" s="280">
        <v>1370</v>
      </c>
      <c r="BA8" s="280">
        <v>827</v>
      </c>
      <c r="BB8" s="280">
        <v>680</v>
      </c>
      <c r="BC8" s="280">
        <v>220</v>
      </c>
      <c r="BD8" s="281">
        <v>5199</v>
      </c>
      <c r="BE8" s="282">
        <v>5199</v>
      </c>
      <c r="BF8" s="276">
        <v>0</v>
      </c>
      <c r="BG8" s="280">
        <v>0</v>
      </c>
      <c r="BH8" s="277">
        <v>0</v>
      </c>
      <c r="BI8" s="279">
        <v>0</v>
      </c>
      <c r="BJ8" s="280">
        <v>320</v>
      </c>
      <c r="BK8" s="280">
        <v>378</v>
      </c>
      <c r="BL8" s="280">
        <v>283</v>
      </c>
      <c r="BM8" s="280">
        <v>272</v>
      </c>
      <c r="BN8" s="280">
        <v>54</v>
      </c>
      <c r="BO8" s="277">
        <v>1307</v>
      </c>
      <c r="BP8" s="282">
        <v>1307</v>
      </c>
      <c r="BQ8" s="276">
        <v>0</v>
      </c>
      <c r="BR8" s="280">
        <v>4</v>
      </c>
      <c r="BS8" s="277">
        <v>4</v>
      </c>
      <c r="BT8" s="279">
        <v>0</v>
      </c>
      <c r="BU8" s="280">
        <v>135</v>
      </c>
      <c r="BV8" s="280">
        <v>153</v>
      </c>
      <c r="BW8" s="280">
        <v>298</v>
      </c>
      <c r="BX8" s="280">
        <v>295</v>
      </c>
      <c r="BY8" s="280">
        <v>112</v>
      </c>
      <c r="BZ8" s="277">
        <v>993</v>
      </c>
      <c r="CA8" s="282">
        <v>997</v>
      </c>
      <c r="CB8" s="276">
        <v>0</v>
      </c>
      <c r="CC8" s="280">
        <v>0</v>
      </c>
      <c r="CD8" s="277">
        <v>0</v>
      </c>
      <c r="CE8" s="279">
        <v>0</v>
      </c>
      <c r="CF8" s="280">
        <v>16</v>
      </c>
      <c r="CG8" s="280">
        <v>43</v>
      </c>
      <c r="CH8" s="280">
        <v>29</v>
      </c>
      <c r="CI8" s="280">
        <v>54</v>
      </c>
      <c r="CJ8" s="280">
        <v>18</v>
      </c>
      <c r="CK8" s="277">
        <v>160</v>
      </c>
      <c r="CL8" s="282">
        <v>160</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77">
        <v>0</v>
      </c>
      <c r="E9" s="278">
        <v>0</v>
      </c>
      <c r="F9" s="279">
        <v>0</v>
      </c>
      <c r="G9" s="280">
        <v>608</v>
      </c>
      <c r="H9" s="280">
        <v>1086</v>
      </c>
      <c r="I9" s="280">
        <v>1591</v>
      </c>
      <c r="J9" s="280">
        <v>1075</v>
      </c>
      <c r="K9" s="280">
        <v>1883</v>
      </c>
      <c r="L9" s="281">
        <v>6243</v>
      </c>
      <c r="M9" s="282">
        <v>6243</v>
      </c>
      <c r="N9" s="276">
        <v>0</v>
      </c>
      <c r="O9" s="280">
        <v>0</v>
      </c>
      <c r="P9" s="277">
        <v>0</v>
      </c>
      <c r="Q9" s="279">
        <v>0</v>
      </c>
      <c r="R9" s="280">
        <v>0</v>
      </c>
      <c r="S9" s="280">
        <v>0</v>
      </c>
      <c r="T9" s="280">
        <v>16</v>
      </c>
      <c r="U9" s="280">
        <v>53</v>
      </c>
      <c r="V9" s="280">
        <v>134</v>
      </c>
      <c r="W9" s="277">
        <v>203</v>
      </c>
      <c r="X9" s="282">
        <v>203</v>
      </c>
      <c r="Y9" s="276">
        <v>27</v>
      </c>
      <c r="Z9" s="280">
        <v>261</v>
      </c>
      <c r="AA9" s="277">
        <v>288</v>
      </c>
      <c r="AB9" s="279">
        <v>0</v>
      </c>
      <c r="AC9" s="280">
        <v>289</v>
      </c>
      <c r="AD9" s="280">
        <v>724</v>
      </c>
      <c r="AE9" s="280">
        <v>574</v>
      </c>
      <c r="AF9" s="280">
        <v>522</v>
      </c>
      <c r="AG9" s="280">
        <v>441</v>
      </c>
      <c r="AH9" s="277">
        <v>2550</v>
      </c>
      <c r="AI9" s="282">
        <v>2838</v>
      </c>
      <c r="AJ9" s="276">
        <v>0</v>
      </c>
      <c r="AK9" s="280">
        <v>43</v>
      </c>
      <c r="AL9" s="277">
        <v>43</v>
      </c>
      <c r="AM9" s="279">
        <v>0</v>
      </c>
      <c r="AN9" s="280">
        <v>16</v>
      </c>
      <c r="AO9" s="280">
        <v>49</v>
      </c>
      <c r="AP9" s="280">
        <v>48</v>
      </c>
      <c r="AQ9" s="280">
        <v>68</v>
      </c>
      <c r="AR9" s="280">
        <v>10</v>
      </c>
      <c r="AS9" s="277">
        <v>191</v>
      </c>
      <c r="AT9" s="282">
        <v>234</v>
      </c>
      <c r="AU9" s="276">
        <v>0</v>
      </c>
      <c r="AV9" s="280">
        <v>0</v>
      </c>
      <c r="AW9" s="277">
        <v>0</v>
      </c>
      <c r="AX9" s="279">
        <v>0</v>
      </c>
      <c r="AY9" s="280">
        <v>747</v>
      </c>
      <c r="AZ9" s="280">
        <v>707</v>
      </c>
      <c r="BA9" s="280">
        <v>559</v>
      </c>
      <c r="BB9" s="280">
        <v>285</v>
      </c>
      <c r="BC9" s="280">
        <v>151</v>
      </c>
      <c r="BD9" s="281">
        <v>2449</v>
      </c>
      <c r="BE9" s="282">
        <v>2449</v>
      </c>
      <c r="BF9" s="276">
        <v>0</v>
      </c>
      <c r="BG9" s="280">
        <v>0</v>
      </c>
      <c r="BH9" s="277">
        <v>0</v>
      </c>
      <c r="BI9" s="279">
        <v>0</v>
      </c>
      <c r="BJ9" s="280">
        <v>60</v>
      </c>
      <c r="BK9" s="280">
        <v>126</v>
      </c>
      <c r="BL9" s="280">
        <v>65</v>
      </c>
      <c r="BM9" s="280">
        <v>43</v>
      </c>
      <c r="BN9" s="280">
        <v>21</v>
      </c>
      <c r="BO9" s="277">
        <v>315</v>
      </c>
      <c r="BP9" s="282">
        <v>315</v>
      </c>
      <c r="BQ9" s="276">
        <v>1</v>
      </c>
      <c r="BR9" s="280">
        <v>0</v>
      </c>
      <c r="BS9" s="277">
        <v>1</v>
      </c>
      <c r="BT9" s="279">
        <v>0</v>
      </c>
      <c r="BU9" s="280">
        <v>78</v>
      </c>
      <c r="BV9" s="280">
        <v>120</v>
      </c>
      <c r="BW9" s="280">
        <v>161</v>
      </c>
      <c r="BX9" s="280">
        <v>215</v>
      </c>
      <c r="BY9" s="280">
        <v>172</v>
      </c>
      <c r="BZ9" s="277">
        <v>746</v>
      </c>
      <c r="CA9" s="282">
        <v>747</v>
      </c>
      <c r="CB9" s="276">
        <v>0</v>
      </c>
      <c r="CC9" s="280">
        <v>0</v>
      </c>
      <c r="CD9" s="277">
        <v>0</v>
      </c>
      <c r="CE9" s="279">
        <v>0</v>
      </c>
      <c r="CF9" s="280">
        <v>0</v>
      </c>
      <c r="CG9" s="280">
        <v>0</v>
      </c>
      <c r="CH9" s="280">
        <v>0</v>
      </c>
      <c r="CI9" s="280">
        <v>0</v>
      </c>
      <c r="CJ9" s="280">
        <v>0</v>
      </c>
      <c r="CK9" s="277">
        <v>0</v>
      </c>
      <c r="CL9" s="282">
        <v>0</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77">
        <v>0</v>
      </c>
      <c r="E10" s="278">
        <v>0</v>
      </c>
      <c r="F10" s="279">
        <v>0</v>
      </c>
      <c r="G10" s="280">
        <v>750</v>
      </c>
      <c r="H10" s="280">
        <v>591</v>
      </c>
      <c r="I10" s="280">
        <v>857</v>
      </c>
      <c r="J10" s="280">
        <v>489</v>
      </c>
      <c r="K10" s="280">
        <v>943</v>
      </c>
      <c r="L10" s="281">
        <v>3630</v>
      </c>
      <c r="M10" s="282">
        <v>3630</v>
      </c>
      <c r="N10" s="276">
        <v>0</v>
      </c>
      <c r="O10" s="280">
        <v>0</v>
      </c>
      <c r="P10" s="277">
        <v>0</v>
      </c>
      <c r="Q10" s="279">
        <v>0</v>
      </c>
      <c r="R10" s="280">
        <v>4</v>
      </c>
      <c r="S10" s="280">
        <v>27</v>
      </c>
      <c r="T10" s="280">
        <v>18</v>
      </c>
      <c r="U10" s="280">
        <v>0</v>
      </c>
      <c r="V10" s="280">
        <v>43</v>
      </c>
      <c r="W10" s="277">
        <v>92</v>
      </c>
      <c r="X10" s="282">
        <v>92</v>
      </c>
      <c r="Y10" s="276">
        <v>0</v>
      </c>
      <c r="Z10" s="280">
        <v>8</v>
      </c>
      <c r="AA10" s="277">
        <v>8</v>
      </c>
      <c r="AB10" s="279">
        <v>0</v>
      </c>
      <c r="AC10" s="280">
        <v>277</v>
      </c>
      <c r="AD10" s="280">
        <v>312</v>
      </c>
      <c r="AE10" s="280">
        <v>258</v>
      </c>
      <c r="AF10" s="280">
        <v>170</v>
      </c>
      <c r="AG10" s="280">
        <v>203</v>
      </c>
      <c r="AH10" s="277">
        <v>1220</v>
      </c>
      <c r="AI10" s="282">
        <v>1228</v>
      </c>
      <c r="AJ10" s="276">
        <v>8</v>
      </c>
      <c r="AK10" s="280">
        <v>0</v>
      </c>
      <c r="AL10" s="277">
        <v>8</v>
      </c>
      <c r="AM10" s="279">
        <v>0</v>
      </c>
      <c r="AN10" s="280">
        <v>30</v>
      </c>
      <c r="AO10" s="280">
        <v>64</v>
      </c>
      <c r="AP10" s="280">
        <v>48</v>
      </c>
      <c r="AQ10" s="280">
        <v>32</v>
      </c>
      <c r="AR10" s="280">
        <v>18</v>
      </c>
      <c r="AS10" s="277">
        <v>192</v>
      </c>
      <c r="AT10" s="282">
        <v>200</v>
      </c>
      <c r="AU10" s="276">
        <v>0</v>
      </c>
      <c r="AV10" s="280">
        <v>0</v>
      </c>
      <c r="AW10" s="277">
        <v>0</v>
      </c>
      <c r="AX10" s="279">
        <v>0</v>
      </c>
      <c r="AY10" s="280">
        <v>639</v>
      </c>
      <c r="AZ10" s="280">
        <v>317</v>
      </c>
      <c r="BA10" s="280">
        <v>168</v>
      </c>
      <c r="BB10" s="280">
        <v>42</v>
      </c>
      <c r="BC10" s="280">
        <v>59</v>
      </c>
      <c r="BD10" s="281">
        <v>1225</v>
      </c>
      <c r="BE10" s="282">
        <v>1225</v>
      </c>
      <c r="BF10" s="276">
        <v>0</v>
      </c>
      <c r="BG10" s="280">
        <v>0</v>
      </c>
      <c r="BH10" s="277">
        <v>0</v>
      </c>
      <c r="BI10" s="279">
        <v>0</v>
      </c>
      <c r="BJ10" s="280">
        <v>177</v>
      </c>
      <c r="BK10" s="280">
        <v>54</v>
      </c>
      <c r="BL10" s="280">
        <v>55</v>
      </c>
      <c r="BM10" s="280">
        <v>11</v>
      </c>
      <c r="BN10" s="280">
        <v>20</v>
      </c>
      <c r="BO10" s="277">
        <v>317</v>
      </c>
      <c r="BP10" s="282">
        <v>317</v>
      </c>
      <c r="BQ10" s="276">
        <v>0</v>
      </c>
      <c r="BR10" s="280">
        <v>0</v>
      </c>
      <c r="BS10" s="277">
        <v>0</v>
      </c>
      <c r="BT10" s="279">
        <v>0</v>
      </c>
      <c r="BU10" s="280">
        <v>30</v>
      </c>
      <c r="BV10" s="280">
        <v>50</v>
      </c>
      <c r="BW10" s="280">
        <v>56</v>
      </c>
      <c r="BX10" s="280">
        <v>72</v>
      </c>
      <c r="BY10" s="280">
        <v>28</v>
      </c>
      <c r="BZ10" s="277">
        <v>236</v>
      </c>
      <c r="CA10" s="282">
        <v>236</v>
      </c>
      <c r="CB10" s="276">
        <v>0</v>
      </c>
      <c r="CC10" s="280">
        <v>0</v>
      </c>
      <c r="CD10" s="277">
        <v>0</v>
      </c>
      <c r="CE10" s="279">
        <v>0</v>
      </c>
      <c r="CF10" s="280">
        <v>0</v>
      </c>
      <c r="CG10" s="280">
        <v>3</v>
      </c>
      <c r="CH10" s="280">
        <v>0</v>
      </c>
      <c r="CI10" s="280">
        <v>0</v>
      </c>
      <c r="CJ10" s="280">
        <v>6</v>
      </c>
      <c r="CK10" s="277">
        <v>9</v>
      </c>
      <c r="CL10" s="282">
        <v>9</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77">
        <v>0</v>
      </c>
      <c r="E11" s="278">
        <v>0</v>
      </c>
      <c r="F11" s="279">
        <v>0</v>
      </c>
      <c r="G11" s="280">
        <v>302</v>
      </c>
      <c r="H11" s="280">
        <v>358</v>
      </c>
      <c r="I11" s="280">
        <v>315</v>
      </c>
      <c r="J11" s="280">
        <v>245</v>
      </c>
      <c r="K11" s="280">
        <v>493</v>
      </c>
      <c r="L11" s="281">
        <v>1713</v>
      </c>
      <c r="M11" s="282">
        <v>1713</v>
      </c>
      <c r="N11" s="276">
        <v>0</v>
      </c>
      <c r="O11" s="280">
        <v>0</v>
      </c>
      <c r="P11" s="277">
        <v>0</v>
      </c>
      <c r="Q11" s="279">
        <v>0</v>
      </c>
      <c r="R11" s="280">
        <v>0</v>
      </c>
      <c r="S11" s="280">
        <v>0</v>
      </c>
      <c r="T11" s="280">
        <v>4</v>
      </c>
      <c r="U11" s="280">
        <v>21</v>
      </c>
      <c r="V11" s="280">
        <v>21</v>
      </c>
      <c r="W11" s="277">
        <v>46</v>
      </c>
      <c r="X11" s="282">
        <v>46</v>
      </c>
      <c r="Y11" s="276">
        <v>24</v>
      </c>
      <c r="Z11" s="280">
        <v>4</v>
      </c>
      <c r="AA11" s="277">
        <v>28</v>
      </c>
      <c r="AB11" s="279">
        <v>0</v>
      </c>
      <c r="AC11" s="280">
        <v>103</v>
      </c>
      <c r="AD11" s="280">
        <v>142</v>
      </c>
      <c r="AE11" s="280">
        <v>50</v>
      </c>
      <c r="AF11" s="280">
        <v>116</v>
      </c>
      <c r="AG11" s="280">
        <v>55</v>
      </c>
      <c r="AH11" s="277">
        <v>466</v>
      </c>
      <c r="AI11" s="282">
        <v>494</v>
      </c>
      <c r="AJ11" s="276">
        <v>12</v>
      </c>
      <c r="AK11" s="280">
        <v>6</v>
      </c>
      <c r="AL11" s="277">
        <v>18</v>
      </c>
      <c r="AM11" s="279">
        <v>0</v>
      </c>
      <c r="AN11" s="280">
        <v>23</v>
      </c>
      <c r="AO11" s="280">
        <v>60</v>
      </c>
      <c r="AP11" s="280">
        <v>32</v>
      </c>
      <c r="AQ11" s="280">
        <v>99</v>
      </c>
      <c r="AR11" s="280">
        <v>33</v>
      </c>
      <c r="AS11" s="277">
        <v>247</v>
      </c>
      <c r="AT11" s="282">
        <v>265</v>
      </c>
      <c r="AU11" s="276">
        <v>0</v>
      </c>
      <c r="AV11" s="280">
        <v>0</v>
      </c>
      <c r="AW11" s="277">
        <v>0</v>
      </c>
      <c r="AX11" s="279">
        <v>0</v>
      </c>
      <c r="AY11" s="280">
        <v>217</v>
      </c>
      <c r="AZ11" s="280">
        <v>226</v>
      </c>
      <c r="BA11" s="280">
        <v>51</v>
      </c>
      <c r="BB11" s="280">
        <v>90</v>
      </c>
      <c r="BC11" s="280">
        <v>25</v>
      </c>
      <c r="BD11" s="281">
        <v>609</v>
      </c>
      <c r="BE11" s="282">
        <v>609</v>
      </c>
      <c r="BF11" s="276">
        <v>0</v>
      </c>
      <c r="BG11" s="280">
        <v>0</v>
      </c>
      <c r="BH11" s="277">
        <v>0</v>
      </c>
      <c r="BI11" s="279">
        <v>0</v>
      </c>
      <c r="BJ11" s="280">
        <v>79</v>
      </c>
      <c r="BK11" s="280">
        <v>91</v>
      </c>
      <c r="BL11" s="280">
        <v>45</v>
      </c>
      <c r="BM11" s="280">
        <v>32</v>
      </c>
      <c r="BN11" s="280">
        <v>13</v>
      </c>
      <c r="BO11" s="277">
        <v>260</v>
      </c>
      <c r="BP11" s="282">
        <v>260</v>
      </c>
      <c r="BQ11" s="276">
        <v>0</v>
      </c>
      <c r="BR11" s="280">
        <v>0</v>
      </c>
      <c r="BS11" s="277">
        <v>0</v>
      </c>
      <c r="BT11" s="279">
        <v>0</v>
      </c>
      <c r="BU11" s="280">
        <v>53</v>
      </c>
      <c r="BV11" s="280">
        <v>17</v>
      </c>
      <c r="BW11" s="280">
        <v>107</v>
      </c>
      <c r="BX11" s="280">
        <v>68</v>
      </c>
      <c r="BY11" s="280">
        <v>0</v>
      </c>
      <c r="BZ11" s="277">
        <v>245</v>
      </c>
      <c r="CA11" s="282">
        <v>245</v>
      </c>
      <c r="CB11" s="276">
        <v>0</v>
      </c>
      <c r="CC11" s="280">
        <v>0</v>
      </c>
      <c r="CD11" s="277">
        <v>0</v>
      </c>
      <c r="CE11" s="279">
        <v>0</v>
      </c>
      <c r="CF11" s="280">
        <v>0</v>
      </c>
      <c r="CG11" s="280">
        <v>0</v>
      </c>
      <c r="CH11" s="280">
        <v>0</v>
      </c>
      <c r="CI11" s="280">
        <v>0</v>
      </c>
      <c r="CJ11" s="280">
        <v>0</v>
      </c>
      <c r="CK11" s="277">
        <v>0</v>
      </c>
      <c r="CL11" s="282">
        <v>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77">
        <v>0</v>
      </c>
      <c r="E12" s="278">
        <v>0</v>
      </c>
      <c r="F12" s="279">
        <v>0</v>
      </c>
      <c r="G12" s="280">
        <v>591</v>
      </c>
      <c r="H12" s="280">
        <v>712</v>
      </c>
      <c r="I12" s="280">
        <v>1034</v>
      </c>
      <c r="J12" s="280">
        <v>1035</v>
      </c>
      <c r="K12" s="280">
        <v>1414</v>
      </c>
      <c r="L12" s="281">
        <v>4786</v>
      </c>
      <c r="M12" s="282">
        <v>4786</v>
      </c>
      <c r="N12" s="276">
        <v>0</v>
      </c>
      <c r="O12" s="280">
        <v>0</v>
      </c>
      <c r="P12" s="277">
        <v>0</v>
      </c>
      <c r="Q12" s="279">
        <v>0</v>
      </c>
      <c r="R12" s="280">
        <v>17</v>
      </c>
      <c r="S12" s="280">
        <v>2</v>
      </c>
      <c r="T12" s="280">
        <v>2</v>
      </c>
      <c r="U12" s="280">
        <v>52</v>
      </c>
      <c r="V12" s="280">
        <v>98</v>
      </c>
      <c r="W12" s="277">
        <v>171</v>
      </c>
      <c r="X12" s="282">
        <v>171</v>
      </c>
      <c r="Y12" s="276">
        <v>34</v>
      </c>
      <c r="Z12" s="280">
        <v>84</v>
      </c>
      <c r="AA12" s="277">
        <v>118</v>
      </c>
      <c r="AB12" s="279">
        <v>0</v>
      </c>
      <c r="AC12" s="280">
        <v>532</v>
      </c>
      <c r="AD12" s="280">
        <v>371</v>
      </c>
      <c r="AE12" s="280">
        <v>200</v>
      </c>
      <c r="AF12" s="280">
        <v>257</v>
      </c>
      <c r="AG12" s="280">
        <v>349</v>
      </c>
      <c r="AH12" s="277">
        <v>1709</v>
      </c>
      <c r="AI12" s="282">
        <v>1827</v>
      </c>
      <c r="AJ12" s="276">
        <v>0</v>
      </c>
      <c r="AK12" s="280">
        <v>27</v>
      </c>
      <c r="AL12" s="277">
        <v>27</v>
      </c>
      <c r="AM12" s="279">
        <v>0</v>
      </c>
      <c r="AN12" s="280">
        <v>72</v>
      </c>
      <c r="AO12" s="280">
        <v>97</v>
      </c>
      <c r="AP12" s="280">
        <v>36</v>
      </c>
      <c r="AQ12" s="280">
        <v>110</v>
      </c>
      <c r="AR12" s="280">
        <v>86</v>
      </c>
      <c r="AS12" s="277">
        <v>401</v>
      </c>
      <c r="AT12" s="282">
        <v>428</v>
      </c>
      <c r="AU12" s="276">
        <v>0</v>
      </c>
      <c r="AV12" s="280">
        <v>0</v>
      </c>
      <c r="AW12" s="277">
        <v>0</v>
      </c>
      <c r="AX12" s="279">
        <v>0</v>
      </c>
      <c r="AY12" s="280">
        <v>377</v>
      </c>
      <c r="AZ12" s="280">
        <v>293</v>
      </c>
      <c r="BA12" s="280">
        <v>197</v>
      </c>
      <c r="BB12" s="280">
        <v>144</v>
      </c>
      <c r="BC12" s="280">
        <v>20</v>
      </c>
      <c r="BD12" s="281">
        <v>1031</v>
      </c>
      <c r="BE12" s="282">
        <v>1031</v>
      </c>
      <c r="BF12" s="276">
        <v>0</v>
      </c>
      <c r="BG12" s="280">
        <v>0</v>
      </c>
      <c r="BH12" s="277">
        <v>0</v>
      </c>
      <c r="BI12" s="279">
        <v>0</v>
      </c>
      <c r="BJ12" s="280">
        <v>73</v>
      </c>
      <c r="BK12" s="280">
        <v>91</v>
      </c>
      <c r="BL12" s="280">
        <v>53</v>
      </c>
      <c r="BM12" s="280">
        <v>63</v>
      </c>
      <c r="BN12" s="280">
        <v>0</v>
      </c>
      <c r="BO12" s="277">
        <v>280</v>
      </c>
      <c r="BP12" s="282">
        <v>280</v>
      </c>
      <c r="BQ12" s="276">
        <v>0</v>
      </c>
      <c r="BR12" s="280">
        <v>0</v>
      </c>
      <c r="BS12" s="277">
        <v>0</v>
      </c>
      <c r="BT12" s="279">
        <v>0</v>
      </c>
      <c r="BU12" s="280">
        <v>35</v>
      </c>
      <c r="BV12" s="280">
        <v>79</v>
      </c>
      <c r="BW12" s="280">
        <v>128</v>
      </c>
      <c r="BX12" s="280">
        <v>127</v>
      </c>
      <c r="BY12" s="280">
        <v>41</v>
      </c>
      <c r="BZ12" s="277">
        <v>410</v>
      </c>
      <c r="CA12" s="282">
        <v>410</v>
      </c>
      <c r="CB12" s="276">
        <v>0</v>
      </c>
      <c r="CC12" s="280">
        <v>0</v>
      </c>
      <c r="CD12" s="277">
        <v>0</v>
      </c>
      <c r="CE12" s="279">
        <v>0</v>
      </c>
      <c r="CF12" s="280">
        <v>0</v>
      </c>
      <c r="CG12" s="280">
        <v>29</v>
      </c>
      <c r="CH12" s="280">
        <v>9</v>
      </c>
      <c r="CI12" s="280">
        <v>0</v>
      </c>
      <c r="CJ12" s="280">
        <v>6</v>
      </c>
      <c r="CK12" s="277">
        <v>44</v>
      </c>
      <c r="CL12" s="282">
        <v>44</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77">
        <v>0</v>
      </c>
      <c r="E13" s="278">
        <v>0</v>
      </c>
      <c r="F13" s="279">
        <v>0</v>
      </c>
      <c r="G13" s="280">
        <v>1212</v>
      </c>
      <c r="H13" s="280">
        <v>942</v>
      </c>
      <c r="I13" s="280">
        <v>1816</v>
      </c>
      <c r="J13" s="280">
        <v>1917</v>
      </c>
      <c r="K13" s="280">
        <v>1484</v>
      </c>
      <c r="L13" s="281">
        <v>7371</v>
      </c>
      <c r="M13" s="282">
        <v>7371</v>
      </c>
      <c r="N13" s="276">
        <v>0</v>
      </c>
      <c r="O13" s="280">
        <v>0</v>
      </c>
      <c r="P13" s="277">
        <v>0</v>
      </c>
      <c r="Q13" s="279">
        <v>0</v>
      </c>
      <c r="R13" s="280">
        <v>7</v>
      </c>
      <c r="S13" s="280">
        <v>21</v>
      </c>
      <c r="T13" s="280">
        <v>7</v>
      </c>
      <c r="U13" s="280">
        <v>4</v>
      </c>
      <c r="V13" s="280">
        <v>25</v>
      </c>
      <c r="W13" s="277">
        <v>64</v>
      </c>
      <c r="X13" s="282">
        <v>64</v>
      </c>
      <c r="Y13" s="276">
        <v>114</v>
      </c>
      <c r="Z13" s="280">
        <v>174</v>
      </c>
      <c r="AA13" s="277">
        <v>288</v>
      </c>
      <c r="AB13" s="279">
        <v>0</v>
      </c>
      <c r="AC13" s="280">
        <v>589</v>
      </c>
      <c r="AD13" s="280">
        <v>451</v>
      </c>
      <c r="AE13" s="280">
        <v>294</v>
      </c>
      <c r="AF13" s="280">
        <v>134</v>
      </c>
      <c r="AG13" s="280">
        <v>184</v>
      </c>
      <c r="AH13" s="277">
        <v>1652</v>
      </c>
      <c r="AI13" s="282">
        <v>1940</v>
      </c>
      <c r="AJ13" s="276">
        <v>4</v>
      </c>
      <c r="AK13" s="280">
        <v>53</v>
      </c>
      <c r="AL13" s="277">
        <v>57</v>
      </c>
      <c r="AM13" s="279">
        <v>0</v>
      </c>
      <c r="AN13" s="280">
        <v>63</v>
      </c>
      <c r="AO13" s="280">
        <v>125</v>
      </c>
      <c r="AP13" s="280">
        <v>60</v>
      </c>
      <c r="AQ13" s="280">
        <v>47</v>
      </c>
      <c r="AR13" s="280">
        <v>18</v>
      </c>
      <c r="AS13" s="277">
        <v>313</v>
      </c>
      <c r="AT13" s="282">
        <v>370</v>
      </c>
      <c r="AU13" s="276">
        <v>0</v>
      </c>
      <c r="AV13" s="280">
        <v>0</v>
      </c>
      <c r="AW13" s="277">
        <v>0</v>
      </c>
      <c r="AX13" s="279">
        <v>0</v>
      </c>
      <c r="AY13" s="280">
        <v>941</v>
      </c>
      <c r="AZ13" s="280">
        <v>546</v>
      </c>
      <c r="BA13" s="280">
        <v>335</v>
      </c>
      <c r="BB13" s="280">
        <v>126</v>
      </c>
      <c r="BC13" s="280">
        <v>51</v>
      </c>
      <c r="BD13" s="281">
        <v>1999</v>
      </c>
      <c r="BE13" s="282">
        <v>1999</v>
      </c>
      <c r="BF13" s="276">
        <v>0</v>
      </c>
      <c r="BG13" s="280">
        <v>0</v>
      </c>
      <c r="BH13" s="277">
        <v>0</v>
      </c>
      <c r="BI13" s="279">
        <v>0</v>
      </c>
      <c r="BJ13" s="280">
        <v>154</v>
      </c>
      <c r="BK13" s="280">
        <v>75</v>
      </c>
      <c r="BL13" s="280">
        <v>50</v>
      </c>
      <c r="BM13" s="280">
        <v>26</v>
      </c>
      <c r="BN13" s="280">
        <v>0</v>
      </c>
      <c r="BO13" s="277">
        <v>305</v>
      </c>
      <c r="BP13" s="282">
        <v>305</v>
      </c>
      <c r="BQ13" s="276">
        <v>0</v>
      </c>
      <c r="BR13" s="280">
        <v>3</v>
      </c>
      <c r="BS13" s="277">
        <v>3</v>
      </c>
      <c r="BT13" s="279">
        <v>0</v>
      </c>
      <c r="BU13" s="280">
        <v>85</v>
      </c>
      <c r="BV13" s="280">
        <v>41</v>
      </c>
      <c r="BW13" s="280">
        <v>190</v>
      </c>
      <c r="BX13" s="280">
        <v>59</v>
      </c>
      <c r="BY13" s="280">
        <v>37</v>
      </c>
      <c r="BZ13" s="277">
        <v>412</v>
      </c>
      <c r="CA13" s="282">
        <v>415</v>
      </c>
      <c r="CB13" s="276">
        <v>0</v>
      </c>
      <c r="CC13" s="280">
        <v>11</v>
      </c>
      <c r="CD13" s="277">
        <v>11</v>
      </c>
      <c r="CE13" s="279">
        <v>0</v>
      </c>
      <c r="CF13" s="280">
        <v>0</v>
      </c>
      <c r="CG13" s="280">
        <v>5</v>
      </c>
      <c r="CH13" s="280">
        <v>0</v>
      </c>
      <c r="CI13" s="280">
        <v>3</v>
      </c>
      <c r="CJ13" s="280">
        <v>0</v>
      </c>
      <c r="CK13" s="277">
        <v>8</v>
      </c>
      <c r="CL13" s="282">
        <v>19</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77">
        <v>0</v>
      </c>
      <c r="E14" s="278">
        <v>0</v>
      </c>
      <c r="F14" s="279">
        <v>0</v>
      </c>
      <c r="G14" s="280">
        <v>139</v>
      </c>
      <c r="H14" s="280">
        <v>165</v>
      </c>
      <c r="I14" s="280">
        <v>283</v>
      </c>
      <c r="J14" s="280">
        <v>241</v>
      </c>
      <c r="K14" s="280">
        <v>289</v>
      </c>
      <c r="L14" s="281">
        <v>1117</v>
      </c>
      <c r="M14" s="282">
        <v>1117</v>
      </c>
      <c r="N14" s="276">
        <v>0</v>
      </c>
      <c r="O14" s="280">
        <v>0</v>
      </c>
      <c r="P14" s="277">
        <v>0</v>
      </c>
      <c r="Q14" s="279">
        <v>0</v>
      </c>
      <c r="R14" s="280">
        <v>0</v>
      </c>
      <c r="S14" s="280">
        <v>0</v>
      </c>
      <c r="T14" s="280">
        <v>5</v>
      </c>
      <c r="U14" s="280">
        <v>18</v>
      </c>
      <c r="V14" s="280">
        <v>24</v>
      </c>
      <c r="W14" s="277">
        <v>47</v>
      </c>
      <c r="X14" s="282">
        <v>47</v>
      </c>
      <c r="Y14" s="276">
        <v>4</v>
      </c>
      <c r="Z14" s="280">
        <v>33</v>
      </c>
      <c r="AA14" s="277">
        <v>37</v>
      </c>
      <c r="AB14" s="279">
        <v>0</v>
      </c>
      <c r="AC14" s="280">
        <v>162</v>
      </c>
      <c r="AD14" s="280">
        <v>215</v>
      </c>
      <c r="AE14" s="280">
        <v>115</v>
      </c>
      <c r="AF14" s="280">
        <v>160</v>
      </c>
      <c r="AG14" s="280">
        <v>48</v>
      </c>
      <c r="AH14" s="277">
        <v>700</v>
      </c>
      <c r="AI14" s="282">
        <v>737</v>
      </c>
      <c r="AJ14" s="276">
        <v>0</v>
      </c>
      <c r="AK14" s="280">
        <v>0</v>
      </c>
      <c r="AL14" s="277">
        <v>0</v>
      </c>
      <c r="AM14" s="279">
        <v>0</v>
      </c>
      <c r="AN14" s="280">
        <v>88</v>
      </c>
      <c r="AO14" s="280">
        <v>10</v>
      </c>
      <c r="AP14" s="280">
        <v>27</v>
      </c>
      <c r="AQ14" s="280">
        <v>0</v>
      </c>
      <c r="AR14" s="280">
        <v>30</v>
      </c>
      <c r="AS14" s="277">
        <v>155</v>
      </c>
      <c r="AT14" s="282">
        <v>155</v>
      </c>
      <c r="AU14" s="276">
        <v>0</v>
      </c>
      <c r="AV14" s="280">
        <v>0</v>
      </c>
      <c r="AW14" s="277">
        <v>0</v>
      </c>
      <c r="AX14" s="279">
        <v>0</v>
      </c>
      <c r="AY14" s="280">
        <v>162</v>
      </c>
      <c r="AZ14" s="280">
        <v>142</v>
      </c>
      <c r="BA14" s="280">
        <v>108</v>
      </c>
      <c r="BB14" s="280">
        <v>116</v>
      </c>
      <c r="BC14" s="280">
        <v>24</v>
      </c>
      <c r="BD14" s="281">
        <v>552</v>
      </c>
      <c r="BE14" s="282">
        <v>552</v>
      </c>
      <c r="BF14" s="276">
        <v>0</v>
      </c>
      <c r="BG14" s="280">
        <v>0</v>
      </c>
      <c r="BH14" s="277">
        <v>0</v>
      </c>
      <c r="BI14" s="279">
        <v>0</v>
      </c>
      <c r="BJ14" s="280">
        <v>72</v>
      </c>
      <c r="BK14" s="280">
        <v>40</v>
      </c>
      <c r="BL14" s="280">
        <v>39</v>
      </c>
      <c r="BM14" s="280">
        <v>10</v>
      </c>
      <c r="BN14" s="280">
        <v>2</v>
      </c>
      <c r="BO14" s="277">
        <v>163</v>
      </c>
      <c r="BP14" s="282">
        <v>163</v>
      </c>
      <c r="BQ14" s="276">
        <v>0</v>
      </c>
      <c r="BR14" s="280">
        <v>0</v>
      </c>
      <c r="BS14" s="277">
        <v>0</v>
      </c>
      <c r="BT14" s="279">
        <v>0</v>
      </c>
      <c r="BU14" s="280">
        <v>19</v>
      </c>
      <c r="BV14" s="280">
        <v>22</v>
      </c>
      <c r="BW14" s="280">
        <v>34</v>
      </c>
      <c r="BX14" s="280">
        <v>44</v>
      </c>
      <c r="BY14" s="280">
        <v>37</v>
      </c>
      <c r="BZ14" s="277">
        <v>156</v>
      </c>
      <c r="CA14" s="282">
        <v>156</v>
      </c>
      <c r="CB14" s="276">
        <v>0</v>
      </c>
      <c r="CC14" s="280">
        <v>0</v>
      </c>
      <c r="CD14" s="277">
        <v>0</v>
      </c>
      <c r="CE14" s="279">
        <v>0</v>
      </c>
      <c r="CF14" s="280">
        <v>0</v>
      </c>
      <c r="CG14" s="280">
        <v>0</v>
      </c>
      <c r="CH14" s="280">
        <v>20</v>
      </c>
      <c r="CI14" s="280">
        <v>2</v>
      </c>
      <c r="CJ14" s="280">
        <v>15</v>
      </c>
      <c r="CK14" s="277">
        <v>37</v>
      </c>
      <c r="CL14" s="282">
        <v>37</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77">
        <v>0</v>
      </c>
      <c r="E15" s="278">
        <v>0</v>
      </c>
      <c r="F15" s="279">
        <v>0</v>
      </c>
      <c r="G15" s="280">
        <v>573</v>
      </c>
      <c r="H15" s="280">
        <v>473</v>
      </c>
      <c r="I15" s="280">
        <v>836</v>
      </c>
      <c r="J15" s="280">
        <v>861</v>
      </c>
      <c r="K15" s="280">
        <v>383</v>
      </c>
      <c r="L15" s="281">
        <v>3126</v>
      </c>
      <c r="M15" s="282">
        <v>3126</v>
      </c>
      <c r="N15" s="276">
        <v>0</v>
      </c>
      <c r="O15" s="280">
        <v>0</v>
      </c>
      <c r="P15" s="277">
        <v>0</v>
      </c>
      <c r="Q15" s="279">
        <v>0</v>
      </c>
      <c r="R15" s="280">
        <v>0</v>
      </c>
      <c r="S15" s="280">
        <v>5</v>
      </c>
      <c r="T15" s="280">
        <v>0</v>
      </c>
      <c r="U15" s="280">
        <v>10</v>
      </c>
      <c r="V15" s="280">
        <v>50</v>
      </c>
      <c r="W15" s="277">
        <v>65</v>
      </c>
      <c r="X15" s="282">
        <v>65</v>
      </c>
      <c r="Y15" s="276">
        <v>29</v>
      </c>
      <c r="Z15" s="280">
        <v>64</v>
      </c>
      <c r="AA15" s="277">
        <v>93</v>
      </c>
      <c r="AB15" s="279">
        <v>0</v>
      </c>
      <c r="AC15" s="280">
        <v>118</v>
      </c>
      <c r="AD15" s="280">
        <v>192</v>
      </c>
      <c r="AE15" s="280">
        <v>194</v>
      </c>
      <c r="AF15" s="280">
        <v>114</v>
      </c>
      <c r="AG15" s="280">
        <v>140</v>
      </c>
      <c r="AH15" s="277">
        <v>758</v>
      </c>
      <c r="AI15" s="282">
        <v>851</v>
      </c>
      <c r="AJ15" s="276">
        <v>0</v>
      </c>
      <c r="AK15" s="280">
        <v>8</v>
      </c>
      <c r="AL15" s="277">
        <v>8</v>
      </c>
      <c r="AM15" s="279">
        <v>0</v>
      </c>
      <c r="AN15" s="280">
        <v>46</v>
      </c>
      <c r="AO15" s="280">
        <v>20</v>
      </c>
      <c r="AP15" s="280">
        <v>0</v>
      </c>
      <c r="AQ15" s="280">
        <v>0</v>
      </c>
      <c r="AR15" s="280">
        <v>0</v>
      </c>
      <c r="AS15" s="277">
        <v>66</v>
      </c>
      <c r="AT15" s="282">
        <v>74</v>
      </c>
      <c r="AU15" s="276">
        <v>0</v>
      </c>
      <c r="AV15" s="280">
        <v>0</v>
      </c>
      <c r="AW15" s="277">
        <v>0</v>
      </c>
      <c r="AX15" s="279">
        <v>0</v>
      </c>
      <c r="AY15" s="280">
        <v>407</v>
      </c>
      <c r="AZ15" s="280">
        <v>189</v>
      </c>
      <c r="BA15" s="280">
        <v>155</v>
      </c>
      <c r="BB15" s="280">
        <v>136</v>
      </c>
      <c r="BC15" s="280">
        <v>38</v>
      </c>
      <c r="BD15" s="281">
        <v>925</v>
      </c>
      <c r="BE15" s="282">
        <v>925</v>
      </c>
      <c r="BF15" s="276">
        <v>0</v>
      </c>
      <c r="BG15" s="280">
        <v>0</v>
      </c>
      <c r="BH15" s="277">
        <v>0</v>
      </c>
      <c r="BI15" s="279">
        <v>0</v>
      </c>
      <c r="BJ15" s="280">
        <v>110</v>
      </c>
      <c r="BK15" s="280">
        <v>106</v>
      </c>
      <c r="BL15" s="280">
        <v>103</v>
      </c>
      <c r="BM15" s="280">
        <v>56</v>
      </c>
      <c r="BN15" s="280">
        <v>0</v>
      </c>
      <c r="BO15" s="277">
        <v>375</v>
      </c>
      <c r="BP15" s="282">
        <v>375</v>
      </c>
      <c r="BQ15" s="276">
        <v>0</v>
      </c>
      <c r="BR15" s="280">
        <v>2</v>
      </c>
      <c r="BS15" s="277">
        <v>2</v>
      </c>
      <c r="BT15" s="279">
        <v>0</v>
      </c>
      <c r="BU15" s="280">
        <v>24</v>
      </c>
      <c r="BV15" s="280">
        <v>22</v>
      </c>
      <c r="BW15" s="280">
        <v>148</v>
      </c>
      <c r="BX15" s="280">
        <v>84</v>
      </c>
      <c r="BY15" s="280">
        <v>60</v>
      </c>
      <c r="BZ15" s="277">
        <v>338</v>
      </c>
      <c r="CA15" s="282">
        <v>340</v>
      </c>
      <c r="CB15" s="276">
        <v>0</v>
      </c>
      <c r="CC15" s="280">
        <v>0</v>
      </c>
      <c r="CD15" s="277">
        <v>0</v>
      </c>
      <c r="CE15" s="279">
        <v>0</v>
      </c>
      <c r="CF15" s="280">
        <v>0</v>
      </c>
      <c r="CG15" s="280">
        <v>0</v>
      </c>
      <c r="CH15" s="280">
        <v>0</v>
      </c>
      <c r="CI15" s="280">
        <v>0</v>
      </c>
      <c r="CJ15" s="280">
        <v>9</v>
      </c>
      <c r="CK15" s="277">
        <v>9</v>
      </c>
      <c r="CL15" s="282">
        <v>9</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77">
        <v>0</v>
      </c>
      <c r="E16" s="278">
        <v>0</v>
      </c>
      <c r="F16" s="279">
        <v>0</v>
      </c>
      <c r="G16" s="280">
        <v>159</v>
      </c>
      <c r="H16" s="280">
        <v>364</v>
      </c>
      <c r="I16" s="280">
        <v>586</v>
      </c>
      <c r="J16" s="280">
        <v>479</v>
      </c>
      <c r="K16" s="280">
        <v>693</v>
      </c>
      <c r="L16" s="281">
        <v>2281</v>
      </c>
      <c r="M16" s="282">
        <v>2281</v>
      </c>
      <c r="N16" s="276">
        <v>0</v>
      </c>
      <c r="O16" s="280">
        <v>0</v>
      </c>
      <c r="P16" s="277">
        <v>0</v>
      </c>
      <c r="Q16" s="279">
        <v>0</v>
      </c>
      <c r="R16" s="280">
        <v>0</v>
      </c>
      <c r="S16" s="280">
        <v>0</v>
      </c>
      <c r="T16" s="280">
        <v>7</v>
      </c>
      <c r="U16" s="280">
        <v>3</v>
      </c>
      <c r="V16" s="280">
        <v>5</v>
      </c>
      <c r="W16" s="277">
        <v>15</v>
      </c>
      <c r="X16" s="282">
        <v>15</v>
      </c>
      <c r="Y16" s="276">
        <v>0</v>
      </c>
      <c r="Z16" s="280">
        <v>20</v>
      </c>
      <c r="AA16" s="277">
        <v>20</v>
      </c>
      <c r="AB16" s="279">
        <v>0</v>
      </c>
      <c r="AC16" s="280">
        <v>174</v>
      </c>
      <c r="AD16" s="280">
        <v>147</v>
      </c>
      <c r="AE16" s="280">
        <v>133</v>
      </c>
      <c r="AF16" s="280">
        <v>142</v>
      </c>
      <c r="AG16" s="280">
        <v>92</v>
      </c>
      <c r="AH16" s="277">
        <v>688</v>
      </c>
      <c r="AI16" s="282">
        <v>708</v>
      </c>
      <c r="AJ16" s="276">
        <v>0</v>
      </c>
      <c r="AK16" s="280">
        <v>0</v>
      </c>
      <c r="AL16" s="277">
        <v>0</v>
      </c>
      <c r="AM16" s="279">
        <v>0</v>
      </c>
      <c r="AN16" s="280">
        <v>11</v>
      </c>
      <c r="AO16" s="280">
        <v>58</v>
      </c>
      <c r="AP16" s="280">
        <v>0</v>
      </c>
      <c r="AQ16" s="280">
        <v>6</v>
      </c>
      <c r="AR16" s="280">
        <v>15</v>
      </c>
      <c r="AS16" s="277">
        <v>90</v>
      </c>
      <c r="AT16" s="282">
        <v>90</v>
      </c>
      <c r="AU16" s="276">
        <v>0</v>
      </c>
      <c r="AV16" s="280">
        <v>0</v>
      </c>
      <c r="AW16" s="277">
        <v>0</v>
      </c>
      <c r="AX16" s="279">
        <v>0</v>
      </c>
      <c r="AY16" s="280">
        <v>130</v>
      </c>
      <c r="AZ16" s="280">
        <v>142</v>
      </c>
      <c r="BA16" s="280">
        <v>27</v>
      </c>
      <c r="BB16" s="280">
        <v>30</v>
      </c>
      <c r="BC16" s="280">
        <v>2</v>
      </c>
      <c r="BD16" s="281">
        <v>331</v>
      </c>
      <c r="BE16" s="282">
        <v>331</v>
      </c>
      <c r="BF16" s="276">
        <v>0</v>
      </c>
      <c r="BG16" s="280">
        <v>0</v>
      </c>
      <c r="BH16" s="277">
        <v>0</v>
      </c>
      <c r="BI16" s="279">
        <v>0</v>
      </c>
      <c r="BJ16" s="280">
        <v>0</v>
      </c>
      <c r="BK16" s="280">
        <v>20</v>
      </c>
      <c r="BL16" s="280">
        <v>33</v>
      </c>
      <c r="BM16" s="280">
        <v>21</v>
      </c>
      <c r="BN16" s="280">
        <v>0</v>
      </c>
      <c r="BO16" s="277">
        <v>74</v>
      </c>
      <c r="BP16" s="282">
        <v>74</v>
      </c>
      <c r="BQ16" s="276">
        <v>0</v>
      </c>
      <c r="BR16" s="280">
        <v>3</v>
      </c>
      <c r="BS16" s="277">
        <v>3</v>
      </c>
      <c r="BT16" s="279">
        <v>0</v>
      </c>
      <c r="BU16" s="280">
        <v>16</v>
      </c>
      <c r="BV16" s="280">
        <v>14</v>
      </c>
      <c r="BW16" s="280">
        <v>20</v>
      </c>
      <c r="BX16" s="280">
        <v>16</v>
      </c>
      <c r="BY16" s="280">
        <v>42</v>
      </c>
      <c r="BZ16" s="277">
        <v>108</v>
      </c>
      <c r="CA16" s="282">
        <v>111</v>
      </c>
      <c r="CB16" s="276">
        <v>0</v>
      </c>
      <c r="CC16" s="280">
        <v>0</v>
      </c>
      <c r="CD16" s="277">
        <v>0</v>
      </c>
      <c r="CE16" s="279">
        <v>0</v>
      </c>
      <c r="CF16" s="280">
        <v>3</v>
      </c>
      <c r="CG16" s="280">
        <v>0</v>
      </c>
      <c r="CH16" s="280">
        <v>3</v>
      </c>
      <c r="CI16" s="280">
        <v>0</v>
      </c>
      <c r="CJ16" s="280">
        <v>0</v>
      </c>
      <c r="CK16" s="277">
        <v>6</v>
      </c>
      <c r="CL16" s="282">
        <v>6</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77">
        <v>0</v>
      </c>
      <c r="E17" s="278">
        <v>0</v>
      </c>
      <c r="F17" s="279">
        <v>0</v>
      </c>
      <c r="G17" s="280">
        <v>29</v>
      </c>
      <c r="H17" s="280">
        <v>56</v>
      </c>
      <c r="I17" s="280">
        <v>0</v>
      </c>
      <c r="J17" s="280">
        <v>5</v>
      </c>
      <c r="K17" s="280">
        <v>159</v>
      </c>
      <c r="L17" s="281">
        <v>249</v>
      </c>
      <c r="M17" s="282">
        <v>249</v>
      </c>
      <c r="N17" s="276">
        <v>0</v>
      </c>
      <c r="O17" s="280">
        <v>0</v>
      </c>
      <c r="P17" s="277">
        <v>0</v>
      </c>
      <c r="Q17" s="279">
        <v>0</v>
      </c>
      <c r="R17" s="280">
        <v>0</v>
      </c>
      <c r="S17" s="280">
        <v>0</v>
      </c>
      <c r="T17" s="280">
        <v>1</v>
      </c>
      <c r="U17" s="280">
        <v>0</v>
      </c>
      <c r="V17" s="280">
        <v>14</v>
      </c>
      <c r="W17" s="277">
        <v>15</v>
      </c>
      <c r="X17" s="282">
        <v>15</v>
      </c>
      <c r="Y17" s="276">
        <v>0</v>
      </c>
      <c r="Z17" s="280">
        <v>0</v>
      </c>
      <c r="AA17" s="277">
        <v>0</v>
      </c>
      <c r="AB17" s="279">
        <v>0</v>
      </c>
      <c r="AC17" s="280">
        <v>14</v>
      </c>
      <c r="AD17" s="280">
        <v>42</v>
      </c>
      <c r="AE17" s="280">
        <v>8</v>
      </c>
      <c r="AF17" s="280">
        <v>30</v>
      </c>
      <c r="AG17" s="280">
        <v>44</v>
      </c>
      <c r="AH17" s="277">
        <v>138</v>
      </c>
      <c r="AI17" s="282">
        <v>138</v>
      </c>
      <c r="AJ17" s="276">
        <v>0</v>
      </c>
      <c r="AK17" s="280">
        <v>0</v>
      </c>
      <c r="AL17" s="277">
        <v>0</v>
      </c>
      <c r="AM17" s="279">
        <v>0</v>
      </c>
      <c r="AN17" s="280">
        <v>0</v>
      </c>
      <c r="AO17" s="280">
        <v>14</v>
      </c>
      <c r="AP17" s="280">
        <v>18</v>
      </c>
      <c r="AQ17" s="280">
        <v>0</v>
      </c>
      <c r="AR17" s="280">
        <v>12</v>
      </c>
      <c r="AS17" s="277">
        <v>44</v>
      </c>
      <c r="AT17" s="282">
        <v>44</v>
      </c>
      <c r="AU17" s="276">
        <v>0</v>
      </c>
      <c r="AV17" s="280">
        <v>0</v>
      </c>
      <c r="AW17" s="277">
        <v>0</v>
      </c>
      <c r="AX17" s="279">
        <v>0</v>
      </c>
      <c r="AY17" s="280">
        <v>27</v>
      </c>
      <c r="AZ17" s="280">
        <v>14</v>
      </c>
      <c r="BA17" s="280">
        <v>19</v>
      </c>
      <c r="BB17" s="280">
        <v>3</v>
      </c>
      <c r="BC17" s="280">
        <v>2</v>
      </c>
      <c r="BD17" s="281">
        <v>65</v>
      </c>
      <c r="BE17" s="282">
        <v>65</v>
      </c>
      <c r="BF17" s="276">
        <v>0</v>
      </c>
      <c r="BG17" s="280">
        <v>0</v>
      </c>
      <c r="BH17" s="277">
        <v>0</v>
      </c>
      <c r="BI17" s="279">
        <v>0</v>
      </c>
      <c r="BJ17" s="280">
        <v>14</v>
      </c>
      <c r="BK17" s="280">
        <v>6</v>
      </c>
      <c r="BL17" s="280">
        <v>7</v>
      </c>
      <c r="BM17" s="280">
        <v>8</v>
      </c>
      <c r="BN17" s="280">
        <v>8</v>
      </c>
      <c r="BO17" s="277">
        <v>43</v>
      </c>
      <c r="BP17" s="282">
        <v>43</v>
      </c>
      <c r="BQ17" s="276">
        <v>0</v>
      </c>
      <c r="BR17" s="280">
        <v>0</v>
      </c>
      <c r="BS17" s="277">
        <v>0</v>
      </c>
      <c r="BT17" s="279">
        <v>0</v>
      </c>
      <c r="BU17" s="280">
        <v>5</v>
      </c>
      <c r="BV17" s="280">
        <v>14</v>
      </c>
      <c r="BW17" s="280">
        <v>0</v>
      </c>
      <c r="BX17" s="280">
        <v>6</v>
      </c>
      <c r="BY17" s="280">
        <v>29</v>
      </c>
      <c r="BZ17" s="277">
        <v>54</v>
      </c>
      <c r="CA17" s="282">
        <v>54</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77">
        <v>0</v>
      </c>
      <c r="E18" s="278">
        <v>0</v>
      </c>
      <c r="F18" s="279">
        <v>0</v>
      </c>
      <c r="G18" s="280">
        <v>120</v>
      </c>
      <c r="H18" s="280">
        <v>168</v>
      </c>
      <c r="I18" s="280">
        <v>72</v>
      </c>
      <c r="J18" s="280">
        <v>226</v>
      </c>
      <c r="K18" s="280">
        <v>55</v>
      </c>
      <c r="L18" s="281">
        <v>641</v>
      </c>
      <c r="M18" s="282">
        <v>641</v>
      </c>
      <c r="N18" s="276">
        <v>0</v>
      </c>
      <c r="O18" s="280">
        <v>0</v>
      </c>
      <c r="P18" s="277">
        <v>0</v>
      </c>
      <c r="Q18" s="279">
        <v>0</v>
      </c>
      <c r="R18" s="280">
        <v>0</v>
      </c>
      <c r="S18" s="280">
        <v>7</v>
      </c>
      <c r="T18" s="280">
        <v>3</v>
      </c>
      <c r="U18" s="280">
        <v>0</v>
      </c>
      <c r="V18" s="280">
        <v>3</v>
      </c>
      <c r="W18" s="277">
        <v>13</v>
      </c>
      <c r="X18" s="282">
        <v>13</v>
      </c>
      <c r="Y18" s="276">
        <v>1</v>
      </c>
      <c r="Z18" s="280">
        <v>5</v>
      </c>
      <c r="AA18" s="277">
        <v>6</v>
      </c>
      <c r="AB18" s="279">
        <v>0</v>
      </c>
      <c r="AC18" s="280">
        <v>30</v>
      </c>
      <c r="AD18" s="280">
        <v>147</v>
      </c>
      <c r="AE18" s="280">
        <v>89</v>
      </c>
      <c r="AF18" s="280">
        <v>59</v>
      </c>
      <c r="AG18" s="280">
        <v>0</v>
      </c>
      <c r="AH18" s="277">
        <v>325</v>
      </c>
      <c r="AI18" s="282">
        <v>331</v>
      </c>
      <c r="AJ18" s="276">
        <v>0</v>
      </c>
      <c r="AK18" s="280">
        <v>0</v>
      </c>
      <c r="AL18" s="277">
        <v>0</v>
      </c>
      <c r="AM18" s="279">
        <v>0</v>
      </c>
      <c r="AN18" s="280">
        <v>38</v>
      </c>
      <c r="AO18" s="280">
        <v>0</v>
      </c>
      <c r="AP18" s="280">
        <v>27</v>
      </c>
      <c r="AQ18" s="280">
        <v>12</v>
      </c>
      <c r="AR18" s="280">
        <v>0</v>
      </c>
      <c r="AS18" s="277">
        <v>77</v>
      </c>
      <c r="AT18" s="282">
        <v>77</v>
      </c>
      <c r="AU18" s="276">
        <v>0</v>
      </c>
      <c r="AV18" s="280">
        <v>0</v>
      </c>
      <c r="AW18" s="277">
        <v>0</v>
      </c>
      <c r="AX18" s="279">
        <v>0</v>
      </c>
      <c r="AY18" s="280">
        <v>188</v>
      </c>
      <c r="AZ18" s="280">
        <v>200</v>
      </c>
      <c r="BA18" s="280">
        <v>107</v>
      </c>
      <c r="BB18" s="280">
        <v>22</v>
      </c>
      <c r="BC18" s="280">
        <v>35</v>
      </c>
      <c r="BD18" s="281">
        <v>552</v>
      </c>
      <c r="BE18" s="282">
        <v>552</v>
      </c>
      <c r="BF18" s="276">
        <v>0</v>
      </c>
      <c r="BG18" s="280">
        <v>0</v>
      </c>
      <c r="BH18" s="277">
        <v>0</v>
      </c>
      <c r="BI18" s="279">
        <v>0</v>
      </c>
      <c r="BJ18" s="280">
        <v>64</v>
      </c>
      <c r="BK18" s="280">
        <v>153</v>
      </c>
      <c r="BL18" s="280">
        <v>38</v>
      </c>
      <c r="BM18" s="280">
        <v>9</v>
      </c>
      <c r="BN18" s="280">
        <v>22</v>
      </c>
      <c r="BO18" s="277">
        <v>286</v>
      </c>
      <c r="BP18" s="282">
        <v>286</v>
      </c>
      <c r="BQ18" s="276">
        <v>0</v>
      </c>
      <c r="BR18" s="280">
        <v>0</v>
      </c>
      <c r="BS18" s="277">
        <v>0</v>
      </c>
      <c r="BT18" s="279">
        <v>0</v>
      </c>
      <c r="BU18" s="280">
        <v>12</v>
      </c>
      <c r="BV18" s="280">
        <v>20</v>
      </c>
      <c r="BW18" s="280">
        <v>22</v>
      </c>
      <c r="BX18" s="280">
        <v>0</v>
      </c>
      <c r="BY18" s="280">
        <v>0</v>
      </c>
      <c r="BZ18" s="277">
        <v>54</v>
      </c>
      <c r="CA18" s="282">
        <v>54</v>
      </c>
      <c r="CB18" s="276">
        <v>0</v>
      </c>
      <c r="CC18" s="280">
        <v>0</v>
      </c>
      <c r="CD18" s="277">
        <v>0</v>
      </c>
      <c r="CE18" s="279">
        <v>0</v>
      </c>
      <c r="CF18" s="280">
        <v>3</v>
      </c>
      <c r="CG18" s="280">
        <v>0</v>
      </c>
      <c r="CH18" s="280">
        <v>5</v>
      </c>
      <c r="CI18" s="280">
        <v>0</v>
      </c>
      <c r="CJ18" s="280">
        <v>0</v>
      </c>
      <c r="CK18" s="277">
        <v>8</v>
      </c>
      <c r="CL18" s="282">
        <v>8</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77">
        <v>0</v>
      </c>
      <c r="E19" s="278">
        <v>0</v>
      </c>
      <c r="F19" s="279">
        <v>0</v>
      </c>
      <c r="G19" s="280">
        <v>76</v>
      </c>
      <c r="H19" s="280">
        <v>176</v>
      </c>
      <c r="I19" s="280">
        <v>507</v>
      </c>
      <c r="J19" s="280">
        <v>73</v>
      </c>
      <c r="K19" s="280">
        <v>394</v>
      </c>
      <c r="L19" s="281">
        <v>1226</v>
      </c>
      <c r="M19" s="282">
        <v>1226</v>
      </c>
      <c r="N19" s="276">
        <v>0</v>
      </c>
      <c r="O19" s="280">
        <v>0</v>
      </c>
      <c r="P19" s="277">
        <v>0</v>
      </c>
      <c r="Q19" s="279">
        <v>0</v>
      </c>
      <c r="R19" s="280">
        <v>9</v>
      </c>
      <c r="S19" s="280">
        <v>5</v>
      </c>
      <c r="T19" s="280">
        <v>11</v>
      </c>
      <c r="U19" s="280">
        <v>22</v>
      </c>
      <c r="V19" s="280">
        <v>34</v>
      </c>
      <c r="W19" s="277">
        <v>81</v>
      </c>
      <c r="X19" s="282">
        <v>81</v>
      </c>
      <c r="Y19" s="276">
        <v>20</v>
      </c>
      <c r="Z19" s="280">
        <v>50</v>
      </c>
      <c r="AA19" s="277">
        <v>70</v>
      </c>
      <c r="AB19" s="279">
        <v>0</v>
      </c>
      <c r="AC19" s="280">
        <v>134</v>
      </c>
      <c r="AD19" s="280">
        <v>158</v>
      </c>
      <c r="AE19" s="280">
        <v>127</v>
      </c>
      <c r="AF19" s="280">
        <v>36</v>
      </c>
      <c r="AG19" s="280">
        <v>135</v>
      </c>
      <c r="AH19" s="277">
        <v>590</v>
      </c>
      <c r="AI19" s="282">
        <v>660</v>
      </c>
      <c r="AJ19" s="276">
        <v>0</v>
      </c>
      <c r="AK19" s="280">
        <v>0</v>
      </c>
      <c r="AL19" s="277">
        <v>0</v>
      </c>
      <c r="AM19" s="279">
        <v>0</v>
      </c>
      <c r="AN19" s="280">
        <v>6</v>
      </c>
      <c r="AO19" s="280">
        <v>18</v>
      </c>
      <c r="AP19" s="280">
        <v>9</v>
      </c>
      <c r="AQ19" s="280">
        <v>28</v>
      </c>
      <c r="AR19" s="280">
        <v>0</v>
      </c>
      <c r="AS19" s="277">
        <v>61</v>
      </c>
      <c r="AT19" s="282">
        <v>61</v>
      </c>
      <c r="AU19" s="276">
        <v>0</v>
      </c>
      <c r="AV19" s="280">
        <v>0</v>
      </c>
      <c r="AW19" s="277">
        <v>0</v>
      </c>
      <c r="AX19" s="279">
        <v>0</v>
      </c>
      <c r="AY19" s="280">
        <v>210</v>
      </c>
      <c r="AZ19" s="280">
        <v>335</v>
      </c>
      <c r="BA19" s="280">
        <v>98</v>
      </c>
      <c r="BB19" s="280">
        <v>81</v>
      </c>
      <c r="BC19" s="280">
        <v>23</v>
      </c>
      <c r="BD19" s="281">
        <v>747</v>
      </c>
      <c r="BE19" s="282">
        <v>747</v>
      </c>
      <c r="BF19" s="276">
        <v>0</v>
      </c>
      <c r="BG19" s="280">
        <v>0</v>
      </c>
      <c r="BH19" s="277">
        <v>0</v>
      </c>
      <c r="BI19" s="279">
        <v>0</v>
      </c>
      <c r="BJ19" s="280">
        <v>31</v>
      </c>
      <c r="BK19" s="280">
        <v>77</v>
      </c>
      <c r="BL19" s="280">
        <v>49</v>
      </c>
      <c r="BM19" s="280">
        <v>16</v>
      </c>
      <c r="BN19" s="280">
        <v>2</v>
      </c>
      <c r="BO19" s="277">
        <v>175</v>
      </c>
      <c r="BP19" s="282">
        <v>175</v>
      </c>
      <c r="BQ19" s="276">
        <v>0</v>
      </c>
      <c r="BR19" s="280">
        <v>0</v>
      </c>
      <c r="BS19" s="277">
        <v>0</v>
      </c>
      <c r="BT19" s="279">
        <v>0</v>
      </c>
      <c r="BU19" s="280">
        <v>16</v>
      </c>
      <c r="BV19" s="280">
        <v>37</v>
      </c>
      <c r="BW19" s="280">
        <v>108</v>
      </c>
      <c r="BX19" s="280">
        <v>118</v>
      </c>
      <c r="BY19" s="280">
        <v>32</v>
      </c>
      <c r="BZ19" s="277">
        <v>311</v>
      </c>
      <c r="CA19" s="282">
        <v>311</v>
      </c>
      <c r="CB19" s="276">
        <v>0</v>
      </c>
      <c r="CC19" s="280">
        <v>0</v>
      </c>
      <c r="CD19" s="277">
        <v>0</v>
      </c>
      <c r="CE19" s="279">
        <v>0</v>
      </c>
      <c r="CF19" s="280">
        <v>4</v>
      </c>
      <c r="CG19" s="280">
        <v>0</v>
      </c>
      <c r="CH19" s="280">
        <v>55</v>
      </c>
      <c r="CI19" s="280">
        <v>10</v>
      </c>
      <c r="CJ19" s="280">
        <v>0</v>
      </c>
      <c r="CK19" s="277">
        <v>69</v>
      </c>
      <c r="CL19" s="282">
        <v>69</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77">
        <v>0</v>
      </c>
      <c r="E20" s="278">
        <v>0</v>
      </c>
      <c r="F20" s="279">
        <v>0</v>
      </c>
      <c r="G20" s="280">
        <v>423</v>
      </c>
      <c r="H20" s="280">
        <v>414</v>
      </c>
      <c r="I20" s="280">
        <v>593</v>
      </c>
      <c r="J20" s="280">
        <v>1082</v>
      </c>
      <c r="K20" s="280">
        <v>666</v>
      </c>
      <c r="L20" s="281">
        <v>3178</v>
      </c>
      <c r="M20" s="282">
        <v>3178</v>
      </c>
      <c r="N20" s="276">
        <v>0</v>
      </c>
      <c r="O20" s="280">
        <v>0</v>
      </c>
      <c r="P20" s="277">
        <v>0</v>
      </c>
      <c r="Q20" s="279">
        <v>0</v>
      </c>
      <c r="R20" s="280">
        <v>0</v>
      </c>
      <c r="S20" s="280">
        <v>13</v>
      </c>
      <c r="T20" s="280">
        <v>8</v>
      </c>
      <c r="U20" s="280">
        <v>11</v>
      </c>
      <c r="V20" s="280">
        <v>16</v>
      </c>
      <c r="W20" s="277">
        <v>48</v>
      </c>
      <c r="X20" s="282">
        <v>48</v>
      </c>
      <c r="Y20" s="276">
        <v>32</v>
      </c>
      <c r="Z20" s="280">
        <v>64</v>
      </c>
      <c r="AA20" s="277">
        <v>96</v>
      </c>
      <c r="AB20" s="279">
        <v>0</v>
      </c>
      <c r="AC20" s="280">
        <v>194</v>
      </c>
      <c r="AD20" s="280">
        <v>317</v>
      </c>
      <c r="AE20" s="280">
        <v>154</v>
      </c>
      <c r="AF20" s="280">
        <v>174</v>
      </c>
      <c r="AG20" s="280">
        <v>167</v>
      </c>
      <c r="AH20" s="277">
        <v>1006</v>
      </c>
      <c r="AI20" s="282">
        <v>1102</v>
      </c>
      <c r="AJ20" s="276">
        <v>12</v>
      </c>
      <c r="AK20" s="280">
        <v>0</v>
      </c>
      <c r="AL20" s="277">
        <v>12</v>
      </c>
      <c r="AM20" s="279">
        <v>0</v>
      </c>
      <c r="AN20" s="280">
        <v>50</v>
      </c>
      <c r="AO20" s="280">
        <v>48</v>
      </c>
      <c r="AP20" s="280">
        <v>73</v>
      </c>
      <c r="AQ20" s="280">
        <v>39</v>
      </c>
      <c r="AR20" s="280">
        <v>2</v>
      </c>
      <c r="AS20" s="277">
        <v>212</v>
      </c>
      <c r="AT20" s="282">
        <v>224</v>
      </c>
      <c r="AU20" s="276">
        <v>0</v>
      </c>
      <c r="AV20" s="280">
        <v>0</v>
      </c>
      <c r="AW20" s="277">
        <v>0</v>
      </c>
      <c r="AX20" s="279">
        <v>0</v>
      </c>
      <c r="AY20" s="280">
        <v>338</v>
      </c>
      <c r="AZ20" s="280">
        <v>474</v>
      </c>
      <c r="BA20" s="280">
        <v>168</v>
      </c>
      <c r="BB20" s="280">
        <v>98</v>
      </c>
      <c r="BC20" s="280">
        <v>59</v>
      </c>
      <c r="BD20" s="281">
        <v>1137</v>
      </c>
      <c r="BE20" s="282">
        <v>1137</v>
      </c>
      <c r="BF20" s="276">
        <v>0</v>
      </c>
      <c r="BG20" s="280">
        <v>0</v>
      </c>
      <c r="BH20" s="277">
        <v>0</v>
      </c>
      <c r="BI20" s="279">
        <v>0</v>
      </c>
      <c r="BJ20" s="280">
        <v>76</v>
      </c>
      <c r="BK20" s="280">
        <v>120</v>
      </c>
      <c r="BL20" s="280">
        <v>39</v>
      </c>
      <c r="BM20" s="280">
        <v>60</v>
      </c>
      <c r="BN20" s="280">
        <v>16</v>
      </c>
      <c r="BO20" s="277">
        <v>311</v>
      </c>
      <c r="BP20" s="282">
        <v>311</v>
      </c>
      <c r="BQ20" s="276">
        <v>0</v>
      </c>
      <c r="BR20" s="280">
        <v>0</v>
      </c>
      <c r="BS20" s="277">
        <v>0</v>
      </c>
      <c r="BT20" s="279">
        <v>0</v>
      </c>
      <c r="BU20" s="280">
        <v>10</v>
      </c>
      <c r="BV20" s="280">
        <v>102</v>
      </c>
      <c r="BW20" s="280">
        <v>110</v>
      </c>
      <c r="BX20" s="280">
        <v>120</v>
      </c>
      <c r="BY20" s="280">
        <v>82</v>
      </c>
      <c r="BZ20" s="277">
        <v>424</v>
      </c>
      <c r="CA20" s="282">
        <v>424</v>
      </c>
      <c r="CB20" s="276">
        <v>0</v>
      </c>
      <c r="CC20" s="280">
        <v>0</v>
      </c>
      <c r="CD20" s="277">
        <v>0</v>
      </c>
      <c r="CE20" s="279">
        <v>0</v>
      </c>
      <c r="CF20" s="280">
        <v>0</v>
      </c>
      <c r="CG20" s="280">
        <v>0</v>
      </c>
      <c r="CH20" s="280">
        <v>4</v>
      </c>
      <c r="CI20" s="280">
        <v>0</v>
      </c>
      <c r="CJ20" s="280">
        <v>0</v>
      </c>
      <c r="CK20" s="277">
        <v>4</v>
      </c>
      <c r="CL20" s="282">
        <v>4</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77">
        <v>0</v>
      </c>
      <c r="E21" s="278">
        <v>0</v>
      </c>
      <c r="F21" s="279">
        <v>0</v>
      </c>
      <c r="G21" s="280">
        <v>48</v>
      </c>
      <c r="H21" s="280">
        <v>88</v>
      </c>
      <c r="I21" s="280">
        <v>185</v>
      </c>
      <c r="J21" s="280">
        <v>93</v>
      </c>
      <c r="K21" s="280">
        <v>130</v>
      </c>
      <c r="L21" s="281">
        <v>544</v>
      </c>
      <c r="M21" s="282">
        <v>544</v>
      </c>
      <c r="N21" s="276">
        <v>0</v>
      </c>
      <c r="O21" s="280">
        <v>0</v>
      </c>
      <c r="P21" s="277">
        <v>0</v>
      </c>
      <c r="Q21" s="279">
        <v>0</v>
      </c>
      <c r="R21" s="280">
        <v>3</v>
      </c>
      <c r="S21" s="280">
        <v>0</v>
      </c>
      <c r="T21" s="280">
        <v>8</v>
      </c>
      <c r="U21" s="280">
        <v>7</v>
      </c>
      <c r="V21" s="280">
        <v>18</v>
      </c>
      <c r="W21" s="277">
        <v>36</v>
      </c>
      <c r="X21" s="282">
        <v>36</v>
      </c>
      <c r="Y21" s="276">
        <v>14</v>
      </c>
      <c r="Z21" s="280">
        <v>1</v>
      </c>
      <c r="AA21" s="277">
        <v>15</v>
      </c>
      <c r="AB21" s="279">
        <v>0</v>
      </c>
      <c r="AC21" s="280">
        <v>101</v>
      </c>
      <c r="AD21" s="280">
        <v>89</v>
      </c>
      <c r="AE21" s="280">
        <v>58</v>
      </c>
      <c r="AF21" s="280">
        <v>100</v>
      </c>
      <c r="AG21" s="280">
        <v>72</v>
      </c>
      <c r="AH21" s="277">
        <v>420</v>
      </c>
      <c r="AI21" s="282">
        <v>435</v>
      </c>
      <c r="AJ21" s="276">
        <v>0</v>
      </c>
      <c r="AK21" s="280">
        <v>0</v>
      </c>
      <c r="AL21" s="277">
        <v>0</v>
      </c>
      <c r="AM21" s="279">
        <v>0</v>
      </c>
      <c r="AN21" s="280">
        <v>46</v>
      </c>
      <c r="AO21" s="280">
        <v>0</v>
      </c>
      <c r="AP21" s="280">
        <v>27</v>
      </c>
      <c r="AQ21" s="280">
        <v>20</v>
      </c>
      <c r="AR21" s="280">
        <v>0</v>
      </c>
      <c r="AS21" s="277">
        <v>93</v>
      </c>
      <c r="AT21" s="282">
        <v>93</v>
      </c>
      <c r="AU21" s="276">
        <v>0</v>
      </c>
      <c r="AV21" s="280">
        <v>0</v>
      </c>
      <c r="AW21" s="277">
        <v>0</v>
      </c>
      <c r="AX21" s="279">
        <v>0</v>
      </c>
      <c r="AY21" s="280">
        <v>107</v>
      </c>
      <c r="AZ21" s="280">
        <v>50</v>
      </c>
      <c r="BA21" s="280">
        <v>74</v>
      </c>
      <c r="BB21" s="280">
        <v>58</v>
      </c>
      <c r="BC21" s="280">
        <v>86</v>
      </c>
      <c r="BD21" s="281">
        <v>375</v>
      </c>
      <c r="BE21" s="282">
        <v>375</v>
      </c>
      <c r="BF21" s="276">
        <v>0</v>
      </c>
      <c r="BG21" s="280">
        <v>0</v>
      </c>
      <c r="BH21" s="277">
        <v>0</v>
      </c>
      <c r="BI21" s="279">
        <v>0</v>
      </c>
      <c r="BJ21" s="280">
        <v>34</v>
      </c>
      <c r="BK21" s="280">
        <v>11</v>
      </c>
      <c r="BL21" s="280">
        <v>28</v>
      </c>
      <c r="BM21" s="280">
        <v>43</v>
      </c>
      <c r="BN21" s="280">
        <v>12</v>
      </c>
      <c r="BO21" s="277">
        <v>128</v>
      </c>
      <c r="BP21" s="282">
        <v>128</v>
      </c>
      <c r="BQ21" s="276">
        <v>0</v>
      </c>
      <c r="BR21" s="280">
        <v>3</v>
      </c>
      <c r="BS21" s="277">
        <v>3</v>
      </c>
      <c r="BT21" s="279">
        <v>0</v>
      </c>
      <c r="BU21" s="280">
        <v>0</v>
      </c>
      <c r="BV21" s="280">
        <v>10</v>
      </c>
      <c r="BW21" s="280">
        <v>5</v>
      </c>
      <c r="BX21" s="280">
        <v>21</v>
      </c>
      <c r="BY21" s="280">
        <v>27</v>
      </c>
      <c r="BZ21" s="277">
        <v>63</v>
      </c>
      <c r="CA21" s="282">
        <v>66</v>
      </c>
      <c r="CB21" s="276">
        <v>0</v>
      </c>
      <c r="CC21" s="280">
        <v>0</v>
      </c>
      <c r="CD21" s="277">
        <v>0</v>
      </c>
      <c r="CE21" s="279">
        <v>0</v>
      </c>
      <c r="CF21" s="280">
        <v>0</v>
      </c>
      <c r="CG21" s="280">
        <v>4</v>
      </c>
      <c r="CH21" s="280">
        <v>14</v>
      </c>
      <c r="CI21" s="280">
        <v>0</v>
      </c>
      <c r="CJ21" s="280">
        <v>0</v>
      </c>
      <c r="CK21" s="277">
        <v>18</v>
      </c>
      <c r="CL21" s="282">
        <v>18</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77">
        <v>0</v>
      </c>
      <c r="E22" s="278">
        <v>0</v>
      </c>
      <c r="F22" s="279">
        <v>0</v>
      </c>
      <c r="G22" s="280">
        <v>156</v>
      </c>
      <c r="H22" s="280">
        <v>107</v>
      </c>
      <c r="I22" s="280">
        <v>188</v>
      </c>
      <c r="J22" s="280">
        <v>222</v>
      </c>
      <c r="K22" s="280">
        <v>66</v>
      </c>
      <c r="L22" s="281">
        <v>739</v>
      </c>
      <c r="M22" s="282">
        <v>739</v>
      </c>
      <c r="N22" s="276">
        <v>0</v>
      </c>
      <c r="O22" s="280">
        <v>0</v>
      </c>
      <c r="P22" s="277">
        <v>0</v>
      </c>
      <c r="Q22" s="279">
        <v>0</v>
      </c>
      <c r="R22" s="280">
        <v>0</v>
      </c>
      <c r="S22" s="280">
        <v>7</v>
      </c>
      <c r="T22" s="280">
        <v>0</v>
      </c>
      <c r="U22" s="280">
        <v>9</v>
      </c>
      <c r="V22" s="280">
        <v>13</v>
      </c>
      <c r="W22" s="277">
        <v>29</v>
      </c>
      <c r="X22" s="282">
        <v>29</v>
      </c>
      <c r="Y22" s="276">
        <v>4</v>
      </c>
      <c r="Z22" s="280">
        <v>36</v>
      </c>
      <c r="AA22" s="277">
        <v>40</v>
      </c>
      <c r="AB22" s="279">
        <v>0</v>
      </c>
      <c r="AC22" s="280">
        <v>143</v>
      </c>
      <c r="AD22" s="280">
        <v>96</v>
      </c>
      <c r="AE22" s="280">
        <v>145</v>
      </c>
      <c r="AF22" s="280">
        <v>25</v>
      </c>
      <c r="AG22" s="280">
        <v>27</v>
      </c>
      <c r="AH22" s="277">
        <v>436</v>
      </c>
      <c r="AI22" s="282">
        <v>476</v>
      </c>
      <c r="AJ22" s="276">
        <v>0</v>
      </c>
      <c r="AK22" s="280">
        <v>22</v>
      </c>
      <c r="AL22" s="277">
        <v>22</v>
      </c>
      <c r="AM22" s="279">
        <v>0</v>
      </c>
      <c r="AN22" s="280">
        <v>62</v>
      </c>
      <c r="AO22" s="280">
        <v>37</v>
      </c>
      <c r="AP22" s="280">
        <v>34</v>
      </c>
      <c r="AQ22" s="280">
        <v>18</v>
      </c>
      <c r="AR22" s="280">
        <v>4</v>
      </c>
      <c r="AS22" s="277">
        <v>155</v>
      </c>
      <c r="AT22" s="282">
        <v>177</v>
      </c>
      <c r="AU22" s="276">
        <v>0</v>
      </c>
      <c r="AV22" s="280">
        <v>0</v>
      </c>
      <c r="AW22" s="277">
        <v>0</v>
      </c>
      <c r="AX22" s="279">
        <v>0</v>
      </c>
      <c r="AY22" s="280">
        <v>67</v>
      </c>
      <c r="AZ22" s="280">
        <v>113</v>
      </c>
      <c r="BA22" s="280">
        <v>112</v>
      </c>
      <c r="BB22" s="280">
        <v>45</v>
      </c>
      <c r="BC22" s="280">
        <v>40</v>
      </c>
      <c r="BD22" s="281">
        <v>377</v>
      </c>
      <c r="BE22" s="282">
        <v>377</v>
      </c>
      <c r="BF22" s="276">
        <v>0</v>
      </c>
      <c r="BG22" s="280">
        <v>0</v>
      </c>
      <c r="BH22" s="277">
        <v>0</v>
      </c>
      <c r="BI22" s="279">
        <v>0</v>
      </c>
      <c r="BJ22" s="280">
        <v>82</v>
      </c>
      <c r="BK22" s="280">
        <v>74</v>
      </c>
      <c r="BL22" s="280">
        <v>34</v>
      </c>
      <c r="BM22" s="280">
        <v>19</v>
      </c>
      <c r="BN22" s="280">
        <v>30</v>
      </c>
      <c r="BO22" s="277">
        <v>239</v>
      </c>
      <c r="BP22" s="282">
        <v>239</v>
      </c>
      <c r="BQ22" s="276">
        <v>0</v>
      </c>
      <c r="BR22" s="280">
        <v>0</v>
      </c>
      <c r="BS22" s="277">
        <v>0</v>
      </c>
      <c r="BT22" s="279">
        <v>0</v>
      </c>
      <c r="BU22" s="280">
        <v>38</v>
      </c>
      <c r="BV22" s="280">
        <v>0</v>
      </c>
      <c r="BW22" s="280">
        <v>46</v>
      </c>
      <c r="BX22" s="280">
        <v>65</v>
      </c>
      <c r="BY22" s="280">
        <v>0</v>
      </c>
      <c r="BZ22" s="277">
        <v>149</v>
      </c>
      <c r="CA22" s="282">
        <v>149</v>
      </c>
      <c r="CB22" s="276">
        <v>0</v>
      </c>
      <c r="CC22" s="280">
        <v>0</v>
      </c>
      <c r="CD22" s="277">
        <v>0</v>
      </c>
      <c r="CE22" s="279">
        <v>0</v>
      </c>
      <c r="CF22" s="280">
        <v>0</v>
      </c>
      <c r="CG22" s="280">
        <v>0</v>
      </c>
      <c r="CH22" s="280">
        <v>10</v>
      </c>
      <c r="CI22" s="280">
        <v>0</v>
      </c>
      <c r="CJ22" s="280">
        <v>0</v>
      </c>
      <c r="CK22" s="277">
        <v>10</v>
      </c>
      <c r="CL22" s="282">
        <v>10</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77">
        <v>0</v>
      </c>
      <c r="E23" s="278">
        <v>0</v>
      </c>
      <c r="F23" s="279">
        <v>0</v>
      </c>
      <c r="G23" s="280">
        <v>177</v>
      </c>
      <c r="H23" s="280">
        <v>195</v>
      </c>
      <c r="I23" s="280">
        <v>312</v>
      </c>
      <c r="J23" s="280">
        <v>368</v>
      </c>
      <c r="K23" s="280">
        <v>167</v>
      </c>
      <c r="L23" s="281">
        <v>1219</v>
      </c>
      <c r="M23" s="282">
        <v>1219</v>
      </c>
      <c r="N23" s="276">
        <v>0</v>
      </c>
      <c r="O23" s="280">
        <v>0</v>
      </c>
      <c r="P23" s="277">
        <v>0</v>
      </c>
      <c r="Q23" s="279">
        <v>0</v>
      </c>
      <c r="R23" s="280">
        <v>0</v>
      </c>
      <c r="S23" s="280">
        <v>1</v>
      </c>
      <c r="T23" s="280">
        <v>0</v>
      </c>
      <c r="U23" s="280">
        <v>16</v>
      </c>
      <c r="V23" s="280">
        <v>9</v>
      </c>
      <c r="W23" s="277">
        <v>26</v>
      </c>
      <c r="X23" s="282">
        <v>26</v>
      </c>
      <c r="Y23" s="276">
        <v>22</v>
      </c>
      <c r="Z23" s="280">
        <v>0</v>
      </c>
      <c r="AA23" s="277">
        <v>22</v>
      </c>
      <c r="AB23" s="279">
        <v>0</v>
      </c>
      <c r="AC23" s="280">
        <v>97</v>
      </c>
      <c r="AD23" s="280">
        <v>137</v>
      </c>
      <c r="AE23" s="280">
        <v>34</v>
      </c>
      <c r="AF23" s="280">
        <v>80</v>
      </c>
      <c r="AG23" s="280">
        <v>58</v>
      </c>
      <c r="AH23" s="277">
        <v>406</v>
      </c>
      <c r="AI23" s="282">
        <v>428</v>
      </c>
      <c r="AJ23" s="276">
        <v>8</v>
      </c>
      <c r="AK23" s="280">
        <v>0</v>
      </c>
      <c r="AL23" s="277">
        <v>8</v>
      </c>
      <c r="AM23" s="279">
        <v>0</v>
      </c>
      <c r="AN23" s="280">
        <v>0</v>
      </c>
      <c r="AO23" s="280">
        <v>11</v>
      </c>
      <c r="AP23" s="280">
        <v>2</v>
      </c>
      <c r="AQ23" s="280">
        <v>24</v>
      </c>
      <c r="AR23" s="280">
        <v>9</v>
      </c>
      <c r="AS23" s="277">
        <v>46</v>
      </c>
      <c r="AT23" s="282">
        <v>54</v>
      </c>
      <c r="AU23" s="276">
        <v>0</v>
      </c>
      <c r="AV23" s="280">
        <v>0</v>
      </c>
      <c r="AW23" s="277">
        <v>0</v>
      </c>
      <c r="AX23" s="279">
        <v>0</v>
      </c>
      <c r="AY23" s="280">
        <v>136</v>
      </c>
      <c r="AZ23" s="280">
        <v>98</v>
      </c>
      <c r="BA23" s="280">
        <v>46</v>
      </c>
      <c r="BB23" s="280">
        <v>40</v>
      </c>
      <c r="BC23" s="280">
        <v>13</v>
      </c>
      <c r="BD23" s="281">
        <v>333</v>
      </c>
      <c r="BE23" s="282">
        <v>333</v>
      </c>
      <c r="BF23" s="276">
        <v>0</v>
      </c>
      <c r="BG23" s="280">
        <v>0</v>
      </c>
      <c r="BH23" s="277">
        <v>0</v>
      </c>
      <c r="BI23" s="279">
        <v>0</v>
      </c>
      <c r="BJ23" s="280">
        <v>4</v>
      </c>
      <c r="BK23" s="280">
        <v>14</v>
      </c>
      <c r="BL23" s="280">
        <v>0</v>
      </c>
      <c r="BM23" s="280">
        <v>0</v>
      </c>
      <c r="BN23" s="280">
        <v>17</v>
      </c>
      <c r="BO23" s="277">
        <v>35</v>
      </c>
      <c r="BP23" s="282">
        <v>35</v>
      </c>
      <c r="BQ23" s="276">
        <v>6</v>
      </c>
      <c r="BR23" s="280">
        <v>0</v>
      </c>
      <c r="BS23" s="277">
        <v>6</v>
      </c>
      <c r="BT23" s="279">
        <v>0</v>
      </c>
      <c r="BU23" s="280">
        <v>7</v>
      </c>
      <c r="BV23" s="280">
        <v>28</v>
      </c>
      <c r="BW23" s="280">
        <v>75</v>
      </c>
      <c r="BX23" s="280">
        <v>8</v>
      </c>
      <c r="BY23" s="280">
        <v>14</v>
      </c>
      <c r="BZ23" s="277">
        <v>132</v>
      </c>
      <c r="CA23" s="282">
        <v>138</v>
      </c>
      <c r="CB23" s="276">
        <v>0</v>
      </c>
      <c r="CC23" s="280">
        <v>0</v>
      </c>
      <c r="CD23" s="277">
        <v>0</v>
      </c>
      <c r="CE23" s="279">
        <v>0</v>
      </c>
      <c r="CF23" s="280">
        <v>0</v>
      </c>
      <c r="CG23" s="280">
        <v>31</v>
      </c>
      <c r="CH23" s="280">
        <v>0</v>
      </c>
      <c r="CI23" s="280">
        <v>3</v>
      </c>
      <c r="CJ23" s="280">
        <v>0</v>
      </c>
      <c r="CK23" s="277">
        <v>34</v>
      </c>
      <c r="CL23" s="282">
        <v>34</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77">
        <v>0</v>
      </c>
      <c r="E24" s="278">
        <v>0</v>
      </c>
      <c r="F24" s="279">
        <v>0</v>
      </c>
      <c r="G24" s="280">
        <v>52</v>
      </c>
      <c r="H24" s="280">
        <v>10</v>
      </c>
      <c r="I24" s="280">
        <v>14</v>
      </c>
      <c r="J24" s="280">
        <v>0</v>
      </c>
      <c r="K24" s="280">
        <v>175</v>
      </c>
      <c r="L24" s="281">
        <v>251</v>
      </c>
      <c r="M24" s="282">
        <v>251</v>
      </c>
      <c r="N24" s="276">
        <v>0</v>
      </c>
      <c r="O24" s="280">
        <v>0</v>
      </c>
      <c r="P24" s="277">
        <v>0</v>
      </c>
      <c r="Q24" s="279">
        <v>0</v>
      </c>
      <c r="R24" s="280">
        <v>0</v>
      </c>
      <c r="S24" s="280">
        <v>0</v>
      </c>
      <c r="T24" s="280">
        <v>0</v>
      </c>
      <c r="U24" s="280">
        <v>0</v>
      </c>
      <c r="V24" s="280">
        <v>39</v>
      </c>
      <c r="W24" s="277">
        <v>39</v>
      </c>
      <c r="X24" s="282">
        <v>39</v>
      </c>
      <c r="Y24" s="276">
        <v>2</v>
      </c>
      <c r="Z24" s="280">
        <v>5</v>
      </c>
      <c r="AA24" s="277">
        <v>7</v>
      </c>
      <c r="AB24" s="279">
        <v>0</v>
      </c>
      <c r="AC24" s="280">
        <v>9</v>
      </c>
      <c r="AD24" s="280">
        <v>25</v>
      </c>
      <c r="AE24" s="280">
        <v>4</v>
      </c>
      <c r="AF24" s="280">
        <v>22</v>
      </c>
      <c r="AG24" s="280">
        <v>99</v>
      </c>
      <c r="AH24" s="277">
        <v>159</v>
      </c>
      <c r="AI24" s="282">
        <v>166</v>
      </c>
      <c r="AJ24" s="276">
        <v>0</v>
      </c>
      <c r="AK24" s="280">
        <v>0</v>
      </c>
      <c r="AL24" s="277">
        <v>0</v>
      </c>
      <c r="AM24" s="279">
        <v>0</v>
      </c>
      <c r="AN24" s="280">
        <v>39</v>
      </c>
      <c r="AO24" s="280">
        <v>27</v>
      </c>
      <c r="AP24" s="280">
        <v>0</v>
      </c>
      <c r="AQ24" s="280">
        <v>35</v>
      </c>
      <c r="AR24" s="280">
        <v>0</v>
      </c>
      <c r="AS24" s="277">
        <v>101</v>
      </c>
      <c r="AT24" s="282">
        <v>101</v>
      </c>
      <c r="AU24" s="276">
        <v>0</v>
      </c>
      <c r="AV24" s="280">
        <v>0</v>
      </c>
      <c r="AW24" s="277">
        <v>0</v>
      </c>
      <c r="AX24" s="279">
        <v>0</v>
      </c>
      <c r="AY24" s="280">
        <v>95</v>
      </c>
      <c r="AZ24" s="280">
        <v>19</v>
      </c>
      <c r="BA24" s="280">
        <v>12</v>
      </c>
      <c r="BB24" s="280">
        <v>32</v>
      </c>
      <c r="BC24" s="280">
        <v>22</v>
      </c>
      <c r="BD24" s="281">
        <v>180</v>
      </c>
      <c r="BE24" s="282">
        <v>180</v>
      </c>
      <c r="BF24" s="276">
        <v>0</v>
      </c>
      <c r="BG24" s="280">
        <v>0</v>
      </c>
      <c r="BH24" s="277">
        <v>0</v>
      </c>
      <c r="BI24" s="279">
        <v>0</v>
      </c>
      <c r="BJ24" s="280">
        <v>0</v>
      </c>
      <c r="BK24" s="280">
        <v>1</v>
      </c>
      <c r="BL24" s="280">
        <v>2</v>
      </c>
      <c r="BM24" s="280">
        <v>1</v>
      </c>
      <c r="BN24" s="280">
        <v>0</v>
      </c>
      <c r="BO24" s="277">
        <v>4</v>
      </c>
      <c r="BP24" s="282">
        <v>4</v>
      </c>
      <c r="BQ24" s="276">
        <v>0</v>
      </c>
      <c r="BR24" s="280">
        <v>0</v>
      </c>
      <c r="BS24" s="277">
        <v>0</v>
      </c>
      <c r="BT24" s="279">
        <v>0</v>
      </c>
      <c r="BU24" s="280">
        <v>13</v>
      </c>
      <c r="BV24" s="280">
        <v>4</v>
      </c>
      <c r="BW24" s="280">
        <v>23</v>
      </c>
      <c r="BX24" s="280">
        <v>6</v>
      </c>
      <c r="BY24" s="280">
        <v>7</v>
      </c>
      <c r="BZ24" s="277">
        <v>53</v>
      </c>
      <c r="CA24" s="282">
        <v>53</v>
      </c>
      <c r="CB24" s="276">
        <v>0</v>
      </c>
      <c r="CC24" s="280">
        <v>0</v>
      </c>
      <c r="CD24" s="277">
        <v>0</v>
      </c>
      <c r="CE24" s="279">
        <v>0</v>
      </c>
      <c r="CF24" s="280">
        <v>0</v>
      </c>
      <c r="CG24" s="280">
        <v>0</v>
      </c>
      <c r="CH24" s="280">
        <v>0</v>
      </c>
      <c r="CI24" s="280">
        <v>0</v>
      </c>
      <c r="CJ24" s="280">
        <v>0</v>
      </c>
      <c r="CK24" s="277">
        <v>0</v>
      </c>
      <c r="CL24" s="282">
        <v>0</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77">
        <v>0</v>
      </c>
      <c r="E25" s="278">
        <v>0</v>
      </c>
      <c r="F25" s="279">
        <v>0</v>
      </c>
      <c r="G25" s="280">
        <v>4</v>
      </c>
      <c r="H25" s="280">
        <v>126</v>
      </c>
      <c r="I25" s="280">
        <v>173</v>
      </c>
      <c r="J25" s="280">
        <v>19</v>
      </c>
      <c r="K25" s="280">
        <v>0</v>
      </c>
      <c r="L25" s="281">
        <v>322</v>
      </c>
      <c r="M25" s="282">
        <v>322</v>
      </c>
      <c r="N25" s="276">
        <v>0</v>
      </c>
      <c r="O25" s="280">
        <v>0</v>
      </c>
      <c r="P25" s="277">
        <v>0</v>
      </c>
      <c r="Q25" s="279">
        <v>0</v>
      </c>
      <c r="R25" s="280">
        <v>4</v>
      </c>
      <c r="S25" s="280">
        <v>0</v>
      </c>
      <c r="T25" s="280">
        <v>9</v>
      </c>
      <c r="U25" s="280">
        <v>3</v>
      </c>
      <c r="V25" s="280">
        <v>0</v>
      </c>
      <c r="W25" s="277">
        <v>16</v>
      </c>
      <c r="X25" s="282">
        <v>16</v>
      </c>
      <c r="Y25" s="276">
        <v>21</v>
      </c>
      <c r="Z25" s="280">
        <v>10</v>
      </c>
      <c r="AA25" s="277">
        <v>31</v>
      </c>
      <c r="AB25" s="279">
        <v>0</v>
      </c>
      <c r="AC25" s="280">
        <v>60</v>
      </c>
      <c r="AD25" s="280">
        <v>50</v>
      </c>
      <c r="AE25" s="280">
        <v>83</v>
      </c>
      <c r="AF25" s="280">
        <v>28</v>
      </c>
      <c r="AG25" s="280">
        <v>0</v>
      </c>
      <c r="AH25" s="277">
        <v>221</v>
      </c>
      <c r="AI25" s="282">
        <v>252</v>
      </c>
      <c r="AJ25" s="276">
        <v>0</v>
      </c>
      <c r="AK25" s="280">
        <v>15</v>
      </c>
      <c r="AL25" s="277">
        <v>15</v>
      </c>
      <c r="AM25" s="279">
        <v>0</v>
      </c>
      <c r="AN25" s="280">
        <v>0</v>
      </c>
      <c r="AO25" s="280">
        <v>81</v>
      </c>
      <c r="AP25" s="280">
        <v>8</v>
      </c>
      <c r="AQ25" s="280">
        <v>0</v>
      </c>
      <c r="AR25" s="280">
        <v>0</v>
      </c>
      <c r="AS25" s="277">
        <v>89</v>
      </c>
      <c r="AT25" s="282">
        <v>104</v>
      </c>
      <c r="AU25" s="276">
        <v>0</v>
      </c>
      <c r="AV25" s="280">
        <v>0</v>
      </c>
      <c r="AW25" s="277">
        <v>0</v>
      </c>
      <c r="AX25" s="279">
        <v>0</v>
      </c>
      <c r="AY25" s="280">
        <v>67</v>
      </c>
      <c r="AZ25" s="280">
        <v>150</v>
      </c>
      <c r="BA25" s="280">
        <v>25</v>
      </c>
      <c r="BB25" s="280">
        <v>63</v>
      </c>
      <c r="BC25" s="280">
        <v>0</v>
      </c>
      <c r="BD25" s="281">
        <v>305</v>
      </c>
      <c r="BE25" s="282">
        <v>305</v>
      </c>
      <c r="BF25" s="276">
        <v>0</v>
      </c>
      <c r="BG25" s="280">
        <v>0</v>
      </c>
      <c r="BH25" s="277">
        <v>0</v>
      </c>
      <c r="BI25" s="279">
        <v>0</v>
      </c>
      <c r="BJ25" s="280">
        <v>16</v>
      </c>
      <c r="BK25" s="280">
        <v>16</v>
      </c>
      <c r="BL25" s="280">
        <v>61</v>
      </c>
      <c r="BM25" s="280">
        <v>27</v>
      </c>
      <c r="BN25" s="280">
        <v>0</v>
      </c>
      <c r="BO25" s="277">
        <v>120</v>
      </c>
      <c r="BP25" s="282">
        <v>120</v>
      </c>
      <c r="BQ25" s="276">
        <v>0</v>
      </c>
      <c r="BR25" s="280">
        <v>0</v>
      </c>
      <c r="BS25" s="277">
        <v>0</v>
      </c>
      <c r="BT25" s="279">
        <v>0</v>
      </c>
      <c r="BU25" s="280">
        <v>12</v>
      </c>
      <c r="BV25" s="280">
        <v>13</v>
      </c>
      <c r="BW25" s="280">
        <v>44</v>
      </c>
      <c r="BX25" s="280">
        <v>19</v>
      </c>
      <c r="BY25" s="280">
        <v>15</v>
      </c>
      <c r="BZ25" s="277">
        <v>103</v>
      </c>
      <c r="CA25" s="282">
        <v>103</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77">
        <v>0</v>
      </c>
      <c r="E26" s="278">
        <v>0</v>
      </c>
      <c r="F26" s="279">
        <v>0</v>
      </c>
      <c r="G26" s="280">
        <v>75</v>
      </c>
      <c r="H26" s="280">
        <v>41</v>
      </c>
      <c r="I26" s="280">
        <v>58</v>
      </c>
      <c r="J26" s="280">
        <v>223</v>
      </c>
      <c r="K26" s="280">
        <v>291</v>
      </c>
      <c r="L26" s="281">
        <v>688</v>
      </c>
      <c r="M26" s="282">
        <v>688</v>
      </c>
      <c r="N26" s="276">
        <v>0</v>
      </c>
      <c r="O26" s="280">
        <v>0</v>
      </c>
      <c r="P26" s="277">
        <v>0</v>
      </c>
      <c r="Q26" s="279">
        <v>0</v>
      </c>
      <c r="R26" s="280">
        <v>0</v>
      </c>
      <c r="S26" s="280">
        <v>0</v>
      </c>
      <c r="T26" s="280">
        <v>0</v>
      </c>
      <c r="U26" s="280">
        <v>0</v>
      </c>
      <c r="V26" s="280">
        <v>14</v>
      </c>
      <c r="W26" s="277">
        <v>14</v>
      </c>
      <c r="X26" s="282">
        <v>14</v>
      </c>
      <c r="Y26" s="276">
        <v>3</v>
      </c>
      <c r="Z26" s="280">
        <v>5</v>
      </c>
      <c r="AA26" s="277">
        <v>8</v>
      </c>
      <c r="AB26" s="279">
        <v>0</v>
      </c>
      <c r="AC26" s="280">
        <v>39</v>
      </c>
      <c r="AD26" s="280">
        <v>7</v>
      </c>
      <c r="AE26" s="280">
        <v>83</v>
      </c>
      <c r="AF26" s="280">
        <v>34</v>
      </c>
      <c r="AG26" s="280">
        <v>39</v>
      </c>
      <c r="AH26" s="277">
        <v>202</v>
      </c>
      <c r="AI26" s="282">
        <v>210</v>
      </c>
      <c r="AJ26" s="276">
        <v>0</v>
      </c>
      <c r="AK26" s="280">
        <v>0</v>
      </c>
      <c r="AL26" s="277">
        <v>0</v>
      </c>
      <c r="AM26" s="279">
        <v>0</v>
      </c>
      <c r="AN26" s="280">
        <v>0</v>
      </c>
      <c r="AO26" s="280">
        <v>0</v>
      </c>
      <c r="AP26" s="280">
        <v>0</v>
      </c>
      <c r="AQ26" s="280">
        <v>0</v>
      </c>
      <c r="AR26" s="280">
        <v>12</v>
      </c>
      <c r="AS26" s="277">
        <v>12</v>
      </c>
      <c r="AT26" s="282">
        <v>12</v>
      </c>
      <c r="AU26" s="276">
        <v>0</v>
      </c>
      <c r="AV26" s="280">
        <v>0</v>
      </c>
      <c r="AW26" s="277">
        <v>0</v>
      </c>
      <c r="AX26" s="279">
        <v>0</v>
      </c>
      <c r="AY26" s="280">
        <v>33</v>
      </c>
      <c r="AZ26" s="280">
        <v>49</v>
      </c>
      <c r="BA26" s="280">
        <v>13</v>
      </c>
      <c r="BB26" s="280">
        <v>8</v>
      </c>
      <c r="BC26" s="280">
        <v>9</v>
      </c>
      <c r="BD26" s="281">
        <v>112</v>
      </c>
      <c r="BE26" s="282">
        <v>112</v>
      </c>
      <c r="BF26" s="276">
        <v>0</v>
      </c>
      <c r="BG26" s="280">
        <v>0</v>
      </c>
      <c r="BH26" s="277">
        <v>0</v>
      </c>
      <c r="BI26" s="279">
        <v>0</v>
      </c>
      <c r="BJ26" s="280">
        <v>33</v>
      </c>
      <c r="BK26" s="280">
        <v>38</v>
      </c>
      <c r="BL26" s="280">
        <v>0</v>
      </c>
      <c r="BM26" s="280">
        <v>9</v>
      </c>
      <c r="BN26" s="280">
        <v>14</v>
      </c>
      <c r="BO26" s="277">
        <v>94</v>
      </c>
      <c r="BP26" s="282">
        <v>94</v>
      </c>
      <c r="BQ26" s="276">
        <v>0</v>
      </c>
      <c r="BR26" s="280">
        <v>0</v>
      </c>
      <c r="BS26" s="277">
        <v>0</v>
      </c>
      <c r="BT26" s="279">
        <v>0</v>
      </c>
      <c r="BU26" s="280">
        <v>0</v>
      </c>
      <c r="BV26" s="280">
        <v>9</v>
      </c>
      <c r="BW26" s="280">
        <v>8</v>
      </c>
      <c r="BX26" s="280">
        <v>0</v>
      </c>
      <c r="BY26" s="280">
        <v>6</v>
      </c>
      <c r="BZ26" s="277">
        <v>23</v>
      </c>
      <c r="CA26" s="282">
        <v>23</v>
      </c>
      <c r="CB26" s="276">
        <v>0</v>
      </c>
      <c r="CC26" s="280">
        <v>0</v>
      </c>
      <c r="CD26" s="277">
        <v>0</v>
      </c>
      <c r="CE26" s="279">
        <v>0</v>
      </c>
      <c r="CF26" s="280">
        <v>0</v>
      </c>
      <c r="CG26" s="280">
        <v>0</v>
      </c>
      <c r="CH26" s="280">
        <v>0</v>
      </c>
      <c r="CI26" s="280">
        <v>0</v>
      </c>
      <c r="CJ26" s="280">
        <v>41</v>
      </c>
      <c r="CK26" s="277">
        <v>41</v>
      </c>
      <c r="CL26" s="282">
        <v>41</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77">
        <v>0</v>
      </c>
      <c r="E27" s="278">
        <v>0</v>
      </c>
      <c r="F27" s="279">
        <v>0</v>
      </c>
      <c r="G27" s="280">
        <v>47</v>
      </c>
      <c r="H27" s="280">
        <v>34</v>
      </c>
      <c r="I27" s="280">
        <v>13</v>
      </c>
      <c r="J27" s="280">
        <v>0</v>
      </c>
      <c r="K27" s="280">
        <v>14</v>
      </c>
      <c r="L27" s="281">
        <v>108</v>
      </c>
      <c r="M27" s="282">
        <v>108</v>
      </c>
      <c r="N27" s="276">
        <v>0</v>
      </c>
      <c r="O27" s="280">
        <v>0</v>
      </c>
      <c r="P27" s="277">
        <v>0</v>
      </c>
      <c r="Q27" s="279">
        <v>0</v>
      </c>
      <c r="R27" s="280">
        <v>0</v>
      </c>
      <c r="S27" s="280">
        <v>0</v>
      </c>
      <c r="T27" s="280">
        <v>0</v>
      </c>
      <c r="U27" s="280">
        <v>0</v>
      </c>
      <c r="V27" s="280">
        <v>36</v>
      </c>
      <c r="W27" s="277">
        <v>36</v>
      </c>
      <c r="X27" s="282">
        <v>36</v>
      </c>
      <c r="Y27" s="276">
        <v>4</v>
      </c>
      <c r="Z27" s="280">
        <v>23</v>
      </c>
      <c r="AA27" s="277">
        <v>27</v>
      </c>
      <c r="AB27" s="279">
        <v>0</v>
      </c>
      <c r="AC27" s="280">
        <v>29</v>
      </c>
      <c r="AD27" s="280">
        <v>18</v>
      </c>
      <c r="AE27" s="280">
        <v>9</v>
      </c>
      <c r="AF27" s="280">
        <v>6</v>
      </c>
      <c r="AG27" s="280">
        <v>37</v>
      </c>
      <c r="AH27" s="277">
        <v>99</v>
      </c>
      <c r="AI27" s="282">
        <v>126</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64</v>
      </c>
      <c r="AZ27" s="280">
        <v>54</v>
      </c>
      <c r="BA27" s="280">
        <v>17</v>
      </c>
      <c r="BB27" s="280">
        <v>12</v>
      </c>
      <c r="BC27" s="280">
        <v>0</v>
      </c>
      <c r="BD27" s="281">
        <v>147</v>
      </c>
      <c r="BE27" s="282">
        <v>147</v>
      </c>
      <c r="BF27" s="276">
        <v>0</v>
      </c>
      <c r="BG27" s="280">
        <v>0</v>
      </c>
      <c r="BH27" s="277">
        <v>0</v>
      </c>
      <c r="BI27" s="279">
        <v>0</v>
      </c>
      <c r="BJ27" s="280">
        <v>17</v>
      </c>
      <c r="BK27" s="280">
        <v>45</v>
      </c>
      <c r="BL27" s="280">
        <v>9</v>
      </c>
      <c r="BM27" s="280">
        <v>0</v>
      </c>
      <c r="BN27" s="280">
        <v>6</v>
      </c>
      <c r="BO27" s="277">
        <v>77</v>
      </c>
      <c r="BP27" s="282">
        <v>77</v>
      </c>
      <c r="BQ27" s="276">
        <v>0</v>
      </c>
      <c r="BR27" s="280">
        <v>3</v>
      </c>
      <c r="BS27" s="277">
        <v>3</v>
      </c>
      <c r="BT27" s="279">
        <v>0</v>
      </c>
      <c r="BU27" s="280">
        <v>15</v>
      </c>
      <c r="BV27" s="280">
        <v>4</v>
      </c>
      <c r="BW27" s="280">
        <v>15</v>
      </c>
      <c r="BX27" s="280">
        <v>14</v>
      </c>
      <c r="BY27" s="280">
        <v>0</v>
      </c>
      <c r="BZ27" s="277">
        <v>48</v>
      </c>
      <c r="CA27" s="282">
        <v>51</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77">
        <v>0</v>
      </c>
      <c r="E28" s="278">
        <v>0</v>
      </c>
      <c r="F28" s="279">
        <v>0</v>
      </c>
      <c r="G28" s="280">
        <v>15</v>
      </c>
      <c r="H28" s="280">
        <v>9</v>
      </c>
      <c r="I28" s="280">
        <v>88</v>
      </c>
      <c r="J28" s="280">
        <v>233</v>
      </c>
      <c r="K28" s="280">
        <v>92</v>
      </c>
      <c r="L28" s="281">
        <v>437</v>
      </c>
      <c r="M28" s="282">
        <v>437</v>
      </c>
      <c r="N28" s="276">
        <v>0</v>
      </c>
      <c r="O28" s="280">
        <v>0</v>
      </c>
      <c r="P28" s="277">
        <v>0</v>
      </c>
      <c r="Q28" s="279">
        <v>0</v>
      </c>
      <c r="R28" s="280">
        <v>0</v>
      </c>
      <c r="S28" s="280">
        <v>0</v>
      </c>
      <c r="T28" s="280">
        <v>8</v>
      </c>
      <c r="U28" s="280">
        <v>0</v>
      </c>
      <c r="V28" s="280">
        <v>4</v>
      </c>
      <c r="W28" s="277">
        <v>12</v>
      </c>
      <c r="X28" s="282">
        <v>12</v>
      </c>
      <c r="Y28" s="276">
        <v>0</v>
      </c>
      <c r="Z28" s="280">
        <v>20</v>
      </c>
      <c r="AA28" s="277">
        <v>20</v>
      </c>
      <c r="AB28" s="279">
        <v>0</v>
      </c>
      <c r="AC28" s="280">
        <v>24</v>
      </c>
      <c r="AD28" s="280">
        <v>50</v>
      </c>
      <c r="AE28" s="280">
        <v>23</v>
      </c>
      <c r="AF28" s="280">
        <v>29</v>
      </c>
      <c r="AG28" s="280">
        <v>32</v>
      </c>
      <c r="AH28" s="277">
        <v>158</v>
      </c>
      <c r="AI28" s="282">
        <v>178</v>
      </c>
      <c r="AJ28" s="276">
        <v>0</v>
      </c>
      <c r="AK28" s="280">
        <v>0</v>
      </c>
      <c r="AL28" s="277">
        <v>0</v>
      </c>
      <c r="AM28" s="279">
        <v>0</v>
      </c>
      <c r="AN28" s="280">
        <v>0</v>
      </c>
      <c r="AO28" s="280">
        <v>0</v>
      </c>
      <c r="AP28" s="280">
        <v>21</v>
      </c>
      <c r="AQ28" s="280">
        <v>0</v>
      </c>
      <c r="AR28" s="280">
        <v>0</v>
      </c>
      <c r="AS28" s="277">
        <v>21</v>
      </c>
      <c r="AT28" s="282">
        <v>21</v>
      </c>
      <c r="AU28" s="276">
        <v>0</v>
      </c>
      <c r="AV28" s="280">
        <v>0</v>
      </c>
      <c r="AW28" s="277">
        <v>0</v>
      </c>
      <c r="AX28" s="279">
        <v>0</v>
      </c>
      <c r="AY28" s="280">
        <v>54</v>
      </c>
      <c r="AZ28" s="280">
        <v>17</v>
      </c>
      <c r="BA28" s="280">
        <v>13</v>
      </c>
      <c r="BB28" s="280">
        <v>3</v>
      </c>
      <c r="BC28" s="280">
        <v>0</v>
      </c>
      <c r="BD28" s="281">
        <v>87</v>
      </c>
      <c r="BE28" s="282">
        <v>87</v>
      </c>
      <c r="BF28" s="276">
        <v>0</v>
      </c>
      <c r="BG28" s="280">
        <v>0</v>
      </c>
      <c r="BH28" s="277">
        <v>0</v>
      </c>
      <c r="BI28" s="279">
        <v>0</v>
      </c>
      <c r="BJ28" s="280">
        <v>0</v>
      </c>
      <c r="BK28" s="280">
        <v>35</v>
      </c>
      <c r="BL28" s="280">
        <v>12</v>
      </c>
      <c r="BM28" s="280">
        <v>0</v>
      </c>
      <c r="BN28" s="280">
        <v>0</v>
      </c>
      <c r="BO28" s="277">
        <v>47</v>
      </c>
      <c r="BP28" s="282">
        <v>47</v>
      </c>
      <c r="BQ28" s="276">
        <v>0</v>
      </c>
      <c r="BR28" s="280">
        <v>9</v>
      </c>
      <c r="BS28" s="277">
        <v>9</v>
      </c>
      <c r="BT28" s="279">
        <v>0</v>
      </c>
      <c r="BU28" s="280">
        <v>0</v>
      </c>
      <c r="BV28" s="280">
        <v>0</v>
      </c>
      <c r="BW28" s="280">
        <v>17</v>
      </c>
      <c r="BX28" s="280">
        <v>0</v>
      </c>
      <c r="BY28" s="280">
        <v>0</v>
      </c>
      <c r="BZ28" s="277">
        <v>17</v>
      </c>
      <c r="CA28" s="282">
        <v>26</v>
      </c>
      <c r="CB28" s="276">
        <v>0</v>
      </c>
      <c r="CC28" s="280">
        <v>0</v>
      </c>
      <c r="CD28" s="277">
        <v>0</v>
      </c>
      <c r="CE28" s="279">
        <v>0</v>
      </c>
      <c r="CF28" s="280">
        <v>0</v>
      </c>
      <c r="CG28" s="280">
        <v>2</v>
      </c>
      <c r="CH28" s="280">
        <v>0</v>
      </c>
      <c r="CI28" s="280">
        <v>0</v>
      </c>
      <c r="CJ28" s="280">
        <v>0</v>
      </c>
      <c r="CK28" s="277">
        <v>2</v>
      </c>
      <c r="CL28" s="282">
        <v>2</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77">
        <v>0</v>
      </c>
      <c r="E29" s="278">
        <v>0</v>
      </c>
      <c r="F29" s="279">
        <v>0</v>
      </c>
      <c r="G29" s="280">
        <v>15</v>
      </c>
      <c r="H29" s="280">
        <v>88</v>
      </c>
      <c r="I29" s="280">
        <v>21</v>
      </c>
      <c r="J29" s="280">
        <v>0</v>
      </c>
      <c r="K29" s="280">
        <v>86</v>
      </c>
      <c r="L29" s="281">
        <v>210</v>
      </c>
      <c r="M29" s="282">
        <v>210</v>
      </c>
      <c r="N29" s="276">
        <v>0</v>
      </c>
      <c r="O29" s="280">
        <v>0</v>
      </c>
      <c r="P29" s="277">
        <v>0</v>
      </c>
      <c r="Q29" s="279">
        <v>0</v>
      </c>
      <c r="R29" s="280">
        <v>0</v>
      </c>
      <c r="S29" s="280">
        <v>0</v>
      </c>
      <c r="T29" s="280">
        <v>0</v>
      </c>
      <c r="U29" s="280">
        <v>13</v>
      </c>
      <c r="V29" s="280">
        <v>0</v>
      </c>
      <c r="W29" s="277">
        <v>13</v>
      </c>
      <c r="X29" s="282">
        <v>13</v>
      </c>
      <c r="Y29" s="276">
        <v>39</v>
      </c>
      <c r="Z29" s="280">
        <v>17</v>
      </c>
      <c r="AA29" s="277">
        <v>56</v>
      </c>
      <c r="AB29" s="279">
        <v>0</v>
      </c>
      <c r="AC29" s="280">
        <v>9</v>
      </c>
      <c r="AD29" s="280">
        <v>46</v>
      </c>
      <c r="AE29" s="280">
        <v>16</v>
      </c>
      <c r="AF29" s="280">
        <v>21</v>
      </c>
      <c r="AG29" s="280">
        <v>4</v>
      </c>
      <c r="AH29" s="277">
        <v>96</v>
      </c>
      <c r="AI29" s="282">
        <v>152</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0</v>
      </c>
      <c r="AZ29" s="280">
        <v>13</v>
      </c>
      <c r="BA29" s="280">
        <v>28</v>
      </c>
      <c r="BB29" s="280">
        <v>9</v>
      </c>
      <c r="BC29" s="280">
        <v>0</v>
      </c>
      <c r="BD29" s="281">
        <v>50</v>
      </c>
      <c r="BE29" s="282">
        <v>50</v>
      </c>
      <c r="BF29" s="276">
        <v>0</v>
      </c>
      <c r="BG29" s="280">
        <v>0</v>
      </c>
      <c r="BH29" s="277">
        <v>0</v>
      </c>
      <c r="BI29" s="279">
        <v>0</v>
      </c>
      <c r="BJ29" s="280">
        <v>4</v>
      </c>
      <c r="BK29" s="280">
        <v>1</v>
      </c>
      <c r="BL29" s="280">
        <v>16</v>
      </c>
      <c r="BM29" s="280">
        <v>0</v>
      </c>
      <c r="BN29" s="280">
        <v>0</v>
      </c>
      <c r="BO29" s="277">
        <v>21</v>
      </c>
      <c r="BP29" s="282">
        <v>21</v>
      </c>
      <c r="BQ29" s="276">
        <v>0</v>
      </c>
      <c r="BR29" s="280">
        <v>0</v>
      </c>
      <c r="BS29" s="277">
        <v>0</v>
      </c>
      <c r="BT29" s="279">
        <v>0</v>
      </c>
      <c r="BU29" s="280">
        <v>0</v>
      </c>
      <c r="BV29" s="280">
        <v>0</v>
      </c>
      <c r="BW29" s="280">
        <v>15</v>
      </c>
      <c r="BX29" s="280">
        <v>9</v>
      </c>
      <c r="BY29" s="280">
        <v>0</v>
      </c>
      <c r="BZ29" s="277">
        <v>24</v>
      </c>
      <c r="CA29" s="282">
        <v>24</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77">
        <v>0</v>
      </c>
      <c r="E30" s="278">
        <v>0</v>
      </c>
      <c r="F30" s="279">
        <v>0</v>
      </c>
      <c r="G30" s="280">
        <v>7</v>
      </c>
      <c r="H30" s="280">
        <v>13</v>
      </c>
      <c r="I30" s="280">
        <v>0</v>
      </c>
      <c r="J30" s="280">
        <v>0</v>
      </c>
      <c r="K30" s="280">
        <v>26</v>
      </c>
      <c r="L30" s="281">
        <v>46</v>
      </c>
      <c r="M30" s="282">
        <v>46</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v>
      </c>
      <c r="AD30" s="280">
        <v>18</v>
      </c>
      <c r="AE30" s="280">
        <v>2</v>
      </c>
      <c r="AF30" s="280">
        <v>0</v>
      </c>
      <c r="AG30" s="280">
        <v>0</v>
      </c>
      <c r="AH30" s="277">
        <v>22</v>
      </c>
      <c r="AI30" s="282">
        <v>22</v>
      </c>
      <c r="AJ30" s="276">
        <v>0</v>
      </c>
      <c r="AK30" s="280">
        <v>0</v>
      </c>
      <c r="AL30" s="277">
        <v>0</v>
      </c>
      <c r="AM30" s="279">
        <v>0</v>
      </c>
      <c r="AN30" s="280">
        <v>27</v>
      </c>
      <c r="AO30" s="280">
        <v>0</v>
      </c>
      <c r="AP30" s="280">
        <v>0</v>
      </c>
      <c r="AQ30" s="280">
        <v>0</v>
      </c>
      <c r="AR30" s="280">
        <v>0</v>
      </c>
      <c r="AS30" s="277">
        <v>27</v>
      </c>
      <c r="AT30" s="282">
        <v>27</v>
      </c>
      <c r="AU30" s="276">
        <v>0</v>
      </c>
      <c r="AV30" s="280">
        <v>0</v>
      </c>
      <c r="AW30" s="277">
        <v>0</v>
      </c>
      <c r="AX30" s="279">
        <v>0</v>
      </c>
      <c r="AY30" s="280">
        <v>12</v>
      </c>
      <c r="AZ30" s="280">
        <v>8</v>
      </c>
      <c r="BA30" s="280">
        <v>0</v>
      </c>
      <c r="BB30" s="280">
        <v>10</v>
      </c>
      <c r="BC30" s="280">
        <v>0</v>
      </c>
      <c r="BD30" s="281">
        <v>30</v>
      </c>
      <c r="BE30" s="282">
        <v>30</v>
      </c>
      <c r="BF30" s="276">
        <v>0</v>
      </c>
      <c r="BG30" s="280">
        <v>0</v>
      </c>
      <c r="BH30" s="277">
        <v>0</v>
      </c>
      <c r="BI30" s="279">
        <v>0</v>
      </c>
      <c r="BJ30" s="280">
        <v>13</v>
      </c>
      <c r="BK30" s="280">
        <v>4</v>
      </c>
      <c r="BL30" s="280">
        <v>7</v>
      </c>
      <c r="BM30" s="280">
        <v>0</v>
      </c>
      <c r="BN30" s="280">
        <v>8</v>
      </c>
      <c r="BO30" s="277">
        <v>32</v>
      </c>
      <c r="BP30" s="282">
        <v>32</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77">
        <v>0</v>
      </c>
      <c r="E31" s="278">
        <v>0</v>
      </c>
      <c r="F31" s="279">
        <v>0</v>
      </c>
      <c r="G31" s="280">
        <v>9</v>
      </c>
      <c r="H31" s="280">
        <v>13</v>
      </c>
      <c r="I31" s="280">
        <v>22</v>
      </c>
      <c r="J31" s="280">
        <v>109</v>
      </c>
      <c r="K31" s="280">
        <v>0</v>
      </c>
      <c r="L31" s="281">
        <v>153</v>
      </c>
      <c r="M31" s="282">
        <v>153</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8</v>
      </c>
      <c r="AE31" s="280">
        <v>35</v>
      </c>
      <c r="AF31" s="280">
        <v>0</v>
      </c>
      <c r="AG31" s="280">
        <v>0</v>
      </c>
      <c r="AH31" s="277">
        <v>53</v>
      </c>
      <c r="AI31" s="282">
        <v>53</v>
      </c>
      <c r="AJ31" s="276">
        <v>0</v>
      </c>
      <c r="AK31" s="280">
        <v>0</v>
      </c>
      <c r="AL31" s="277">
        <v>0</v>
      </c>
      <c r="AM31" s="279">
        <v>0</v>
      </c>
      <c r="AN31" s="280">
        <v>0</v>
      </c>
      <c r="AO31" s="280">
        <v>12</v>
      </c>
      <c r="AP31" s="280">
        <v>48</v>
      </c>
      <c r="AQ31" s="280">
        <v>33</v>
      </c>
      <c r="AR31" s="280">
        <v>0</v>
      </c>
      <c r="AS31" s="277">
        <v>93</v>
      </c>
      <c r="AT31" s="282">
        <v>93</v>
      </c>
      <c r="AU31" s="276">
        <v>0</v>
      </c>
      <c r="AV31" s="280">
        <v>0</v>
      </c>
      <c r="AW31" s="277">
        <v>0</v>
      </c>
      <c r="AX31" s="279">
        <v>0</v>
      </c>
      <c r="AY31" s="280">
        <v>13</v>
      </c>
      <c r="AZ31" s="280">
        <v>0</v>
      </c>
      <c r="BA31" s="280">
        <v>4</v>
      </c>
      <c r="BB31" s="280">
        <v>0</v>
      </c>
      <c r="BC31" s="280">
        <v>0</v>
      </c>
      <c r="BD31" s="281">
        <v>17</v>
      </c>
      <c r="BE31" s="282">
        <v>17</v>
      </c>
      <c r="BF31" s="276">
        <v>0</v>
      </c>
      <c r="BG31" s="280">
        <v>0</v>
      </c>
      <c r="BH31" s="277">
        <v>0</v>
      </c>
      <c r="BI31" s="279">
        <v>0</v>
      </c>
      <c r="BJ31" s="280">
        <v>9</v>
      </c>
      <c r="BK31" s="280">
        <v>7</v>
      </c>
      <c r="BL31" s="280">
        <v>2</v>
      </c>
      <c r="BM31" s="280">
        <v>8</v>
      </c>
      <c r="BN31" s="280">
        <v>0</v>
      </c>
      <c r="BO31" s="277">
        <v>26</v>
      </c>
      <c r="BP31" s="282">
        <v>26</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2</v>
      </c>
      <c r="CH31" s="280">
        <v>0</v>
      </c>
      <c r="CI31" s="280">
        <v>0</v>
      </c>
      <c r="CJ31" s="280">
        <v>0</v>
      </c>
      <c r="CK31" s="277">
        <v>2</v>
      </c>
      <c r="CL31" s="282">
        <v>2</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77">
        <v>0</v>
      </c>
      <c r="E32" s="278">
        <v>0</v>
      </c>
      <c r="F32" s="279">
        <v>0</v>
      </c>
      <c r="G32" s="280">
        <v>9</v>
      </c>
      <c r="H32" s="280">
        <v>0</v>
      </c>
      <c r="I32" s="280">
        <v>90</v>
      </c>
      <c r="J32" s="280">
        <v>0</v>
      </c>
      <c r="K32" s="280">
        <v>0</v>
      </c>
      <c r="L32" s="281">
        <v>99</v>
      </c>
      <c r="M32" s="282">
        <v>99</v>
      </c>
      <c r="N32" s="276">
        <v>0</v>
      </c>
      <c r="O32" s="280">
        <v>0</v>
      </c>
      <c r="P32" s="277">
        <v>0</v>
      </c>
      <c r="Q32" s="279">
        <v>0</v>
      </c>
      <c r="R32" s="280">
        <v>0</v>
      </c>
      <c r="S32" s="280">
        <v>0</v>
      </c>
      <c r="T32" s="280">
        <v>0</v>
      </c>
      <c r="U32" s="280">
        <v>4</v>
      </c>
      <c r="V32" s="280">
        <v>0</v>
      </c>
      <c r="W32" s="277">
        <v>4</v>
      </c>
      <c r="X32" s="282">
        <v>4</v>
      </c>
      <c r="Y32" s="276">
        <v>0</v>
      </c>
      <c r="Z32" s="280">
        <v>0</v>
      </c>
      <c r="AA32" s="277">
        <v>0</v>
      </c>
      <c r="AB32" s="279">
        <v>0</v>
      </c>
      <c r="AC32" s="280">
        <v>5</v>
      </c>
      <c r="AD32" s="280">
        <v>0</v>
      </c>
      <c r="AE32" s="280">
        <v>0</v>
      </c>
      <c r="AF32" s="280">
        <v>4</v>
      </c>
      <c r="AG32" s="280">
        <v>0</v>
      </c>
      <c r="AH32" s="277">
        <v>9</v>
      </c>
      <c r="AI32" s="282">
        <v>9</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6</v>
      </c>
      <c r="AZ32" s="280">
        <v>11</v>
      </c>
      <c r="BA32" s="280">
        <v>0</v>
      </c>
      <c r="BB32" s="280">
        <v>0</v>
      </c>
      <c r="BC32" s="280">
        <v>0</v>
      </c>
      <c r="BD32" s="281">
        <v>17</v>
      </c>
      <c r="BE32" s="282">
        <v>17</v>
      </c>
      <c r="BF32" s="276">
        <v>0</v>
      </c>
      <c r="BG32" s="280">
        <v>0</v>
      </c>
      <c r="BH32" s="277">
        <v>0</v>
      </c>
      <c r="BI32" s="279">
        <v>0</v>
      </c>
      <c r="BJ32" s="280">
        <v>0</v>
      </c>
      <c r="BK32" s="280">
        <v>15</v>
      </c>
      <c r="BL32" s="280">
        <v>0</v>
      </c>
      <c r="BM32" s="280">
        <v>0</v>
      </c>
      <c r="BN32" s="280">
        <v>0</v>
      </c>
      <c r="BO32" s="277">
        <v>15</v>
      </c>
      <c r="BP32" s="282">
        <v>15</v>
      </c>
      <c r="BQ32" s="276">
        <v>0</v>
      </c>
      <c r="BR32" s="280">
        <v>0</v>
      </c>
      <c r="BS32" s="277">
        <v>0</v>
      </c>
      <c r="BT32" s="279">
        <v>0</v>
      </c>
      <c r="BU32" s="280">
        <v>2</v>
      </c>
      <c r="BV32" s="280">
        <v>0</v>
      </c>
      <c r="BW32" s="280">
        <v>0</v>
      </c>
      <c r="BX32" s="280">
        <v>0</v>
      </c>
      <c r="BY32" s="280">
        <v>0</v>
      </c>
      <c r="BZ32" s="277">
        <v>2</v>
      </c>
      <c r="CA32" s="282">
        <v>2</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77">
        <v>0</v>
      </c>
      <c r="E33" s="278">
        <v>0</v>
      </c>
      <c r="F33" s="279">
        <v>0</v>
      </c>
      <c r="G33" s="280">
        <v>0</v>
      </c>
      <c r="H33" s="280">
        <v>0</v>
      </c>
      <c r="I33" s="280">
        <v>0</v>
      </c>
      <c r="J33" s="280">
        <v>0</v>
      </c>
      <c r="K33" s="280">
        <v>171</v>
      </c>
      <c r="L33" s="281">
        <v>171</v>
      </c>
      <c r="M33" s="282">
        <v>171</v>
      </c>
      <c r="N33" s="276">
        <v>0</v>
      </c>
      <c r="O33" s="280">
        <v>0</v>
      </c>
      <c r="P33" s="277">
        <v>0</v>
      </c>
      <c r="Q33" s="279">
        <v>0</v>
      </c>
      <c r="R33" s="280">
        <v>0</v>
      </c>
      <c r="S33" s="280">
        <v>0</v>
      </c>
      <c r="T33" s="280">
        <v>0</v>
      </c>
      <c r="U33" s="280">
        <v>0</v>
      </c>
      <c r="V33" s="280">
        <v>9</v>
      </c>
      <c r="W33" s="277">
        <v>9</v>
      </c>
      <c r="X33" s="282">
        <v>9</v>
      </c>
      <c r="Y33" s="276">
        <v>0</v>
      </c>
      <c r="Z33" s="280">
        <v>0</v>
      </c>
      <c r="AA33" s="277">
        <v>0</v>
      </c>
      <c r="AB33" s="279">
        <v>0</v>
      </c>
      <c r="AC33" s="280">
        <v>0</v>
      </c>
      <c r="AD33" s="280">
        <v>0</v>
      </c>
      <c r="AE33" s="280">
        <v>0</v>
      </c>
      <c r="AF33" s="280">
        <v>4</v>
      </c>
      <c r="AG33" s="280">
        <v>28</v>
      </c>
      <c r="AH33" s="277">
        <v>32</v>
      </c>
      <c r="AI33" s="282">
        <v>32</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9</v>
      </c>
      <c r="BA33" s="280">
        <v>30</v>
      </c>
      <c r="BB33" s="280">
        <v>9</v>
      </c>
      <c r="BC33" s="280">
        <v>0</v>
      </c>
      <c r="BD33" s="281">
        <v>48</v>
      </c>
      <c r="BE33" s="282">
        <v>48</v>
      </c>
      <c r="BF33" s="276">
        <v>0</v>
      </c>
      <c r="BG33" s="280">
        <v>0</v>
      </c>
      <c r="BH33" s="277">
        <v>0</v>
      </c>
      <c r="BI33" s="279">
        <v>0</v>
      </c>
      <c r="BJ33" s="280">
        <v>0</v>
      </c>
      <c r="BK33" s="280">
        <v>0</v>
      </c>
      <c r="BL33" s="280">
        <v>0</v>
      </c>
      <c r="BM33" s="280">
        <v>0</v>
      </c>
      <c r="BN33" s="280">
        <v>0</v>
      </c>
      <c r="BO33" s="277">
        <v>0</v>
      </c>
      <c r="BP33" s="282">
        <v>0</v>
      </c>
      <c r="BQ33" s="276">
        <v>0</v>
      </c>
      <c r="BR33" s="280">
        <v>0</v>
      </c>
      <c r="BS33" s="277">
        <v>0</v>
      </c>
      <c r="BT33" s="279">
        <v>0</v>
      </c>
      <c r="BU33" s="280">
        <v>0</v>
      </c>
      <c r="BV33" s="280">
        <v>0</v>
      </c>
      <c r="BW33" s="280">
        <v>0</v>
      </c>
      <c r="BX33" s="280">
        <v>5</v>
      </c>
      <c r="BY33" s="280">
        <v>0</v>
      </c>
      <c r="BZ33" s="277">
        <v>5</v>
      </c>
      <c r="CA33" s="282">
        <v>5</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77">
        <v>0</v>
      </c>
      <c r="E34" s="278">
        <v>0</v>
      </c>
      <c r="F34" s="279">
        <v>0</v>
      </c>
      <c r="G34" s="280">
        <v>0</v>
      </c>
      <c r="H34" s="280">
        <v>0</v>
      </c>
      <c r="I34" s="280">
        <v>0</v>
      </c>
      <c r="J34" s="280">
        <v>120</v>
      </c>
      <c r="K34" s="280">
        <v>0</v>
      </c>
      <c r="L34" s="281">
        <v>120</v>
      </c>
      <c r="M34" s="282">
        <v>12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0</v>
      </c>
      <c r="AE34" s="280">
        <v>0</v>
      </c>
      <c r="AF34" s="280">
        <v>0</v>
      </c>
      <c r="AG34" s="280">
        <v>0</v>
      </c>
      <c r="AH34" s="277">
        <v>10</v>
      </c>
      <c r="AI34" s="282">
        <v>10</v>
      </c>
      <c r="AJ34" s="276">
        <v>8</v>
      </c>
      <c r="AK34" s="280">
        <v>0</v>
      </c>
      <c r="AL34" s="277">
        <v>8</v>
      </c>
      <c r="AM34" s="279">
        <v>0</v>
      </c>
      <c r="AN34" s="280">
        <v>3</v>
      </c>
      <c r="AO34" s="280">
        <v>0</v>
      </c>
      <c r="AP34" s="280">
        <v>0</v>
      </c>
      <c r="AQ34" s="280">
        <v>6</v>
      </c>
      <c r="AR34" s="280">
        <v>0</v>
      </c>
      <c r="AS34" s="277">
        <v>9</v>
      </c>
      <c r="AT34" s="282">
        <v>17</v>
      </c>
      <c r="AU34" s="276">
        <v>0</v>
      </c>
      <c r="AV34" s="280">
        <v>0</v>
      </c>
      <c r="AW34" s="277">
        <v>0</v>
      </c>
      <c r="AX34" s="279">
        <v>0</v>
      </c>
      <c r="AY34" s="280">
        <v>36</v>
      </c>
      <c r="AZ34" s="280">
        <v>30</v>
      </c>
      <c r="BA34" s="280">
        <v>0</v>
      </c>
      <c r="BB34" s="280">
        <v>0</v>
      </c>
      <c r="BC34" s="280">
        <v>0</v>
      </c>
      <c r="BD34" s="281">
        <v>66</v>
      </c>
      <c r="BE34" s="282">
        <v>66</v>
      </c>
      <c r="BF34" s="276">
        <v>0</v>
      </c>
      <c r="BG34" s="280">
        <v>0</v>
      </c>
      <c r="BH34" s="277">
        <v>0</v>
      </c>
      <c r="BI34" s="279">
        <v>0</v>
      </c>
      <c r="BJ34" s="280">
        <v>0</v>
      </c>
      <c r="BK34" s="280">
        <v>0</v>
      </c>
      <c r="BL34" s="280">
        <v>4</v>
      </c>
      <c r="BM34" s="280">
        <v>9</v>
      </c>
      <c r="BN34" s="280">
        <v>0</v>
      </c>
      <c r="BO34" s="277">
        <v>13</v>
      </c>
      <c r="BP34" s="282">
        <v>13</v>
      </c>
      <c r="BQ34" s="276">
        <v>0</v>
      </c>
      <c r="BR34" s="280">
        <v>0</v>
      </c>
      <c r="BS34" s="277">
        <v>0</v>
      </c>
      <c r="BT34" s="279">
        <v>0</v>
      </c>
      <c r="BU34" s="280">
        <v>0</v>
      </c>
      <c r="BV34" s="280">
        <v>0</v>
      </c>
      <c r="BW34" s="280">
        <v>3</v>
      </c>
      <c r="BX34" s="280">
        <v>10</v>
      </c>
      <c r="BY34" s="280">
        <v>0</v>
      </c>
      <c r="BZ34" s="277">
        <v>13</v>
      </c>
      <c r="CA34" s="282">
        <v>13</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77">
        <v>0</v>
      </c>
      <c r="E35" s="278">
        <v>0</v>
      </c>
      <c r="F35" s="279">
        <v>0</v>
      </c>
      <c r="G35" s="280">
        <v>30</v>
      </c>
      <c r="H35" s="280">
        <v>0</v>
      </c>
      <c r="I35" s="280">
        <v>28</v>
      </c>
      <c r="J35" s="280">
        <v>4</v>
      </c>
      <c r="K35" s="280">
        <v>0</v>
      </c>
      <c r="L35" s="281">
        <v>62</v>
      </c>
      <c r="M35" s="282">
        <v>62</v>
      </c>
      <c r="N35" s="276">
        <v>0</v>
      </c>
      <c r="O35" s="280">
        <v>0</v>
      </c>
      <c r="P35" s="277">
        <v>0</v>
      </c>
      <c r="Q35" s="279">
        <v>0</v>
      </c>
      <c r="R35" s="280">
        <v>0</v>
      </c>
      <c r="S35" s="280">
        <v>0</v>
      </c>
      <c r="T35" s="280">
        <v>5</v>
      </c>
      <c r="U35" s="280">
        <v>0</v>
      </c>
      <c r="V35" s="280">
        <v>0</v>
      </c>
      <c r="W35" s="277">
        <v>5</v>
      </c>
      <c r="X35" s="282">
        <v>5</v>
      </c>
      <c r="Y35" s="276">
        <v>0</v>
      </c>
      <c r="Z35" s="280">
        <v>0</v>
      </c>
      <c r="AA35" s="277">
        <v>0</v>
      </c>
      <c r="AB35" s="279">
        <v>0</v>
      </c>
      <c r="AC35" s="280">
        <v>2</v>
      </c>
      <c r="AD35" s="280">
        <v>4</v>
      </c>
      <c r="AE35" s="280">
        <v>42</v>
      </c>
      <c r="AF35" s="280">
        <v>4</v>
      </c>
      <c r="AG35" s="280">
        <v>0</v>
      </c>
      <c r="AH35" s="277">
        <v>52</v>
      </c>
      <c r="AI35" s="282">
        <v>52</v>
      </c>
      <c r="AJ35" s="276">
        <v>24</v>
      </c>
      <c r="AK35" s="280">
        <v>6</v>
      </c>
      <c r="AL35" s="277">
        <v>30</v>
      </c>
      <c r="AM35" s="279">
        <v>0</v>
      </c>
      <c r="AN35" s="280">
        <v>0</v>
      </c>
      <c r="AO35" s="280">
        <v>28</v>
      </c>
      <c r="AP35" s="280">
        <v>12</v>
      </c>
      <c r="AQ35" s="280">
        <v>21</v>
      </c>
      <c r="AR35" s="280">
        <v>0</v>
      </c>
      <c r="AS35" s="277">
        <v>61</v>
      </c>
      <c r="AT35" s="282">
        <v>91</v>
      </c>
      <c r="AU35" s="276">
        <v>0</v>
      </c>
      <c r="AV35" s="280">
        <v>0</v>
      </c>
      <c r="AW35" s="277">
        <v>0</v>
      </c>
      <c r="AX35" s="279">
        <v>0</v>
      </c>
      <c r="AY35" s="280">
        <v>11</v>
      </c>
      <c r="AZ35" s="280">
        <v>0</v>
      </c>
      <c r="BA35" s="280">
        <v>0</v>
      </c>
      <c r="BB35" s="280">
        <v>0</v>
      </c>
      <c r="BC35" s="280">
        <v>0</v>
      </c>
      <c r="BD35" s="281">
        <v>11</v>
      </c>
      <c r="BE35" s="282">
        <v>11</v>
      </c>
      <c r="BF35" s="276">
        <v>0</v>
      </c>
      <c r="BG35" s="280">
        <v>0</v>
      </c>
      <c r="BH35" s="277">
        <v>0</v>
      </c>
      <c r="BI35" s="279">
        <v>0</v>
      </c>
      <c r="BJ35" s="280">
        <v>9</v>
      </c>
      <c r="BK35" s="280">
        <v>0</v>
      </c>
      <c r="BL35" s="280">
        <v>0</v>
      </c>
      <c r="BM35" s="280">
        <v>3</v>
      </c>
      <c r="BN35" s="280">
        <v>0</v>
      </c>
      <c r="BO35" s="277">
        <v>12</v>
      </c>
      <c r="BP35" s="282">
        <v>12</v>
      </c>
      <c r="BQ35" s="276">
        <v>0</v>
      </c>
      <c r="BR35" s="280">
        <v>0</v>
      </c>
      <c r="BS35" s="277">
        <v>0</v>
      </c>
      <c r="BT35" s="279">
        <v>0</v>
      </c>
      <c r="BU35" s="280">
        <v>0</v>
      </c>
      <c r="BV35" s="280">
        <v>0</v>
      </c>
      <c r="BW35" s="280">
        <v>3</v>
      </c>
      <c r="BX35" s="280">
        <v>29</v>
      </c>
      <c r="BY35" s="280">
        <v>0</v>
      </c>
      <c r="BZ35" s="277">
        <v>32</v>
      </c>
      <c r="CA35" s="282">
        <v>32</v>
      </c>
      <c r="CB35" s="276">
        <v>0</v>
      </c>
      <c r="CC35" s="280">
        <v>0</v>
      </c>
      <c r="CD35" s="277">
        <v>0</v>
      </c>
      <c r="CE35" s="279">
        <v>0</v>
      </c>
      <c r="CF35" s="280">
        <v>0</v>
      </c>
      <c r="CG35" s="280">
        <v>0</v>
      </c>
      <c r="CH35" s="280">
        <v>9</v>
      </c>
      <c r="CI35" s="280">
        <v>0</v>
      </c>
      <c r="CJ35" s="280">
        <v>0</v>
      </c>
      <c r="CK35" s="277">
        <v>9</v>
      </c>
      <c r="CL35" s="282">
        <v>9</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77">
        <v>0</v>
      </c>
      <c r="E36" s="278">
        <v>0</v>
      </c>
      <c r="F36" s="279">
        <v>0</v>
      </c>
      <c r="G36" s="280">
        <v>8</v>
      </c>
      <c r="H36" s="280">
        <v>0</v>
      </c>
      <c r="I36" s="280">
        <v>9</v>
      </c>
      <c r="J36" s="280">
        <v>0</v>
      </c>
      <c r="K36" s="280">
        <v>0</v>
      </c>
      <c r="L36" s="281">
        <v>17</v>
      </c>
      <c r="M36" s="282">
        <v>17</v>
      </c>
      <c r="N36" s="276">
        <v>0</v>
      </c>
      <c r="O36" s="280">
        <v>0</v>
      </c>
      <c r="P36" s="277">
        <v>0</v>
      </c>
      <c r="Q36" s="279">
        <v>0</v>
      </c>
      <c r="R36" s="280">
        <v>0</v>
      </c>
      <c r="S36" s="280">
        <v>0</v>
      </c>
      <c r="T36" s="280">
        <v>2</v>
      </c>
      <c r="U36" s="280">
        <v>0</v>
      </c>
      <c r="V36" s="280">
        <v>0</v>
      </c>
      <c r="W36" s="277">
        <v>2</v>
      </c>
      <c r="X36" s="282">
        <v>2</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0</v>
      </c>
      <c r="AZ36" s="280">
        <v>4</v>
      </c>
      <c r="BA36" s="280">
        <v>25</v>
      </c>
      <c r="BB36" s="280">
        <v>13</v>
      </c>
      <c r="BC36" s="280">
        <v>0</v>
      </c>
      <c r="BD36" s="281">
        <v>42</v>
      </c>
      <c r="BE36" s="282">
        <v>42</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77">
        <v>0</v>
      </c>
      <c r="E37" s="278">
        <v>0</v>
      </c>
      <c r="F37" s="279">
        <v>0</v>
      </c>
      <c r="G37" s="280">
        <v>83</v>
      </c>
      <c r="H37" s="280">
        <v>44</v>
      </c>
      <c r="I37" s="280">
        <v>22</v>
      </c>
      <c r="J37" s="280">
        <v>134</v>
      </c>
      <c r="K37" s="280">
        <v>0</v>
      </c>
      <c r="L37" s="281">
        <v>283</v>
      </c>
      <c r="M37" s="282">
        <v>283</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40</v>
      </c>
      <c r="AD37" s="280">
        <v>0</v>
      </c>
      <c r="AE37" s="280">
        <v>5</v>
      </c>
      <c r="AF37" s="280">
        <v>60</v>
      </c>
      <c r="AG37" s="280">
        <v>0</v>
      </c>
      <c r="AH37" s="277">
        <v>105</v>
      </c>
      <c r="AI37" s="282">
        <v>105</v>
      </c>
      <c r="AJ37" s="276">
        <v>0</v>
      </c>
      <c r="AK37" s="280">
        <v>0</v>
      </c>
      <c r="AL37" s="277">
        <v>0</v>
      </c>
      <c r="AM37" s="279">
        <v>0</v>
      </c>
      <c r="AN37" s="280">
        <v>22</v>
      </c>
      <c r="AO37" s="280">
        <v>0</v>
      </c>
      <c r="AP37" s="280">
        <v>0</v>
      </c>
      <c r="AQ37" s="280">
        <v>0</v>
      </c>
      <c r="AR37" s="280">
        <v>0</v>
      </c>
      <c r="AS37" s="277">
        <v>22</v>
      </c>
      <c r="AT37" s="282">
        <v>22</v>
      </c>
      <c r="AU37" s="276">
        <v>0</v>
      </c>
      <c r="AV37" s="280">
        <v>0</v>
      </c>
      <c r="AW37" s="277">
        <v>0</v>
      </c>
      <c r="AX37" s="279">
        <v>0</v>
      </c>
      <c r="AY37" s="280">
        <v>28</v>
      </c>
      <c r="AZ37" s="280">
        <v>21</v>
      </c>
      <c r="BA37" s="280">
        <v>7</v>
      </c>
      <c r="BB37" s="280">
        <v>11</v>
      </c>
      <c r="BC37" s="280">
        <v>0</v>
      </c>
      <c r="BD37" s="281">
        <v>67</v>
      </c>
      <c r="BE37" s="282">
        <v>67</v>
      </c>
      <c r="BF37" s="276">
        <v>0</v>
      </c>
      <c r="BG37" s="280">
        <v>0</v>
      </c>
      <c r="BH37" s="277">
        <v>0</v>
      </c>
      <c r="BI37" s="279">
        <v>0</v>
      </c>
      <c r="BJ37" s="280">
        <v>0</v>
      </c>
      <c r="BK37" s="280">
        <v>13</v>
      </c>
      <c r="BL37" s="280">
        <v>0</v>
      </c>
      <c r="BM37" s="280">
        <v>11</v>
      </c>
      <c r="BN37" s="280">
        <v>0</v>
      </c>
      <c r="BO37" s="277">
        <v>24</v>
      </c>
      <c r="BP37" s="282">
        <v>24</v>
      </c>
      <c r="BQ37" s="276">
        <v>0</v>
      </c>
      <c r="BR37" s="280">
        <v>0</v>
      </c>
      <c r="BS37" s="277">
        <v>0</v>
      </c>
      <c r="BT37" s="279">
        <v>0</v>
      </c>
      <c r="BU37" s="280">
        <v>2</v>
      </c>
      <c r="BV37" s="280">
        <v>0</v>
      </c>
      <c r="BW37" s="280">
        <v>0</v>
      </c>
      <c r="BX37" s="280">
        <v>16</v>
      </c>
      <c r="BY37" s="280">
        <v>0</v>
      </c>
      <c r="BZ37" s="277">
        <v>18</v>
      </c>
      <c r="CA37" s="282">
        <v>18</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77">
        <v>0</v>
      </c>
      <c r="E38" s="278">
        <v>0</v>
      </c>
      <c r="F38" s="279">
        <v>0</v>
      </c>
      <c r="G38" s="280">
        <v>20</v>
      </c>
      <c r="H38" s="280">
        <v>0</v>
      </c>
      <c r="I38" s="280">
        <v>0</v>
      </c>
      <c r="J38" s="280">
        <v>0</v>
      </c>
      <c r="K38" s="280">
        <v>0</v>
      </c>
      <c r="L38" s="281">
        <v>20</v>
      </c>
      <c r="M38" s="282">
        <v>20</v>
      </c>
      <c r="N38" s="276">
        <v>0</v>
      </c>
      <c r="O38" s="280">
        <v>0</v>
      </c>
      <c r="P38" s="277">
        <v>0</v>
      </c>
      <c r="Q38" s="279">
        <v>0</v>
      </c>
      <c r="R38" s="280">
        <v>0</v>
      </c>
      <c r="S38" s="280">
        <v>0</v>
      </c>
      <c r="T38" s="280">
        <v>0</v>
      </c>
      <c r="U38" s="280">
        <v>0</v>
      </c>
      <c r="V38" s="280">
        <v>0</v>
      </c>
      <c r="W38" s="277">
        <v>0</v>
      </c>
      <c r="X38" s="282">
        <v>0</v>
      </c>
      <c r="Y38" s="276">
        <v>0</v>
      </c>
      <c r="Z38" s="280">
        <v>13</v>
      </c>
      <c r="AA38" s="277">
        <v>13</v>
      </c>
      <c r="AB38" s="279">
        <v>0</v>
      </c>
      <c r="AC38" s="280">
        <v>33</v>
      </c>
      <c r="AD38" s="280">
        <v>15</v>
      </c>
      <c r="AE38" s="280">
        <v>1</v>
      </c>
      <c r="AF38" s="280">
        <v>0</v>
      </c>
      <c r="AG38" s="280">
        <v>0</v>
      </c>
      <c r="AH38" s="277">
        <v>49</v>
      </c>
      <c r="AI38" s="282">
        <v>62</v>
      </c>
      <c r="AJ38" s="276">
        <v>0</v>
      </c>
      <c r="AK38" s="280">
        <v>0</v>
      </c>
      <c r="AL38" s="277">
        <v>0</v>
      </c>
      <c r="AM38" s="279">
        <v>0</v>
      </c>
      <c r="AN38" s="280">
        <v>22</v>
      </c>
      <c r="AO38" s="280">
        <v>0</v>
      </c>
      <c r="AP38" s="280">
        <v>0</v>
      </c>
      <c r="AQ38" s="280">
        <v>0</v>
      </c>
      <c r="AR38" s="280">
        <v>0</v>
      </c>
      <c r="AS38" s="277">
        <v>22</v>
      </c>
      <c r="AT38" s="282">
        <v>22</v>
      </c>
      <c r="AU38" s="276">
        <v>0</v>
      </c>
      <c r="AV38" s="280">
        <v>0</v>
      </c>
      <c r="AW38" s="277">
        <v>0</v>
      </c>
      <c r="AX38" s="279">
        <v>0</v>
      </c>
      <c r="AY38" s="280">
        <v>15</v>
      </c>
      <c r="AZ38" s="280">
        <v>6</v>
      </c>
      <c r="BA38" s="280">
        <v>18</v>
      </c>
      <c r="BB38" s="280">
        <v>13</v>
      </c>
      <c r="BC38" s="280">
        <v>4</v>
      </c>
      <c r="BD38" s="281">
        <v>56</v>
      </c>
      <c r="BE38" s="282">
        <v>56</v>
      </c>
      <c r="BF38" s="276">
        <v>0</v>
      </c>
      <c r="BG38" s="280">
        <v>0</v>
      </c>
      <c r="BH38" s="277">
        <v>0</v>
      </c>
      <c r="BI38" s="279">
        <v>0</v>
      </c>
      <c r="BJ38" s="280">
        <v>1</v>
      </c>
      <c r="BK38" s="280">
        <v>0</v>
      </c>
      <c r="BL38" s="280">
        <v>0</v>
      </c>
      <c r="BM38" s="280">
        <v>0</v>
      </c>
      <c r="BN38" s="280">
        <v>0</v>
      </c>
      <c r="BO38" s="277">
        <v>1</v>
      </c>
      <c r="BP38" s="282">
        <v>1</v>
      </c>
      <c r="BQ38" s="276">
        <v>0</v>
      </c>
      <c r="BR38" s="280">
        <v>0</v>
      </c>
      <c r="BS38" s="277">
        <v>0</v>
      </c>
      <c r="BT38" s="279">
        <v>0</v>
      </c>
      <c r="BU38" s="280">
        <v>0</v>
      </c>
      <c r="BV38" s="280">
        <v>9</v>
      </c>
      <c r="BW38" s="280">
        <v>3</v>
      </c>
      <c r="BX38" s="280">
        <v>0</v>
      </c>
      <c r="BY38" s="280">
        <v>0</v>
      </c>
      <c r="BZ38" s="277">
        <v>12</v>
      </c>
      <c r="CA38" s="282">
        <v>12</v>
      </c>
      <c r="CB38" s="276">
        <v>0</v>
      </c>
      <c r="CC38" s="280">
        <v>0</v>
      </c>
      <c r="CD38" s="277">
        <v>0</v>
      </c>
      <c r="CE38" s="279">
        <v>0</v>
      </c>
      <c r="CF38" s="280">
        <v>15</v>
      </c>
      <c r="CG38" s="280">
        <v>0</v>
      </c>
      <c r="CH38" s="280">
        <v>0</v>
      </c>
      <c r="CI38" s="280">
        <v>0</v>
      </c>
      <c r="CJ38" s="280">
        <v>0</v>
      </c>
      <c r="CK38" s="277">
        <v>15</v>
      </c>
      <c r="CL38" s="282">
        <v>15</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4">
        <v>0</v>
      </c>
      <c r="E39" s="285">
        <v>0</v>
      </c>
      <c r="F39" s="286">
        <v>0</v>
      </c>
      <c r="G39" s="287">
        <v>0</v>
      </c>
      <c r="H39" s="287">
        <v>0</v>
      </c>
      <c r="I39" s="287">
        <v>0</v>
      </c>
      <c r="J39" s="287">
        <v>0</v>
      </c>
      <c r="K39" s="287">
        <v>26</v>
      </c>
      <c r="L39" s="288">
        <v>26</v>
      </c>
      <c r="M39" s="289">
        <v>26</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5</v>
      </c>
      <c r="AH39" s="284">
        <v>5</v>
      </c>
      <c r="AI39" s="289">
        <v>5</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8">
        <v>0</v>
      </c>
      <c r="BE39" s="289">
        <v>0</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1</v>
      </c>
      <c r="BZ39" s="284">
        <v>1</v>
      </c>
      <c r="CA39" s="289">
        <v>1</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9" width="7.77734375" style="3" customWidth="1"/>
    <col min="10" max="10" width="8.44140625" style="3" customWidth="1"/>
    <col min="11" max="26" width="7.77734375" style="3" customWidth="1"/>
    <col min="27" max="35" width="7.77734375" style="1" customWidth="1"/>
    <col min="36" max="16384" width="9" style="1"/>
  </cols>
  <sheetData>
    <row r="1" spans="2:35" ht="24" customHeight="1" x14ac:dyDescent="0.2">
      <c r="B1" s="20" t="s">
        <v>129</v>
      </c>
      <c r="F1" s="22"/>
      <c r="H1" s="524">
        <f>第１表!F2</f>
        <v>4</v>
      </c>
      <c r="I1" s="524"/>
      <c r="J1" s="248">
        <f>第１表!G2</f>
        <v>11</v>
      </c>
      <c r="K1" s="555">
        <f>IF(J1&lt;3,J1-2+12,J1-2)</f>
        <v>9</v>
      </c>
      <c r="L1" s="555"/>
    </row>
    <row r="2" spans="2:35" ht="24" customHeight="1" thickBot="1" x14ac:dyDescent="0.25">
      <c r="J2" s="5"/>
      <c r="K2" s="5"/>
      <c r="L2" s="5"/>
      <c r="M2" s="5"/>
      <c r="N2" s="5"/>
      <c r="O2" s="5"/>
      <c r="P2" s="30"/>
      <c r="Q2" s="30"/>
      <c r="R2" s="30"/>
    </row>
    <row r="3" spans="2:35" ht="21" customHeight="1" thickBot="1" x14ac:dyDescent="0.25">
      <c r="B3" s="26"/>
      <c r="C3" s="556" t="s">
        <v>53</v>
      </c>
      <c r="D3" s="557"/>
      <c r="E3" s="557"/>
      <c r="F3" s="557"/>
      <c r="G3" s="557"/>
      <c r="H3" s="557"/>
      <c r="I3" s="557"/>
      <c r="J3" s="557"/>
      <c r="K3" s="557"/>
      <c r="L3" s="557"/>
      <c r="M3" s="558"/>
      <c r="N3" s="556" t="s">
        <v>54</v>
      </c>
      <c r="O3" s="557"/>
      <c r="P3" s="557"/>
      <c r="Q3" s="557"/>
      <c r="R3" s="557"/>
      <c r="S3" s="557"/>
      <c r="T3" s="557"/>
      <c r="U3" s="557"/>
      <c r="V3" s="557"/>
      <c r="W3" s="557"/>
      <c r="X3" s="558"/>
      <c r="Y3" s="556" t="s">
        <v>55</v>
      </c>
      <c r="Z3" s="557"/>
      <c r="AA3" s="557"/>
      <c r="AB3" s="557"/>
      <c r="AC3" s="557"/>
      <c r="AD3" s="557"/>
      <c r="AE3" s="557"/>
      <c r="AF3" s="557"/>
      <c r="AG3" s="557"/>
      <c r="AH3" s="557"/>
      <c r="AI3" s="558"/>
    </row>
    <row r="4" spans="2:35" ht="30"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93</v>
      </c>
      <c r="D5" s="92">
        <v>330</v>
      </c>
      <c r="E5" s="93">
        <v>523</v>
      </c>
      <c r="F5" s="94">
        <v>0</v>
      </c>
      <c r="G5" s="92">
        <v>18404</v>
      </c>
      <c r="H5" s="92">
        <v>18456</v>
      </c>
      <c r="I5" s="92">
        <v>12527</v>
      </c>
      <c r="J5" s="92">
        <v>8021</v>
      </c>
      <c r="K5" s="92">
        <v>5084</v>
      </c>
      <c r="L5" s="93">
        <v>62492</v>
      </c>
      <c r="M5" s="95">
        <v>63015</v>
      </c>
      <c r="N5" s="96">
        <v>1</v>
      </c>
      <c r="O5" s="92">
        <v>2</v>
      </c>
      <c r="P5" s="93">
        <v>3</v>
      </c>
      <c r="Q5" s="94">
        <v>0</v>
      </c>
      <c r="R5" s="92">
        <v>200</v>
      </c>
      <c r="S5" s="92">
        <v>341</v>
      </c>
      <c r="T5" s="92">
        <v>253</v>
      </c>
      <c r="U5" s="92">
        <v>152</v>
      </c>
      <c r="V5" s="92">
        <v>165</v>
      </c>
      <c r="W5" s="93">
        <v>1111</v>
      </c>
      <c r="X5" s="95">
        <v>1114</v>
      </c>
      <c r="Y5" s="96">
        <v>194</v>
      </c>
      <c r="Z5" s="92">
        <v>332</v>
      </c>
      <c r="AA5" s="93">
        <v>526</v>
      </c>
      <c r="AB5" s="94">
        <v>0</v>
      </c>
      <c r="AC5" s="92">
        <v>18604</v>
      </c>
      <c r="AD5" s="92">
        <v>18797</v>
      </c>
      <c r="AE5" s="92">
        <v>12780</v>
      </c>
      <c r="AF5" s="92">
        <v>8173</v>
      </c>
      <c r="AG5" s="92">
        <v>5249</v>
      </c>
      <c r="AH5" s="93">
        <v>63603</v>
      </c>
      <c r="AI5" s="95">
        <v>64129</v>
      </c>
    </row>
    <row r="6" spans="2:35" ht="21" customHeight="1" x14ac:dyDescent="0.2">
      <c r="B6" s="18" t="s">
        <v>5</v>
      </c>
      <c r="C6" s="97">
        <v>80</v>
      </c>
      <c r="D6" s="98">
        <v>130</v>
      </c>
      <c r="E6" s="99">
        <v>210</v>
      </c>
      <c r="F6" s="100">
        <v>0</v>
      </c>
      <c r="G6" s="98">
        <v>6713</v>
      </c>
      <c r="H6" s="98">
        <v>8597</v>
      </c>
      <c r="I6" s="98">
        <v>5508</v>
      </c>
      <c r="J6" s="98">
        <v>3482</v>
      </c>
      <c r="K6" s="98">
        <v>2350</v>
      </c>
      <c r="L6" s="99">
        <v>26650</v>
      </c>
      <c r="M6" s="101">
        <v>26860</v>
      </c>
      <c r="N6" s="102">
        <v>0</v>
      </c>
      <c r="O6" s="98">
        <v>0</v>
      </c>
      <c r="P6" s="99">
        <v>0</v>
      </c>
      <c r="Q6" s="100">
        <v>0</v>
      </c>
      <c r="R6" s="98">
        <v>64</v>
      </c>
      <c r="S6" s="98">
        <v>162</v>
      </c>
      <c r="T6" s="98">
        <v>134</v>
      </c>
      <c r="U6" s="98">
        <v>66</v>
      </c>
      <c r="V6" s="98">
        <v>82</v>
      </c>
      <c r="W6" s="99">
        <v>508</v>
      </c>
      <c r="X6" s="101">
        <v>508</v>
      </c>
      <c r="Y6" s="102">
        <v>80</v>
      </c>
      <c r="Z6" s="98">
        <v>130</v>
      </c>
      <c r="AA6" s="99">
        <v>210</v>
      </c>
      <c r="AB6" s="100">
        <v>0</v>
      </c>
      <c r="AC6" s="98">
        <v>6777</v>
      </c>
      <c r="AD6" s="98">
        <v>8759</v>
      </c>
      <c r="AE6" s="98">
        <v>5642</v>
      </c>
      <c r="AF6" s="98">
        <v>3548</v>
      </c>
      <c r="AG6" s="98">
        <v>2432</v>
      </c>
      <c r="AH6" s="99">
        <v>27158</v>
      </c>
      <c r="AI6" s="101">
        <v>27368</v>
      </c>
    </row>
    <row r="7" spans="2:35" ht="21" customHeight="1" x14ac:dyDescent="0.2">
      <c r="B7" s="18" t="s">
        <v>6</v>
      </c>
      <c r="C7" s="97">
        <v>22</v>
      </c>
      <c r="D7" s="98">
        <v>38</v>
      </c>
      <c r="E7" s="99">
        <v>60</v>
      </c>
      <c r="F7" s="100">
        <v>0</v>
      </c>
      <c r="G7" s="98">
        <v>2964</v>
      </c>
      <c r="H7" s="98">
        <v>2446</v>
      </c>
      <c r="I7" s="98">
        <v>1874</v>
      </c>
      <c r="J7" s="98">
        <v>1409</v>
      </c>
      <c r="K7" s="98">
        <v>892</v>
      </c>
      <c r="L7" s="99">
        <v>9585</v>
      </c>
      <c r="M7" s="101">
        <v>9645</v>
      </c>
      <c r="N7" s="102">
        <v>0</v>
      </c>
      <c r="O7" s="98">
        <v>0</v>
      </c>
      <c r="P7" s="99">
        <v>0</v>
      </c>
      <c r="Q7" s="100">
        <v>0</v>
      </c>
      <c r="R7" s="98">
        <v>32</v>
      </c>
      <c r="S7" s="98">
        <v>37</v>
      </c>
      <c r="T7" s="98">
        <v>33</v>
      </c>
      <c r="U7" s="98">
        <v>23</v>
      </c>
      <c r="V7" s="98">
        <v>35</v>
      </c>
      <c r="W7" s="99">
        <v>160</v>
      </c>
      <c r="X7" s="101">
        <v>160</v>
      </c>
      <c r="Y7" s="102">
        <v>22</v>
      </c>
      <c r="Z7" s="98">
        <v>38</v>
      </c>
      <c r="AA7" s="99">
        <v>60</v>
      </c>
      <c r="AB7" s="100">
        <v>0</v>
      </c>
      <c r="AC7" s="98">
        <v>2996</v>
      </c>
      <c r="AD7" s="98">
        <v>2483</v>
      </c>
      <c r="AE7" s="98">
        <v>1907</v>
      </c>
      <c r="AF7" s="98">
        <v>1432</v>
      </c>
      <c r="AG7" s="98">
        <v>927</v>
      </c>
      <c r="AH7" s="99">
        <v>9745</v>
      </c>
      <c r="AI7" s="101">
        <v>9805</v>
      </c>
    </row>
    <row r="8" spans="2:35" ht="21" customHeight="1" x14ac:dyDescent="0.2">
      <c r="B8" s="18" t="s">
        <v>14</v>
      </c>
      <c r="C8" s="97">
        <v>18</v>
      </c>
      <c r="D8" s="98">
        <v>31</v>
      </c>
      <c r="E8" s="99">
        <v>49</v>
      </c>
      <c r="F8" s="100">
        <v>0</v>
      </c>
      <c r="G8" s="98">
        <v>1387</v>
      </c>
      <c r="H8" s="98">
        <v>1534</v>
      </c>
      <c r="I8" s="98">
        <v>1044</v>
      </c>
      <c r="J8" s="98">
        <v>633</v>
      </c>
      <c r="K8" s="98">
        <v>342</v>
      </c>
      <c r="L8" s="99">
        <v>4940</v>
      </c>
      <c r="M8" s="101">
        <v>4989</v>
      </c>
      <c r="N8" s="102">
        <v>0</v>
      </c>
      <c r="O8" s="98">
        <v>0</v>
      </c>
      <c r="P8" s="99">
        <v>0</v>
      </c>
      <c r="Q8" s="100">
        <v>0</v>
      </c>
      <c r="R8" s="98">
        <v>11</v>
      </c>
      <c r="S8" s="98">
        <v>36</v>
      </c>
      <c r="T8" s="98">
        <v>11</v>
      </c>
      <c r="U8" s="98">
        <v>11</v>
      </c>
      <c r="V8" s="98">
        <v>10</v>
      </c>
      <c r="W8" s="99">
        <v>79</v>
      </c>
      <c r="X8" s="101">
        <v>79</v>
      </c>
      <c r="Y8" s="102">
        <v>18</v>
      </c>
      <c r="Z8" s="98">
        <v>31</v>
      </c>
      <c r="AA8" s="99">
        <v>49</v>
      </c>
      <c r="AB8" s="100">
        <v>0</v>
      </c>
      <c r="AC8" s="98">
        <v>1398</v>
      </c>
      <c r="AD8" s="98">
        <v>1570</v>
      </c>
      <c r="AE8" s="98">
        <v>1055</v>
      </c>
      <c r="AF8" s="98">
        <v>644</v>
      </c>
      <c r="AG8" s="98">
        <v>352</v>
      </c>
      <c r="AH8" s="99">
        <v>5019</v>
      </c>
      <c r="AI8" s="101">
        <v>5068</v>
      </c>
    </row>
    <row r="9" spans="2:35" ht="21" customHeight="1" x14ac:dyDescent="0.2">
      <c r="B9" s="18" t="s">
        <v>7</v>
      </c>
      <c r="C9" s="97">
        <v>7</v>
      </c>
      <c r="D9" s="98">
        <v>12</v>
      </c>
      <c r="E9" s="99">
        <v>19</v>
      </c>
      <c r="F9" s="100">
        <v>0</v>
      </c>
      <c r="G9" s="98">
        <v>1331</v>
      </c>
      <c r="H9" s="98">
        <v>904</v>
      </c>
      <c r="I9" s="98">
        <v>634</v>
      </c>
      <c r="J9" s="98">
        <v>334</v>
      </c>
      <c r="K9" s="98">
        <v>173</v>
      </c>
      <c r="L9" s="99">
        <v>3376</v>
      </c>
      <c r="M9" s="101">
        <v>3395</v>
      </c>
      <c r="N9" s="102">
        <v>1</v>
      </c>
      <c r="O9" s="98">
        <v>0</v>
      </c>
      <c r="P9" s="99">
        <v>1</v>
      </c>
      <c r="Q9" s="100">
        <v>0</v>
      </c>
      <c r="R9" s="98">
        <v>15</v>
      </c>
      <c r="S9" s="98">
        <v>17</v>
      </c>
      <c r="T9" s="98">
        <v>9</v>
      </c>
      <c r="U9" s="98">
        <v>5</v>
      </c>
      <c r="V9" s="98">
        <v>9</v>
      </c>
      <c r="W9" s="99">
        <v>55</v>
      </c>
      <c r="X9" s="101">
        <v>56</v>
      </c>
      <c r="Y9" s="102">
        <v>8</v>
      </c>
      <c r="Z9" s="98">
        <v>12</v>
      </c>
      <c r="AA9" s="99">
        <v>20</v>
      </c>
      <c r="AB9" s="100">
        <v>0</v>
      </c>
      <c r="AC9" s="98">
        <v>1346</v>
      </c>
      <c r="AD9" s="98">
        <v>921</v>
      </c>
      <c r="AE9" s="98">
        <v>643</v>
      </c>
      <c r="AF9" s="98">
        <v>339</v>
      </c>
      <c r="AG9" s="98">
        <v>182</v>
      </c>
      <c r="AH9" s="99">
        <v>3431</v>
      </c>
      <c r="AI9" s="101">
        <v>3451</v>
      </c>
    </row>
    <row r="10" spans="2:35" ht="21" customHeight="1" x14ac:dyDescent="0.2">
      <c r="B10" s="18" t="s">
        <v>8</v>
      </c>
      <c r="C10" s="97">
        <v>10</v>
      </c>
      <c r="D10" s="98">
        <v>13</v>
      </c>
      <c r="E10" s="99">
        <v>23</v>
      </c>
      <c r="F10" s="100">
        <v>0</v>
      </c>
      <c r="G10" s="98">
        <v>747</v>
      </c>
      <c r="H10" s="98">
        <v>661</v>
      </c>
      <c r="I10" s="98">
        <v>407</v>
      </c>
      <c r="J10" s="98">
        <v>214</v>
      </c>
      <c r="K10" s="98">
        <v>126</v>
      </c>
      <c r="L10" s="99">
        <v>2155</v>
      </c>
      <c r="M10" s="101">
        <v>2178</v>
      </c>
      <c r="N10" s="102">
        <v>0</v>
      </c>
      <c r="O10" s="98">
        <v>0</v>
      </c>
      <c r="P10" s="99">
        <v>0</v>
      </c>
      <c r="Q10" s="100">
        <v>0</v>
      </c>
      <c r="R10" s="98">
        <v>16</v>
      </c>
      <c r="S10" s="98">
        <v>16</v>
      </c>
      <c r="T10" s="98">
        <v>8</v>
      </c>
      <c r="U10" s="98">
        <v>3</v>
      </c>
      <c r="V10" s="98">
        <v>3</v>
      </c>
      <c r="W10" s="99">
        <v>46</v>
      </c>
      <c r="X10" s="101">
        <v>46</v>
      </c>
      <c r="Y10" s="102">
        <v>10</v>
      </c>
      <c r="Z10" s="98">
        <v>13</v>
      </c>
      <c r="AA10" s="99">
        <v>23</v>
      </c>
      <c r="AB10" s="100">
        <v>0</v>
      </c>
      <c r="AC10" s="98">
        <v>763</v>
      </c>
      <c r="AD10" s="98">
        <v>677</v>
      </c>
      <c r="AE10" s="98">
        <v>415</v>
      </c>
      <c r="AF10" s="98">
        <v>217</v>
      </c>
      <c r="AG10" s="98">
        <v>129</v>
      </c>
      <c r="AH10" s="99">
        <v>2201</v>
      </c>
      <c r="AI10" s="101">
        <v>2224</v>
      </c>
    </row>
    <row r="11" spans="2:35" ht="21" customHeight="1" x14ac:dyDescent="0.2">
      <c r="B11" s="18" t="s">
        <v>9</v>
      </c>
      <c r="C11" s="97">
        <v>4</v>
      </c>
      <c r="D11" s="98">
        <v>7</v>
      </c>
      <c r="E11" s="99">
        <v>11</v>
      </c>
      <c r="F11" s="100">
        <v>0</v>
      </c>
      <c r="G11" s="98">
        <v>507</v>
      </c>
      <c r="H11" s="98">
        <v>370</v>
      </c>
      <c r="I11" s="98">
        <v>285</v>
      </c>
      <c r="J11" s="98">
        <v>180</v>
      </c>
      <c r="K11" s="98">
        <v>87</v>
      </c>
      <c r="L11" s="99">
        <v>1429</v>
      </c>
      <c r="M11" s="101">
        <v>1440</v>
      </c>
      <c r="N11" s="102">
        <v>0</v>
      </c>
      <c r="O11" s="98">
        <v>0</v>
      </c>
      <c r="P11" s="99">
        <v>0</v>
      </c>
      <c r="Q11" s="100">
        <v>0</v>
      </c>
      <c r="R11" s="98">
        <v>12</v>
      </c>
      <c r="S11" s="98">
        <v>9</v>
      </c>
      <c r="T11" s="98">
        <v>7</v>
      </c>
      <c r="U11" s="98">
        <v>5</v>
      </c>
      <c r="V11" s="98">
        <v>2</v>
      </c>
      <c r="W11" s="99">
        <v>35</v>
      </c>
      <c r="X11" s="101">
        <v>35</v>
      </c>
      <c r="Y11" s="102">
        <v>4</v>
      </c>
      <c r="Z11" s="98">
        <v>7</v>
      </c>
      <c r="AA11" s="99">
        <v>11</v>
      </c>
      <c r="AB11" s="100">
        <v>0</v>
      </c>
      <c r="AC11" s="98">
        <v>519</v>
      </c>
      <c r="AD11" s="98">
        <v>379</v>
      </c>
      <c r="AE11" s="98">
        <v>292</v>
      </c>
      <c r="AF11" s="98">
        <v>185</v>
      </c>
      <c r="AG11" s="98">
        <v>89</v>
      </c>
      <c r="AH11" s="99">
        <v>1464</v>
      </c>
      <c r="AI11" s="101">
        <v>1475</v>
      </c>
    </row>
    <row r="12" spans="2:35" ht="21" customHeight="1" x14ac:dyDescent="0.2">
      <c r="B12" s="18" t="s">
        <v>10</v>
      </c>
      <c r="C12" s="97">
        <v>8</v>
      </c>
      <c r="D12" s="98">
        <v>26</v>
      </c>
      <c r="E12" s="99">
        <v>34</v>
      </c>
      <c r="F12" s="100">
        <v>0</v>
      </c>
      <c r="G12" s="98">
        <v>854</v>
      </c>
      <c r="H12" s="98">
        <v>585</v>
      </c>
      <c r="I12" s="98">
        <v>416</v>
      </c>
      <c r="J12" s="98">
        <v>309</v>
      </c>
      <c r="K12" s="98">
        <v>256</v>
      </c>
      <c r="L12" s="99">
        <v>2420</v>
      </c>
      <c r="M12" s="101">
        <v>2454</v>
      </c>
      <c r="N12" s="102">
        <v>0</v>
      </c>
      <c r="O12" s="98">
        <v>1</v>
      </c>
      <c r="P12" s="99">
        <v>1</v>
      </c>
      <c r="Q12" s="100">
        <v>0</v>
      </c>
      <c r="R12" s="98">
        <v>10</v>
      </c>
      <c r="S12" s="98">
        <v>9</v>
      </c>
      <c r="T12" s="98">
        <v>8</v>
      </c>
      <c r="U12" s="98">
        <v>8</v>
      </c>
      <c r="V12" s="98">
        <v>5</v>
      </c>
      <c r="W12" s="99">
        <v>40</v>
      </c>
      <c r="X12" s="101">
        <v>41</v>
      </c>
      <c r="Y12" s="102">
        <v>8</v>
      </c>
      <c r="Z12" s="98">
        <v>27</v>
      </c>
      <c r="AA12" s="99">
        <v>35</v>
      </c>
      <c r="AB12" s="100">
        <v>0</v>
      </c>
      <c r="AC12" s="98">
        <v>864</v>
      </c>
      <c r="AD12" s="98">
        <v>594</v>
      </c>
      <c r="AE12" s="98">
        <v>424</v>
      </c>
      <c r="AF12" s="98">
        <v>317</v>
      </c>
      <c r="AG12" s="98">
        <v>261</v>
      </c>
      <c r="AH12" s="99">
        <v>2460</v>
      </c>
      <c r="AI12" s="101">
        <v>2495</v>
      </c>
    </row>
    <row r="13" spans="2:35" ht="21" customHeight="1" x14ac:dyDescent="0.2">
      <c r="B13" s="18" t="s">
        <v>11</v>
      </c>
      <c r="C13" s="97">
        <v>3</v>
      </c>
      <c r="D13" s="98">
        <v>12</v>
      </c>
      <c r="E13" s="99">
        <v>15</v>
      </c>
      <c r="F13" s="100">
        <v>0</v>
      </c>
      <c r="G13" s="98">
        <v>660</v>
      </c>
      <c r="H13" s="98">
        <v>406</v>
      </c>
      <c r="I13" s="98">
        <v>264</v>
      </c>
      <c r="J13" s="98">
        <v>162</v>
      </c>
      <c r="K13" s="98">
        <v>79</v>
      </c>
      <c r="L13" s="99">
        <v>1571</v>
      </c>
      <c r="M13" s="101">
        <v>1586</v>
      </c>
      <c r="N13" s="102">
        <v>0</v>
      </c>
      <c r="O13" s="98">
        <v>0</v>
      </c>
      <c r="P13" s="99">
        <v>0</v>
      </c>
      <c r="Q13" s="100">
        <v>0</v>
      </c>
      <c r="R13" s="98">
        <v>8</v>
      </c>
      <c r="S13" s="98">
        <v>7</v>
      </c>
      <c r="T13" s="98">
        <v>3</v>
      </c>
      <c r="U13" s="98">
        <v>2</v>
      </c>
      <c r="V13" s="98">
        <v>3</v>
      </c>
      <c r="W13" s="99">
        <v>23</v>
      </c>
      <c r="X13" s="101">
        <v>23</v>
      </c>
      <c r="Y13" s="102">
        <v>3</v>
      </c>
      <c r="Z13" s="98">
        <v>12</v>
      </c>
      <c r="AA13" s="99">
        <v>15</v>
      </c>
      <c r="AB13" s="100">
        <v>0</v>
      </c>
      <c r="AC13" s="98">
        <v>668</v>
      </c>
      <c r="AD13" s="98">
        <v>413</v>
      </c>
      <c r="AE13" s="98">
        <v>267</v>
      </c>
      <c r="AF13" s="98">
        <v>164</v>
      </c>
      <c r="AG13" s="98">
        <v>82</v>
      </c>
      <c r="AH13" s="99">
        <v>1594</v>
      </c>
      <c r="AI13" s="101">
        <v>1609</v>
      </c>
    </row>
    <row r="14" spans="2:35" ht="21" customHeight="1" x14ac:dyDescent="0.2">
      <c r="B14" s="18" t="s">
        <v>12</v>
      </c>
      <c r="C14" s="97">
        <v>0</v>
      </c>
      <c r="D14" s="98">
        <v>1</v>
      </c>
      <c r="E14" s="99">
        <v>1</v>
      </c>
      <c r="F14" s="100">
        <v>0</v>
      </c>
      <c r="G14" s="98">
        <v>467</v>
      </c>
      <c r="H14" s="98">
        <v>347</v>
      </c>
      <c r="I14" s="98">
        <v>286</v>
      </c>
      <c r="J14" s="98">
        <v>209</v>
      </c>
      <c r="K14" s="98">
        <v>119</v>
      </c>
      <c r="L14" s="99">
        <v>1428</v>
      </c>
      <c r="M14" s="101">
        <v>1429</v>
      </c>
      <c r="N14" s="102">
        <v>0</v>
      </c>
      <c r="O14" s="98">
        <v>0</v>
      </c>
      <c r="P14" s="99">
        <v>0</v>
      </c>
      <c r="Q14" s="100">
        <v>0</v>
      </c>
      <c r="R14" s="98">
        <v>6</v>
      </c>
      <c r="S14" s="98">
        <v>5</v>
      </c>
      <c r="T14" s="98">
        <v>3</v>
      </c>
      <c r="U14" s="98">
        <v>4</v>
      </c>
      <c r="V14" s="98">
        <v>3</v>
      </c>
      <c r="W14" s="99">
        <v>21</v>
      </c>
      <c r="X14" s="101">
        <v>21</v>
      </c>
      <c r="Y14" s="102">
        <v>0</v>
      </c>
      <c r="Z14" s="98">
        <v>1</v>
      </c>
      <c r="AA14" s="99">
        <v>1</v>
      </c>
      <c r="AB14" s="100">
        <v>0</v>
      </c>
      <c r="AC14" s="98">
        <v>473</v>
      </c>
      <c r="AD14" s="98">
        <v>352</v>
      </c>
      <c r="AE14" s="98">
        <v>289</v>
      </c>
      <c r="AF14" s="98">
        <v>213</v>
      </c>
      <c r="AG14" s="98">
        <v>122</v>
      </c>
      <c r="AH14" s="99">
        <v>1449</v>
      </c>
      <c r="AI14" s="101">
        <v>1450</v>
      </c>
    </row>
    <row r="15" spans="2:35" ht="21" customHeight="1" x14ac:dyDescent="0.2">
      <c r="B15" s="18" t="s">
        <v>13</v>
      </c>
      <c r="C15" s="97">
        <v>1</v>
      </c>
      <c r="D15" s="98">
        <v>2</v>
      </c>
      <c r="E15" s="99">
        <v>3</v>
      </c>
      <c r="F15" s="100">
        <v>0</v>
      </c>
      <c r="G15" s="98">
        <v>154</v>
      </c>
      <c r="H15" s="98">
        <v>153</v>
      </c>
      <c r="I15" s="98">
        <v>93</v>
      </c>
      <c r="J15" s="98">
        <v>65</v>
      </c>
      <c r="K15" s="98">
        <v>32</v>
      </c>
      <c r="L15" s="99">
        <v>497</v>
      </c>
      <c r="M15" s="101">
        <v>500</v>
      </c>
      <c r="N15" s="102">
        <v>0</v>
      </c>
      <c r="O15" s="98">
        <v>0</v>
      </c>
      <c r="P15" s="99">
        <v>0</v>
      </c>
      <c r="Q15" s="100">
        <v>0</v>
      </c>
      <c r="R15" s="98">
        <v>2</v>
      </c>
      <c r="S15" s="98">
        <v>2</v>
      </c>
      <c r="T15" s="98">
        <v>4</v>
      </c>
      <c r="U15" s="98">
        <v>1</v>
      </c>
      <c r="V15" s="98">
        <v>0</v>
      </c>
      <c r="W15" s="99">
        <v>9</v>
      </c>
      <c r="X15" s="101">
        <v>9</v>
      </c>
      <c r="Y15" s="102">
        <v>1</v>
      </c>
      <c r="Z15" s="98">
        <v>2</v>
      </c>
      <c r="AA15" s="99">
        <v>3</v>
      </c>
      <c r="AB15" s="100">
        <v>0</v>
      </c>
      <c r="AC15" s="98">
        <v>156</v>
      </c>
      <c r="AD15" s="98">
        <v>155</v>
      </c>
      <c r="AE15" s="98">
        <v>97</v>
      </c>
      <c r="AF15" s="98">
        <v>66</v>
      </c>
      <c r="AG15" s="98">
        <v>32</v>
      </c>
      <c r="AH15" s="99">
        <v>506</v>
      </c>
      <c r="AI15" s="101">
        <v>509</v>
      </c>
    </row>
    <row r="16" spans="2:35" ht="21" customHeight="1" x14ac:dyDescent="0.2">
      <c r="B16" s="18" t="s">
        <v>15</v>
      </c>
      <c r="C16" s="97">
        <v>3</v>
      </c>
      <c r="D16" s="98">
        <v>15</v>
      </c>
      <c r="E16" s="99">
        <v>18</v>
      </c>
      <c r="F16" s="100">
        <v>0</v>
      </c>
      <c r="G16" s="98">
        <v>195</v>
      </c>
      <c r="H16" s="98">
        <v>213</v>
      </c>
      <c r="I16" s="98">
        <v>148</v>
      </c>
      <c r="J16" s="98">
        <v>98</v>
      </c>
      <c r="K16" s="98">
        <v>49</v>
      </c>
      <c r="L16" s="99">
        <v>703</v>
      </c>
      <c r="M16" s="101">
        <v>721</v>
      </c>
      <c r="N16" s="102">
        <v>0</v>
      </c>
      <c r="O16" s="98">
        <v>1</v>
      </c>
      <c r="P16" s="99">
        <v>1</v>
      </c>
      <c r="Q16" s="100">
        <v>0</v>
      </c>
      <c r="R16" s="98">
        <v>2</v>
      </c>
      <c r="S16" s="98">
        <v>6</v>
      </c>
      <c r="T16" s="98">
        <v>1</v>
      </c>
      <c r="U16" s="98">
        <v>1</v>
      </c>
      <c r="V16" s="98">
        <v>1</v>
      </c>
      <c r="W16" s="99">
        <v>11</v>
      </c>
      <c r="X16" s="101">
        <v>12</v>
      </c>
      <c r="Y16" s="102">
        <v>3</v>
      </c>
      <c r="Z16" s="98">
        <v>16</v>
      </c>
      <c r="AA16" s="99">
        <v>19</v>
      </c>
      <c r="AB16" s="100">
        <v>0</v>
      </c>
      <c r="AC16" s="98">
        <v>197</v>
      </c>
      <c r="AD16" s="98">
        <v>219</v>
      </c>
      <c r="AE16" s="98">
        <v>149</v>
      </c>
      <c r="AF16" s="98">
        <v>99</v>
      </c>
      <c r="AG16" s="98">
        <v>50</v>
      </c>
      <c r="AH16" s="99">
        <v>714</v>
      </c>
      <c r="AI16" s="101">
        <v>733</v>
      </c>
    </row>
    <row r="17" spans="2:35" ht="21" customHeight="1" x14ac:dyDescent="0.2">
      <c r="B17" s="18" t="s">
        <v>16</v>
      </c>
      <c r="C17" s="97">
        <v>1</v>
      </c>
      <c r="D17" s="98">
        <v>2</v>
      </c>
      <c r="E17" s="99">
        <v>3</v>
      </c>
      <c r="F17" s="100">
        <v>0</v>
      </c>
      <c r="G17" s="98">
        <v>194</v>
      </c>
      <c r="H17" s="98">
        <v>277</v>
      </c>
      <c r="I17" s="98">
        <v>192</v>
      </c>
      <c r="J17" s="98">
        <v>124</v>
      </c>
      <c r="K17" s="98">
        <v>75</v>
      </c>
      <c r="L17" s="99">
        <v>862</v>
      </c>
      <c r="M17" s="101">
        <v>865</v>
      </c>
      <c r="N17" s="102">
        <v>0</v>
      </c>
      <c r="O17" s="98">
        <v>0</v>
      </c>
      <c r="P17" s="99">
        <v>0</v>
      </c>
      <c r="Q17" s="100">
        <v>0</v>
      </c>
      <c r="R17" s="98">
        <v>1</v>
      </c>
      <c r="S17" s="98">
        <v>3</v>
      </c>
      <c r="T17" s="98">
        <v>5</v>
      </c>
      <c r="U17" s="98">
        <v>1</v>
      </c>
      <c r="V17" s="98">
        <v>2</v>
      </c>
      <c r="W17" s="99">
        <v>12</v>
      </c>
      <c r="X17" s="101">
        <v>12</v>
      </c>
      <c r="Y17" s="102">
        <v>1</v>
      </c>
      <c r="Z17" s="98">
        <v>2</v>
      </c>
      <c r="AA17" s="99">
        <v>3</v>
      </c>
      <c r="AB17" s="100">
        <v>0</v>
      </c>
      <c r="AC17" s="98">
        <v>195</v>
      </c>
      <c r="AD17" s="98">
        <v>280</v>
      </c>
      <c r="AE17" s="98">
        <v>197</v>
      </c>
      <c r="AF17" s="98">
        <v>125</v>
      </c>
      <c r="AG17" s="98">
        <v>77</v>
      </c>
      <c r="AH17" s="99">
        <v>874</v>
      </c>
      <c r="AI17" s="101">
        <v>877</v>
      </c>
    </row>
    <row r="18" spans="2:35" ht="21" customHeight="1" x14ac:dyDescent="0.2">
      <c r="B18" s="18" t="s">
        <v>17</v>
      </c>
      <c r="C18" s="97">
        <v>2</v>
      </c>
      <c r="D18" s="98">
        <v>4</v>
      </c>
      <c r="E18" s="99">
        <v>6</v>
      </c>
      <c r="F18" s="100">
        <v>0</v>
      </c>
      <c r="G18" s="98">
        <v>311</v>
      </c>
      <c r="H18" s="98">
        <v>395</v>
      </c>
      <c r="I18" s="98">
        <v>266</v>
      </c>
      <c r="J18" s="98">
        <v>203</v>
      </c>
      <c r="K18" s="98">
        <v>142</v>
      </c>
      <c r="L18" s="99">
        <v>1317</v>
      </c>
      <c r="M18" s="101">
        <v>1323</v>
      </c>
      <c r="N18" s="102">
        <v>0</v>
      </c>
      <c r="O18" s="98">
        <v>0</v>
      </c>
      <c r="P18" s="99">
        <v>0</v>
      </c>
      <c r="Q18" s="100">
        <v>0</v>
      </c>
      <c r="R18" s="98">
        <v>2</v>
      </c>
      <c r="S18" s="98">
        <v>15</v>
      </c>
      <c r="T18" s="98">
        <v>11</v>
      </c>
      <c r="U18" s="98">
        <v>9</v>
      </c>
      <c r="V18" s="98">
        <v>4</v>
      </c>
      <c r="W18" s="99">
        <v>41</v>
      </c>
      <c r="X18" s="101">
        <v>41</v>
      </c>
      <c r="Y18" s="102">
        <v>2</v>
      </c>
      <c r="Z18" s="98">
        <v>4</v>
      </c>
      <c r="AA18" s="99">
        <v>6</v>
      </c>
      <c r="AB18" s="100">
        <v>0</v>
      </c>
      <c r="AC18" s="98">
        <v>313</v>
      </c>
      <c r="AD18" s="98">
        <v>410</v>
      </c>
      <c r="AE18" s="98">
        <v>277</v>
      </c>
      <c r="AF18" s="98">
        <v>212</v>
      </c>
      <c r="AG18" s="98">
        <v>146</v>
      </c>
      <c r="AH18" s="99">
        <v>1358</v>
      </c>
      <c r="AI18" s="101">
        <v>1364</v>
      </c>
    </row>
    <row r="19" spans="2:35" ht="21" customHeight="1" x14ac:dyDescent="0.2">
      <c r="B19" s="18" t="s">
        <v>18</v>
      </c>
      <c r="C19" s="97">
        <v>11</v>
      </c>
      <c r="D19" s="98">
        <v>13</v>
      </c>
      <c r="E19" s="99">
        <v>24</v>
      </c>
      <c r="F19" s="100">
        <v>0</v>
      </c>
      <c r="G19" s="98">
        <v>375</v>
      </c>
      <c r="H19" s="98">
        <v>332</v>
      </c>
      <c r="I19" s="98">
        <v>267</v>
      </c>
      <c r="J19" s="98">
        <v>153</v>
      </c>
      <c r="K19" s="98">
        <v>94</v>
      </c>
      <c r="L19" s="99">
        <v>1221</v>
      </c>
      <c r="M19" s="101">
        <v>1245</v>
      </c>
      <c r="N19" s="102">
        <v>0</v>
      </c>
      <c r="O19" s="98">
        <v>0</v>
      </c>
      <c r="P19" s="99">
        <v>0</v>
      </c>
      <c r="Q19" s="100">
        <v>0</v>
      </c>
      <c r="R19" s="98">
        <v>2</v>
      </c>
      <c r="S19" s="98">
        <v>4</v>
      </c>
      <c r="T19" s="98">
        <v>1</v>
      </c>
      <c r="U19" s="98">
        <v>6</v>
      </c>
      <c r="V19" s="98">
        <v>2</v>
      </c>
      <c r="W19" s="99">
        <v>15</v>
      </c>
      <c r="X19" s="101">
        <v>15</v>
      </c>
      <c r="Y19" s="102">
        <v>11</v>
      </c>
      <c r="Z19" s="98">
        <v>13</v>
      </c>
      <c r="AA19" s="99">
        <v>24</v>
      </c>
      <c r="AB19" s="100">
        <v>0</v>
      </c>
      <c r="AC19" s="98">
        <v>377</v>
      </c>
      <c r="AD19" s="98">
        <v>336</v>
      </c>
      <c r="AE19" s="98">
        <v>268</v>
      </c>
      <c r="AF19" s="98">
        <v>159</v>
      </c>
      <c r="AG19" s="98">
        <v>96</v>
      </c>
      <c r="AH19" s="99">
        <v>1236</v>
      </c>
      <c r="AI19" s="101">
        <v>1260</v>
      </c>
    </row>
    <row r="20" spans="2:35" ht="21" customHeight="1" x14ac:dyDescent="0.2">
      <c r="B20" s="18" t="s">
        <v>19</v>
      </c>
      <c r="C20" s="97">
        <v>1</v>
      </c>
      <c r="D20" s="98">
        <v>3</v>
      </c>
      <c r="E20" s="99">
        <v>4</v>
      </c>
      <c r="F20" s="100">
        <v>0</v>
      </c>
      <c r="G20" s="98">
        <v>197</v>
      </c>
      <c r="H20" s="98">
        <v>195</v>
      </c>
      <c r="I20" s="98">
        <v>115</v>
      </c>
      <c r="J20" s="98">
        <v>66</v>
      </c>
      <c r="K20" s="98">
        <v>59</v>
      </c>
      <c r="L20" s="99">
        <v>632</v>
      </c>
      <c r="M20" s="101">
        <v>636</v>
      </c>
      <c r="N20" s="102">
        <v>0</v>
      </c>
      <c r="O20" s="98">
        <v>0</v>
      </c>
      <c r="P20" s="99">
        <v>0</v>
      </c>
      <c r="Q20" s="100">
        <v>0</v>
      </c>
      <c r="R20" s="98">
        <v>0</v>
      </c>
      <c r="S20" s="98">
        <v>1</v>
      </c>
      <c r="T20" s="98">
        <v>3</v>
      </c>
      <c r="U20" s="98">
        <v>2</v>
      </c>
      <c r="V20" s="98">
        <v>0</v>
      </c>
      <c r="W20" s="99">
        <v>6</v>
      </c>
      <c r="X20" s="101">
        <v>6</v>
      </c>
      <c r="Y20" s="102">
        <v>1</v>
      </c>
      <c r="Z20" s="98">
        <v>3</v>
      </c>
      <c r="AA20" s="99">
        <v>4</v>
      </c>
      <c r="AB20" s="100">
        <v>0</v>
      </c>
      <c r="AC20" s="98">
        <v>197</v>
      </c>
      <c r="AD20" s="98">
        <v>196</v>
      </c>
      <c r="AE20" s="98">
        <v>118</v>
      </c>
      <c r="AF20" s="98">
        <v>68</v>
      </c>
      <c r="AG20" s="98">
        <v>59</v>
      </c>
      <c r="AH20" s="99">
        <v>638</v>
      </c>
      <c r="AI20" s="101">
        <v>642</v>
      </c>
    </row>
    <row r="21" spans="2:35" ht="21" customHeight="1" x14ac:dyDescent="0.2">
      <c r="B21" s="18" t="s">
        <v>20</v>
      </c>
      <c r="C21" s="97">
        <v>1</v>
      </c>
      <c r="D21" s="98">
        <v>2</v>
      </c>
      <c r="E21" s="99">
        <v>3</v>
      </c>
      <c r="F21" s="100">
        <v>0</v>
      </c>
      <c r="G21" s="98">
        <v>223</v>
      </c>
      <c r="H21" s="98">
        <v>122</v>
      </c>
      <c r="I21" s="98">
        <v>103</v>
      </c>
      <c r="J21" s="98">
        <v>43</v>
      </c>
      <c r="K21" s="98">
        <v>17</v>
      </c>
      <c r="L21" s="99">
        <v>508</v>
      </c>
      <c r="M21" s="101">
        <v>511</v>
      </c>
      <c r="N21" s="102">
        <v>0</v>
      </c>
      <c r="O21" s="98">
        <v>0</v>
      </c>
      <c r="P21" s="99">
        <v>0</v>
      </c>
      <c r="Q21" s="100">
        <v>0</v>
      </c>
      <c r="R21" s="98">
        <v>6</v>
      </c>
      <c r="S21" s="98">
        <v>1</v>
      </c>
      <c r="T21" s="98">
        <v>1</v>
      </c>
      <c r="U21" s="98">
        <v>0</v>
      </c>
      <c r="V21" s="98">
        <v>0</v>
      </c>
      <c r="W21" s="99">
        <v>8</v>
      </c>
      <c r="X21" s="101">
        <v>8</v>
      </c>
      <c r="Y21" s="102">
        <v>1</v>
      </c>
      <c r="Z21" s="98">
        <v>2</v>
      </c>
      <c r="AA21" s="99">
        <v>3</v>
      </c>
      <c r="AB21" s="100">
        <v>0</v>
      </c>
      <c r="AC21" s="98">
        <v>229</v>
      </c>
      <c r="AD21" s="98">
        <v>123</v>
      </c>
      <c r="AE21" s="98">
        <v>104</v>
      </c>
      <c r="AF21" s="98">
        <v>43</v>
      </c>
      <c r="AG21" s="98">
        <v>17</v>
      </c>
      <c r="AH21" s="99">
        <v>516</v>
      </c>
      <c r="AI21" s="101">
        <v>519</v>
      </c>
    </row>
    <row r="22" spans="2:35" ht="21" customHeight="1" x14ac:dyDescent="0.2">
      <c r="B22" s="18" t="s">
        <v>21</v>
      </c>
      <c r="C22" s="97">
        <v>0</v>
      </c>
      <c r="D22" s="98">
        <v>0</v>
      </c>
      <c r="E22" s="99">
        <v>0</v>
      </c>
      <c r="F22" s="100">
        <v>0</v>
      </c>
      <c r="G22" s="98">
        <v>218</v>
      </c>
      <c r="H22" s="98">
        <v>252</v>
      </c>
      <c r="I22" s="98">
        <v>131</v>
      </c>
      <c r="J22" s="98">
        <v>61</v>
      </c>
      <c r="K22" s="98">
        <v>35</v>
      </c>
      <c r="L22" s="99">
        <v>697</v>
      </c>
      <c r="M22" s="101">
        <v>697</v>
      </c>
      <c r="N22" s="102">
        <v>0</v>
      </c>
      <c r="O22" s="98">
        <v>0</v>
      </c>
      <c r="P22" s="99">
        <v>0</v>
      </c>
      <c r="Q22" s="100">
        <v>0</v>
      </c>
      <c r="R22" s="98">
        <v>1</v>
      </c>
      <c r="S22" s="98">
        <v>4</v>
      </c>
      <c r="T22" s="98">
        <v>3</v>
      </c>
      <c r="U22" s="98">
        <v>2</v>
      </c>
      <c r="V22" s="98">
        <v>3</v>
      </c>
      <c r="W22" s="99">
        <v>13</v>
      </c>
      <c r="X22" s="101">
        <v>13</v>
      </c>
      <c r="Y22" s="102">
        <v>0</v>
      </c>
      <c r="Z22" s="98">
        <v>0</v>
      </c>
      <c r="AA22" s="99">
        <v>0</v>
      </c>
      <c r="AB22" s="100">
        <v>0</v>
      </c>
      <c r="AC22" s="98">
        <v>219</v>
      </c>
      <c r="AD22" s="98">
        <v>256</v>
      </c>
      <c r="AE22" s="98">
        <v>134</v>
      </c>
      <c r="AF22" s="98">
        <v>63</v>
      </c>
      <c r="AG22" s="98">
        <v>38</v>
      </c>
      <c r="AH22" s="99">
        <v>710</v>
      </c>
      <c r="AI22" s="101">
        <v>710</v>
      </c>
    </row>
    <row r="23" spans="2:35" ht="21" customHeight="1" x14ac:dyDescent="0.2">
      <c r="B23" s="18" t="s">
        <v>22</v>
      </c>
      <c r="C23" s="97">
        <v>3</v>
      </c>
      <c r="D23" s="98">
        <v>5</v>
      </c>
      <c r="E23" s="99">
        <v>8</v>
      </c>
      <c r="F23" s="100">
        <v>0</v>
      </c>
      <c r="G23" s="98">
        <v>169</v>
      </c>
      <c r="H23" s="98">
        <v>148</v>
      </c>
      <c r="I23" s="98">
        <v>70</v>
      </c>
      <c r="J23" s="98">
        <v>58</v>
      </c>
      <c r="K23" s="98">
        <v>22</v>
      </c>
      <c r="L23" s="99">
        <v>467</v>
      </c>
      <c r="M23" s="101">
        <v>475</v>
      </c>
      <c r="N23" s="102">
        <v>0</v>
      </c>
      <c r="O23" s="98">
        <v>0</v>
      </c>
      <c r="P23" s="99">
        <v>0</v>
      </c>
      <c r="Q23" s="100">
        <v>0</v>
      </c>
      <c r="R23" s="98">
        <v>4</v>
      </c>
      <c r="S23" s="98">
        <v>0</v>
      </c>
      <c r="T23" s="98">
        <v>2</v>
      </c>
      <c r="U23" s="98">
        <v>1</v>
      </c>
      <c r="V23" s="98">
        <v>0</v>
      </c>
      <c r="W23" s="99">
        <v>7</v>
      </c>
      <c r="X23" s="101">
        <v>7</v>
      </c>
      <c r="Y23" s="102">
        <v>3</v>
      </c>
      <c r="Z23" s="98">
        <v>5</v>
      </c>
      <c r="AA23" s="99">
        <v>8</v>
      </c>
      <c r="AB23" s="100">
        <v>0</v>
      </c>
      <c r="AC23" s="98">
        <v>173</v>
      </c>
      <c r="AD23" s="98">
        <v>148</v>
      </c>
      <c r="AE23" s="98">
        <v>72</v>
      </c>
      <c r="AF23" s="98">
        <v>59</v>
      </c>
      <c r="AG23" s="98">
        <v>22</v>
      </c>
      <c r="AH23" s="99">
        <v>474</v>
      </c>
      <c r="AI23" s="101">
        <v>482</v>
      </c>
    </row>
    <row r="24" spans="2:35" ht="21" customHeight="1" x14ac:dyDescent="0.2">
      <c r="B24" s="18" t="s">
        <v>23</v>
      </c>
      <c r="C24" s="97">
        <v>0</v>
      </c>
      <c r="D24" s="98">
        <v>1</v>
      </c>
      <c r="E24" s="99">
        <v>1</v>
      </c>
      <c r="F24" s="100">
        <v>0</v>
      </c>
      <c r="G24" s="98">
        <v>89</v>
      </c>
      <c r="H24" s="98">
        <v>58</v>
      </c>
      <c r="I24" s="98">
        <v>40</v>
      </c>
      <c r="J24" s="98">
        <v>27</v>
      </c>
      <c r="K24" s="98">
        <v>14</v>
      </c>
      <c r="L24" s="99">
        <v>228</v>
      </c>
      <c r="M24" s="101">
        <v>229</v>
      </c>
      <c r="N24" s="102">
        <v>0</v>
      </c>
      <c r="O24" s="98">
        <v>0</v>
      </c>
      <c r="P24" s="99">
        <v>0</v>
      </c>
      <c r="Q24" s="100">
        <v>0</v>
      </c>
      <c r="R24" s="98">
        <v>0</v>
      </c>
      <c r="S24" s="98">
        <v>2</v>
      </c>
      <c r="T24" s="98">
        <v>0</v>
      </c>
      <c r="U24" s="98">
        <v>0</v>
      </c>
      <c r="V24" s="98">
        <v>0</v>
      </c>
      <c r="W24" s="99">
        <v>2</v>
      </c>
      <c r="X24" s="101">
        <v>2</v>
      </c>
      <c r="Y24" s="102">
        <v>0</v>
      </c>
      <c r="Z24" s="98">
        <v>1</v>
      </c>
      <c r="AA24" s="99">
        <v>1</v>
      </c>
      <c r="AB24" s="100">
        <v>0</v>
      </c>
      <c r="AC24" s="98">
        <v>89</v>
      </c>
      <c r="AD24" s="98">
        <v>60</v>
      </c>
      <c r="AE24" s="98">
        <v>40</v>
      </c>
      <c r="AF24" s="98">
        <v>27</v>
      </c>
      <c r="AG24" s="98">
        <v>14</v>
      </c>
      <c r="AH24" s="99">
        <v>230</v>
      </c>
      <c r="AI24" s="101">
        <v>231</v>
      </c>
    </row>
    <row r="25" spans="2:35" ht="21" customHeight="1" x14ac:dyDescent="0.2">
      <c r="B25" s="18" t="s">
        <v>24</v>
      </c>
      <c r="C25" s="97">
        <v>5</v>
      </c>
      <c r="D25" s="98">
        <v>2</v>
      </c>
      <c r="E25" s="99">
        <v>7</v>
      </c>
      <c r="F25" s="100">
        <v>0</v>
      </c>
      <c r="G25" s="98">
        <v>54</v>
      </c>
      <c r="H25" s="98">
        <v>32</v>
      </c>
      <c r="I25" s="98">
        <v>37</v>
      </c>
      <c r="J25" s="98">
        <v>19</v>
      </c>
      <c r="K25" s="98">
        <v>11</v>
      </c>
      <c r="L25" s="99">
        <v>153</v>
      </c>
      <c r="M25" s="101">
        <v>160</v>
      </c>
      <c r="N25" s="102">
        <v>0</v>
      </c>
      <c r="O25" s="98">
        <v>0</v>
      </c>
      <c r="P25" s="99">
        <v>0</v>
      </c>
      <c r="Q25" s="100">
        <v>0</v>
      </c>
      <c r="R25" s="98">
        <v>0</v>
      </c>
      <c r="S25" s="98">
        <v>1</v>
      </c>
      <c r="T25" s="98">
        <v>0</v>
      </c>
      <c r="U25" s="98">
        <v>0</v>
      </c>
      <c r="V25" s="98">
        <v>0</v>
      </c>
      <c r="W25" s="99">
        <v>1</v>
      </c>
      <c r="X25" s="101">
        <v>1</v>
      </c>
      <c r="Y25" s="102">
        <v>5</v>
      </c>
      <c r="Z25" s="98">
        <v>2</v>
      </c>
      <c r="AA25" s="99">
        <v>7</v>
      </c>
      <c r="AB25" s="100">
        <v>0</v>
      </c>
      <c r="AC25" s="98">
        <v>54</v>
      </c>
      <c r="AD25" s="98">
        <v>33</v>
      </c>
      <c r="AE25" s="98">
        <v>37</v>
      </c>
      <c r="AF25" s="98">
        <v>19</v>
      </c>
      <c r="AG25" s="98">
        <v>11</v>
      </c>
      <c r="AH25" s="99">
        <v>154</v>
      </c>
      <c r="AI25" s="101">
        <v>161</v>
      </c>
    </row>
    <row r="26" spans="2:35" ht="21" customHeight="1" x14ac:dyDescent="0.2">
      <c r="B26" s="18" t="s">
        <v>25</v>
      </c>
      <c r="C26" s="97">
        <v>2</v>
      </c>
      <c r="D26" s="98">
        <v>0</v>
      </c>
      <c r="E26" s="99">
        <v>2</v>
      </c>
      <c r="F26" s="100">
        <v>0</v>
      </c>
      <c r="G26" s="98">
        <v>97</v>
      </c>
      <c r="H26" s="98">
        <v>43</v>
      </c>
      <c r="I26" s="98">
        <v>23</v>
      </c>
      <c r="J26" s="98">
        <v>10</v>
      </c>
      <c r="K26" s="98">
        <v>2</v>
      </c>
      <c r="L26" s="99">
        <v>175</v>
      </c>
      <c r="M26" s="101">
        <v>177</v>
      </c>
      <c r="N26" s="102">
        <v>0</v>
      </c>
      <c r="O26" s="98">
        <v>0</v>
      </c>
      <c r="P26" s="99">
        <v>0</v>
      </c>
      <c r="Q26" s="100">
        <v>0</v>
      </c>
      <c r="R26" s="98">
        <v>1</v>
      </c>
      <c r="S26" s="98">
        <v>1</v>
      </c>
      <c r="T26" s="98">
        <v>1</v>
      </c>
      <c r="U26" s="98">
        <v>0</v>
      </c>
      <c r="V26" s="98">
        <v>0</v>
      </c>
      <c r="W26" s="99">
        <v>3</v>
      </c>
      <c r="X26" s="101">
        <v>3</v>
      </c>
      <c r="Y26" s="102">
        <v>2</v>
      </c>
      <c r="Z26" s="98">
        <v>0</v>
      </c>
      <c r="AA26" s="99">
        <v>2</v>
      </c>
      <c r="AB26" s="100">
        <v>0</v>
      </c>
      <c r="AC26" s="98">
        <v>98</v>
      </c>
      <c r="AD26" s="98">
        <v>44</v>
      </c>
      <c r="AE26" s="98">
        <v>24</v>
      </c>
      <c r="AF26" s="98">
        <v>10</v>
      </c>
      <c r="AG26" s="98">
        <v>2</v>
      </c>
      <c r="AH26" s="99">
        <v>178</v>
      </c>
      <c r="AI26" s="101">
        <v>180</v>
      </c>
    </row>
    <row r="27" spans="2:35" ht="21" customHeight="1" x14ac:dyDescent="0.2">
      <c r="B27" s="18" t="s">
        <v>26</v>
      </c>
      <c r="C27" s="97">
        <v>1</v>
      </c>
      <c r="D27" s="98">
        <v>0</v>
      </c>
      <c r="E27" s="99">
        <v>1</v>
      </c>
      <c r="F27" s="100">
        <v>0</v>
      </c>
      <c r="G27" s="98">
        <v>65</v>
      </c>
      <c r="H27" s="98">
        <v>62</v>
      </c>
      <c r="I27" s="98">
        <v>52</v>
      </c>
      <c r="J27" s="98">
        <v>26</v>
      </c>
      <c r="K27" s="98">
        <v>19</v>
      </c>
      <c r="L27" s="99">
        <v>224</v>
      </c>
      <c r="M27" s="101">
        <v>225</v>
      </c>
      <c r="N27" s="102">
        <v>0</v>
      </c>
      <c r="O27" s="98">
        <v>0</v>
      </c>
      <c r="P27" s="99">
        <v>0</v>
      </c>
      <c r="Q27" s="100">
        <v>0</v>
      </c>
      <c r="R27" s="98">
        <v>1</v>
      </c>
      <c r="S27" s="98">
        <v>0</v>
      </c>
      <c r="T27" s="98">
        <v>0</v>
      </c>
      <c r="U27" s="98">
        <v>0</v>
      </c>
      <c r="V27" s="98">
        <v>0</v>
      </c>
      <c r="W27" s="99">
        <v>1</v>
      </c>
      <c r="X27" s="101">
        <v>1</v>
      </c>
      <c r="Y27" s="102">
        <v>1</v>
      </c>
      <c r="Z27" s="98">
        <v>0</v>
      </c>
      <c r="AA27" s="99">
        <v>1</v>
      </c>
      <c r="AB27" s="100">
        <v>0</v>
      </c>
      <c r="AC27" s="98">
        <v>66</v>
      </c>
      <c r="AD27" s="98">
        <v>62</v>
      </c>
      <c r="AE27" s="98">
        <v>52</v>
      </c>
      <c r="AF27" s="98">
        <v>26</v>
      </c>
      <c r="AG27" s="98">
        <v>19</v>
      </c>
      <c r="AH27" s="99">
        <v>225</v>
      </c>
      <c r="AI27" s="101">
        <v>226</v>
      </c>
    </row>
    <row r="28" spans="2:35" ht="21" customHeight="1" x14ac:dyDescent="0.2">
      <c r="B28" s="18" t="s">
        <v>27</v>
      </c>
      <c r="C28" s="97">
        <v>0</v>
      </c>
      <c r="D28" s="98">
        <v>0</v>
      </c>
      <c r="E28" s="99">
        <v>0</v>
      </c>
      <c r="F28" s="100">
        <v>0</v>
      </c>
      <c r="G28" s="98">
        <v>51</v>
      </c>
      <c r="H28" s="98">
        <v>23</v>
      </c>
      <c r="I28" s="98">
        <v>31</v>
      </c>
      <c r="J28" s="98">
        <v>18</v>
      </c>
      <c r="K28" s="98">
        <v>11</v>
      </c>
      <c r="L28" s="99">
        <v>134</v>
      </c>
      <c r="M28" s="101">
        <v>134</v>
      </c>
      <c r="N28" s="102">
        <v>0</v>
      </c>
      <c r="O28" s="98">
        <v>0</v>
      </c>
      <c r="P28" s="99">
        <v>0</v>
      </c>
      <c r="Q28" s="100">
        <v>0</v>
      </c>
      <c r="R28" s="98">
        <v>1</v>
      </c>
      <c r="S28" s="98">
        <v>0</v>
      </c>
      <c r="T28" s="98">
        <v>1</v>
      </c>
      <c r="U28" s="98">
        <v>0</v>
      </c>
      <c r="V28" s="98">
        <v>0</v>
      </c>
      <c r="W28" s="99">
        <v>2</v>
      </c>
      <c r="X28" s="101">
        <v>2</v>
      </c>
      <c r="Y28" s="102">
        <v>0</v>
      </c>
      <c r="Z28" s="98">
        <v>0</v>
      </c>
      <c r="AA28" s="99">
        <v>0</v>
      </c>
      <c r="AB28" s="100">
        <v>0</v>
      </c>
      <c r="AC28" s="98">
        <v>52</v>
      </c>
      <c r="AD28" s="98">
        <v>23</v>
      </c>
      <c r="AE28" s="98">
        <v>32</v>
      </c>
      <c r="AF28" s="98">
        <v>18</v>
      </c>
      <c r="AG28" s="98">
        <v>11</v>
      </c>
      <c r="AH28" s="99">
        <v>136</v>
      </c>
      <c r="AI28" s="101">
        <v>136</v>
      </c>
    </row>
    <row r="29" spans="2:35" ht="21" customHeight="1" x14ac:dyDescent="0.2">
      <c r="B29" s="18" t="s">
        <v>28</v>
      </c>
      <c r="C29" s="97">
        <v>0</v>
      </c>
      <c r="D29" s="98">
        <v>0</v>
      </c>
      <c r="E29" s="99">
        <v>0</v>
      </c>
      <c r="F29" s="100">
        <v>0</v>
      </c>
      <c r="G29" s="98">
        <v>21</v>
      </c>
      <c r="H29" s="98">
        <v>19</v>
      </c>
      <c r="I29" s="98">
        <v>9</v>
      </c>
      <c r="J29" s="98">
        <v>4</v>
      </c>
      <c r="K29" s="98">
        <v>4</v>
      </c>
      <c r="L29" s="99">
        <v>57</v>
      </c>
      <c r="M29" s="101">
        <v>57</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1</v>
      </c>
      <c r="AD29" s="98">
        <v>19</v>
      </c>
      <c r="AE29" s="98">
        <v>9</v>
      </c>
      <c r="AF29" s="98">
        <v>4</v>
      </c>
      <c r="AG29" s="98">
        <v>5</v>
      </c>
      <c r="AH29" s="99">
        <v>58</v>
      </c>
      <c r="AI29" s="101">
        <v>58</v>
      </c>
    </row>
    <row r="30" spans="2:35" ht="21" customHeight="1" x14ac:dyDescent="0.2">
      <c r="B30" s="18" t="s">
        <v>29</v>
      </c>
      <c r="C30" s="97">
        <v>0</v>
      </c>
      <c r="D30" s="98">
        <v>2</v>
      </c>
      <c r="E30" s="99">
        <v>2</v>
      </c>
      <c r="F30" s="100">
        <v>0</v>
      </c>
      <c r="G30" s="98">
        <v>30</v>
      </c>
      <c r="H30" s="98">
        <v>34</v>
      </c>
      <c r="I30" s="98">
        <v>20</v>
      </c>
      <c r="J30" s="98">
        <v>13</v>
      </c>
      <c r="K30" s="98">
        <v>14</v>
      </c>
      <c r="L30" s="99">
        <v>111</v>
      </c>
      <c r="M30" s="101">
        <v>113</v>
      </c>
      <c r="N30" s="102">
        <v>0</v>
      </c>
      <c r="O30" s="98">
        <v>0</v>
      </c>
      <c r="P30" s="99">
        <v>0</v>
      </c>
      <c r="Q30" s="100">
        <v>0</v>
      </c>
      <c r="R30" s="98">
        <v>0</v>
      </c>
      <c r="S30" s="98">
        <v>0</v>
      </c>
      <c r="T30" s="98">
        <v>0</v>
      </c>
      <c r="U30" s="98">
        <v>0</v>
      </c>
      <c r="V30" s="98">
        <v>0</v>
      </c>
      <c r="W30" s="99">
        <v>0</v>
      </c>
      <c r="X30" s="101">
        <v>0</v>
      </c>
      <c r="Y30" s="102">
        <v>0</v>
      </c>
      <c r="Z30" s="98">
        <v>2</v>
      </c>
      <c r="AA30" s="99">
        <v>2</v>
      </c>
      <c r="AB30" s="100">
        <v>0</v>
      </c>
      <c r="AC30" s="98">
        <v>30</v>
      </c>
      <c r="AD30" s="98">
        <v>34</v>
      </c>
      <c r="AE30" s="98">
        <v>20</v>
      </c>
      <c r="AF30" s="98">
        <v>13</v>
      </c>
      <c r="AG30" s="98">
        <v>14</v>
      </c>
      <c r="AH30" s="99">
        <v>111</v>
      </c>
      <c r="AI30" s="101">
        <v>113</v>
      </c>
    </row>
    <row r="31" spans="2:35" ht="21" customHeight="1" x14ac:dyDescent="0.2">
      <c r="B31" s="18" t="s">
        <v>30</v>
      </c>
      <c r="C31" s="97">
        <v>1</v>
      </c>
      <c r="D31" s="98">
        <v>0</v>
      </c>
      <c r="E31" s="99">
        <v>1</v>
      </c>
      <c r="F31" s="100">
        <v>0</v>
      </c>
      <c r="G31" s="98">
        <v>33</v>
      </c>
      <c r="H31" s="98">
        <v>15</v>
      </c>
      <c r="I31" s="98">
        <v>15</v>
      </c>
      <c r="J31" s="98">
        <v>10</v>
      </c>
      <c r="K31" s="98">
        <v>2</v>
      </c>
      <c r="L31" s="99">
        <v>75</v>
      </c>
      <c r="M31" s="101">
        <v>76</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4</v>
      </c>
      <c r="AD31" s="98">
        <v>15</v>
      </c>
      <c r="AE31" s="98">
        <v>15</v>
      </c>
      <c r="AF31" s="98">
        <v>10</v>
      </c>
      <c r="AG31" s="98">
        <v>2</v>
      </c>
      <c r="AH31" s="99">
        <v>76</v>
      </c>
      <c r="AI31" s="101">
        <v>77</v>
      </c>
    </row>
    <row r="32" spans="2:35" ht="21" customHeight="1" x14ac:dyDescent="0.2">
      <c r="B32" s="18" t="s">
        <v>31</v>
      </c>
      <c r="C32" s="97">
        <v>0</v>
      </c>
      <c r="D32" s="98">
        <v>2</v>
      </c>
      <c r="E32" s="99">
        <v>2</v>
      </c>
      <c r="F32" s="100">
        <v>0</v>
      </c>
      <c r="G32" s="98">
        <v>52</v>
      </c>
      <c r="H32" s="98">
        <v>40</v>
      </c>
      <c r="I32" s="98">
        <v>27</v>
      </c>
      <c r="J32" s="98">
        <v>9</v>
      </c>
      <c r="K32" s="98">
        <v>8</v>
      </c>
      <c r="L32" s="99">
        <v>136</v>
      </c>
      <c r="M32" s="101">
        <v>138</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2</v>
      </c>
      <c r="AD32" s="98">
        <v>40</v>
      </c>
      <c r="AE32" s="98">
        <v>27</v>
      </c>
      <c r="AF32" s="98">
        <v>9</v>
      </c>
      <c r="AG32" s="98">
        <v>8</v>
      </c>
      <c r="AH32" s="99">
        <v>136</v>
      </c>
      <c r="AI32" s="101">
        <v>138</v>
      </c>
    </row>
    <row r="33" spans="2:35" ht="21" customHeight="1" x14ac:dyDescent="0.2">
      <c r="B33" s="18" t="s">
        <v>32</v>
      </c>
      <c r="C33" s="97">
        <v>2</v>
      </c>
      <c r="D33" s="98">
        <v>0</v>
      </c>
      <c r="E33" s="99">
        <v>2</v>
      </c>
      <c r="F33" s="100">
        <v>0</v>
      </c>
      <c r="G33" s="98">
        <v>48</v>
      </c>
      <c r="H33" s="98">
        <v>35</v>
      </c>
      <c r="I33" s="98">
        <v>36</v>
      </c>
      <c r="J33" s="98">
        <v>20</v>
      </c>
      <c r="K33" s="98">
        <v>13</v>
      </c>
      <c r="L33" s="99">
        <v>152</v>
      </c>
      <c r="M33" s="101">
        <v>154</v>
      </c>
      <c r="N33" s="102">
        <v>0</v>
      </c>
      <c r="O33" s="98">
        <v>0</v>
      </c>
      <c r="P33" s="99">
        <v>0</v>
      </c>
      <c r="Q33" s="100">
        <v>0</v>
      </c>
      <c r="R33" s="98">
        <v>2</v>
      </c>
      <c r="S33" s="98">
        <v>1</v>
      </c>
      <c r="T33" s="98">
        <v>1</v>
      </c>
      <c r="U33" s="98">
        <v>1</v>
      </c>
      <c r="V33" s="98">
        <v>0</v>
      </c>
      <c r="W33" s="99">
        <v>5</v>
      </c>
      <c r="X33" s="101">
        <v>5</v>
      </c>
      <c r="Y33" s="102">
        <v>2</v>
      </c>
      <c r="Z33" s="98">
        <v>0</v>
      </c>
      <c r="AA33" s="99">
        <v>2</v>
      </c>
      <c r="AB33" s="100">
        <v>0</v>
      </c>
      <c r="AC33" s="98">
        <v>50</v>
      </c>
      <c r="AD33" s="98">
        <v>36</v>
      </c>
      <c r="AE33" s="98">
        <v>37</v>
      </c>
      <c r="AF33" s="98">
        <v>21</v>
      </c>
      <c r="AG33" s="98">
        <v>13</v>
      </c>
      <c r="AH33" s="99">
        <v>157</v>
      </c>
      <c r="AI33" s="101">
        <v>159</v>
      </c>
    </row>
    <row r="34" spans="2:35" ht="21" customHeight="1" x14ac:dyDescent="0.2">
      <c r="B34" s="18" t="s">
        <v>33</v>
      </c>
      <c r="C34" s="97">
        <v>0</v>
      </c>
      <c r="D34" s="98">
        <v>2</v>
      </c>
      <c r="E34" s="99">
        <v>2</v>
      </c>
      <c r="F34" s="100">
        <v>0</v>
      </c>
      <c r="G34" s="98">
        <v>37</v>
      </c>
      <c r="H34" s="98">
        <v>21</v>
      </c>
      <c r="I34" s="98">
        <v>22</v>
      </c>
      <c r="J34" s="98">
        <v>6</v>
      </c>
      <c r="K34" s="98">
        <v>7</v>
      </c>
      <c r="L34" s="99">
        <v>93</v>
      </c>
      <c r="M34" s="101">
        <v>95</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7</v>
      </c>
      <c r="AD34" s="98">
        <v>21</v>
      </c>
      <c r="AE34" s="98">
        <v>22</v>
      </c>
      <c r="AF34" s="98">
        <v>6</v>
      </c>
      <c r="AG34" s="98">
        <v>7</v>
      </c>
      <c r="AH34" s="99">
        <v>93</v>
      </c>
      <c r="AI34" s="101">
        <v>95</v>
      </c>
    </row>
    <row r="35" spans="2:35" ht="21" customHeight="1" x14ac:dyDescent="0.2">
      <c r="B35" s="18" t="s">
        <v>34</v>
      </c>
      <c r="C35" s="97">
        <v>1</v>
      </c>
      <c r="D35" s="98">
        <v>2</v>
      </c>
      <c r="E35" s="99">
        <v>3</v>
      </c>
      <c r="F35" s="100">
        <v>0</v>
      </c>
      <c r="G35" s="98">
        <v>32</v>
      </c>
      <c r="H35" s="98">
        <v>26</v>
      </c>
      <c r="I35" s="98">
        <v>13</v>
      </c>
      <c r="J35" s="98">
        <v>10</v>
      </c>
      <c r="K35" s="98">
        <v>5</v>
      </c>
      <c r="L35" s="99">
        <v>86</v>
      </c>
      <c r="M35" s="101">
        <v>89</v>
      </c>
      <c r="N35" s="102">
        <v>0</v>
      </c>
      <c r="O35" s="98">
        <v>0</v>
      </c>
      <c r="P35" s="99">
        <v>0</v>
      </c>
      <c r="Q35" s="100">
        <v>0</v>
      </c>
      <c r="R35" s="98">
        <v>0</v>
      </c>
      <c r="S35" s="98">
        <v>0</v>
      </c>
      <c r="T35" s="98">
        <v>1</v>
      </c>
      <c r="U35" s="98">
        <v>1</v>
      </c>
      <c r="V35" s="98">
        <v>0</v>
      </c>
      <c r="W35" s="99">
        <v>2</v>
      </c>
      <c r="X35" s="101">
        <v>2</v>
      </c>
      <c r="Y35" s="102">
        <v>1</v>
      </c>
      <c r="Z35" s="98">
        <v>2</v>
      </c>
      <c r="AA35" s="99">
        <v>3</v>
      </c>
      <c r="AB35" s="100">
        <v>0</v>
      </c>
      <c r="AC35" s="98">
        <v>32</v>
      </c>
      <c r="AD35" s="98">
        <v>26</v>
      </c>
      <c r="AE35" s="98">
        <v>14</v>
      </c>
      <c r="AF35" s="98">
        <v>11</v>
      </c>
      <c r="AG35" s="98">
        <v>5</v>
      </c>
      <c r="AH35" s="99">
        <v>88</v>
      </c>
      <c r="AI35" s="101">
        <v>91</v>
      </c>
    </row>
    <row r="36" spans="2:35" ht="21" customHeight="1" x14ac:dyDescent="0.2">
      <c r="B36" s="18" t="s">
        <v>35</v>
      </c>
      <c r="C36" s="97">
        <v>3</v>
      </c>
      <c r="D36" s="98">
        <v>2</v>
      </c>
      <c r="E36" s="99">
        <v>5</v>
      </c>
      <c r="F36" s="100">
        <v>0</v>
      </c>
      <c r="G36" s="98">
        <v>36</v>
      </c>
      <c r="H36" s="98">
        <v>39</v>
      </c>
      <c r="I36" s="98">
        <v>35</v>
      </c>
      <c r="J36" s="98">
        <v>24</v>
      </c>
      <c r="K36" s="98">
        <v>9</v>
      </c>
      <c r="L36" s="99">
        <v>143</v>
      </c>
      <c r="M36" s="101">
        <v>148</v>
      </c>
      <c r="N36" s="102">
        <v>0</v>
      </c>
      <c r="O36" s="98">
        <v>0</v>
      </c>
      <c r="P36" s="99">
        <v>0</v>
      </c>
      <c r="Q36" s="100">
        <v>0</v>
      </c>
      <c r="R36" s="98">
        <v>0</v>
      </c>
      <c r="S36" s="98">
        <v>0</v>
      </c>
      <c r="T36" s="98">
        <v>0</v>
      </c>
      <c r="U36" s="98">
        <v>0</v>
      </c>
      <c r="V36" s="98">
        <v>0</v>
      </c>
      <c r="W36" s="99">
        <v>0</v>
      </c>
      <c r="X36" s="101">
        <v>0</v>
      </c>
      <c r="Y36" s="102">
        <v>3</v>
      </c>
      <c r="Z36" s="98">
        <v>2</v>
      </c>
      <c r="AA36" s="99">
        <v>5</v>
      </c>
      <c r="AB36" s="100">
        <v>0</v>
      </c>
      <c r="AC36" s="98">
        <v>36</v>
      </c>
      <c r="AD36" s="98">
        <v>39</v>
      </c>
      <c r="AE36" s="98">
        <v>35</v>
      </c>
      <c r="AF36" s="98">
        <v>24</v>
      </c>
      <c r="AG36" s="98">
        <v>9</v>
      </c>
      <c r="AH36" s="99">
        <v>143</v>
      </c>
      <c r="AI36" s="101">
        <v>148</v>
      </c>
    </row>
    <row r="37" spans="2:35" ht="21" customHeight="1" x14ac:dyDescent="0.2">
      <c r="B37" s="18" t="s">
        <v>36</v>
      </c>
      <c r="C37" s="97">
        <v>3</v>
      </c>
      <c r="D37" s="98">
        <v>1</v>
      </c>
      <c r="E37" s="99">
        <v>4</v>
      </c>
      <c r="F37" s="100">
        <v>0</v>
      </c>
      <c r="G37" s="98">
        <v>77</v>
      </c>
      <c r="H37" s="98">
        <v>64</v>
      </c>
      <c r="I37" s="98">
        <v>53</v>
      </c>
      <c r="J37" s="98">
        <v>22</v>
      </c>
      <c r="K37" s="98">
        <v>13</v>
      </c>
      <c r="L37" s="99">
        <v>229</v>
      </c>
      <c r="M37" s="101">
        <v>233</v>
      </c>
      <c r="N37" s="102">
        <v>0</v>
      </c>
      <c r="O37" s="98">
        <v>0</v>
      </c>
      <c r="P37" s="99">
        <v>0</v>
      </c>
      <c r="Q37" s="100">
        <v>0</v>
      </c>
      <c r="R37" s="98">
        <v>0</v>
      </c>
      <c r="S37" s="98">
        <v>2</v>
      </c>
      <c r="T37" s="98">
        <v>2</v>
      </c>
      <c r="U37" s="98">
        <v>0</v>
      </c>
      <c r="V37" s="98">
        <v>0</v>
      </c>
      <c r="W37" s="99">
        <v>4</v>
      </c>
      <c r="X37" s="101">
        <v>4</v>
      </c>
      <c r="Y37" s="102">
        <v>3</v>
      </c>
      <c r="Z37" s="98">
        <v>1</v>
      </c>
      <c r="AA37" s="99">
        <v>4</v>
      </c>
      <c r="AB37" s="100">
        <v>0</v>
      </c>
      <c r="AC37" s="98">
        <v>77</v>
      </c>
      <c r="AD37" s="98">
        <v>66</v>
      </c>
      <c r="AE37" s="98">
        <v>55</v>
      </c>
      <c r="AF37" s="98">
        <v>22</v>
      </c>
      <c r="AG37" s="98">
        <v>13</v>
      </c>
      <c r="AH37" s="99">
        <v>233</v>
      </c>
      <c r="AI37" s="101">
        <v>237</v>
      </c>
    </row>
    <row r="38" spans="2:35" ht="21" customHeight="1" thickBot="1" x14ac:dyDescent="0.25">
      <c r="B38" s="19" t="s">
        <v>37</v>
      </c>
      <c r="C38" s="103">
        <v>0</v>
      </c>
      <c r="D38" s="104">
        <v>0</v>
      </c>
      <c r="E38" s="105">
        <v>0</v>
      </c>
      <c r="F38" s="106">
        <v>0</v>
      </c>
      <c r="G38" s="104">
        <v>16</v>
      </c>
      <c r="H38" s="104">
        <v>8</v>
      </c>
      <c r="I38" s="104">
        <v>11</v>
      </c>
      <c r="J38" s="104">
        <v>0</v>
      </c>
      <c r="K38" s="104">
        <v>3</v>
      </c>
      <c r="L38" s="105">
        <v>38</v>
      </c>
      <c r="M38" s="107">
        <v>38</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6</v>
      </c>
      <c r="AD38" s="104">
        <v>8</v>
      </c>
      <c r="AE38" s="104">
        <v>11</v>
      </c>
      <c r="AF38" s="104">
        <v>0</v>
      </c>
      <c r="AG38" s="104">
        <v>3</v>
      </c>
      <c r="AH38" s="105">
        <v>38</v>
      </c>
      <c r="AI38" s="107">
        <v>38</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4</v>
      </c>
      <c r="J1" s="524"/>
      <c r="K1" s="248">
        <f>第１表!G2</f>
        <v>11</v>
      </c>
      <c r="L1" s="529">
        <f>IF(K1&lt;3,K1+12-2,K1-2)</f>
        <v>9</v>
      </c>
      <c r="M1" s="529"/>
    </row>
    <row r="2" spans="1:101" s="291" customFormat="1" ht="24" customHeight="1" thickBot="1" x14ac:dyDescent="0.25">
      <c r="A2" s="44"/>
      <c r="B2" s="290" t="s">
        <v>133</v>
      </c>
    </row>
    <row r="3" spans="1:101" ht="21" customHeight="1" thickBot="1" x14ac:dyDescent="0.25">
      <c r="B3" s="537"/>
      <c r="C3" s="540" t="s">
        <v>114</v>
      </c>
      <c r="D3" s="541"/>
      <c r="E3" s="541"/>
      <c r="F3" s="541"/>
      <c r="G3" s="541"/>
      <c r="H3" s="541"/>
      <c r="I3" s="541"/>
      <c r="J3" s="541"/>
      <c r="K3" s="541"/>
      <c r="L3" s="541"/>
      <c r="M3" s="542"/>
      <c r="N3" s="540" t="s">
        <v>115</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263" t="s">
        <v>43</v>
      </c>
      <c r="D5" s="265" t="s">
        <v>44</v>
      </c>
      <c r="E5" s="266" t="s">
        <v>45</v>
      </c>
      <c r="F5" s="267" t="s">
        <v>83</v>
      </c>
      <c r="G5" s="259" t="s">
        <v>47</v>
      </c>
      <c r="H5" s="259" t="s">
        <v>48</v>
      </c>
      <c r="I5" s="259" t="s">
        <v>49</v>
      </c>
      <c r="J5" s="259" t="s">
        <v>50</v>
      </c>
      <c r="K5" s="259" t="s">
        <v>51</v>
      </c>
      <c r="L5" s="268" t="s">
        <v>45</v>
      </c>
      <c r="M5" s="531"/>
      <c r="N5" s="263" t="s">
        <v>43</v>
      </c>
      <c r="O5" s="259" t="s">
        <v>44</v>
      </c>
      <c r="P5" s="265" t="s">
        <v>45</v>
      </c>
      <c r="Q5" s="267" t="s">
        <v>83</v>
      </c>
      <c r="R5" s="259" t="s">
        <v>47</v>
      </c>
      <c r="S5" s="259" t="s">
        <v>48</v>
      </c>
      <c r="T5" s="259" t="s">
        <v>49</v>
      </c>
      <c r="U5" s="259" t="s">
        <v>50</v>
      </c>
      <c r="V5" s="259" t="s">
        <v>51</v>
      </c>
      <c r="W5" s="265" t="s">
        <v>45</v>
      </c>
      <c r="X5" s="531"/>
      <c r="Y5" s="263" t="s">
        <v>43</v>
      </c>
      <c r="Z5" s="259" t="s">
        <v>44</v>
      </c>
      <c r="AA5" s="265" t="s">
        <v>45</v>
      </c>
      <c r="AB5" s="267" t="s">
        <v>83</v>
      </c>
      <c r="AC5" s="259" t="s">
        <v>47</v>
      </c>
      <c r="AD5" s="259" t="s">
        <v>48</v>
      </c>
      <c r="AE5" s="259" t="s">
        <v>49</v>
      </c>
      <c r="AF5" s="259" t="s">
        <v>50</v>
      </c>
      <c r="AG5" s="259" t="s">
        <v>51</v>
      </c>
      <c r="AH5" s="265" t="s">
        <v>45</v>
      </c>
      <c r="AI5" s="531"/>
      <c r="AJ5" s="340" t="s">
        <v>43</v>
      </c>
      <c r="AK5" s="259" t="s">
        <v>44</v>
      </c>
      <c r="AL5" s="265" t="s">
        <v>45</v>
      </c>
      <c r="AM5" s="267" t="s">
        <v>83</v>
      </c>
      <c r="AN5" s="259" t="s">
        <v>47</v>
      </c>
      <c r="AO5" s="259" t="s">
        <v>48</v>
      </c>
      <c r="AP5" s="259" t="s">
        <v>49</v>
      </c>
      <c r="AQ5" s="259" t="s">
        <v>50</v>
      </c>
      <c r="AR5" s="259" t="s">
        <v>51</v>
      </c>
      <c r="AS5" s="265" t="s">
        <v>45</v>
      </c>
      <c r="AT5" s="531"/>
      <c r="AU5" s="340" t="s">
        <v>43</v>
      </c>
      <c r="AV5" s="259" t="s">
        <v>44</v>
      </c>
      <c r="AW5" s="265" t="s">
        <v>45</v>
      </c>
      <c r="AX5" s="267" t="s">
        <v>83</v>
      </c>
      <c r="AY5" s="259" t="s">
        <v>47</v>
      </c>
      <c r="AZ5" s="259" t="s">
        <v>48</v>
      </c>
      <c r="BA5" s="259" t="s">
        <v>49</v>
      </c>
      <c r="BB5" s="259" t="s">
        <v>50</v>
      </c>
      <c r="BC5" s="259" t="s">
        <v>51</v>
      </c>
      <c r="BD5" s="265" t="s">
        <v>45</v>
      </c>
      <c r="BE5" s="564"/>
      <c r="BF5" s="340" t="s">
        <v>43</v>
      </c>
      <c r="BG5" s="259" t="s">
        <v>44</v>
      </c>
      <c r="BH5" s="265" t="s">
        <v>45</v>
      </c>
      <c r="BI5" s="267" t="s">
        <v>83</v>
      </c>
      <c r="BJ5" s="259" t="s">
        <v>47</v>
      </c>
      <c r="BK5" s="259" t="s">
        <v>48</v>
      </c>
      <c r="BL5" s="259" t="s">
        <v>49</v>
      </c>
      <c r="BM5" s="259" t="s">
        <v>50</v>
      </c>
      <c r="BN5" s="259" t="s">
        <v>51</v>
      </c>
      <c r="BO5" s="265" t="s">
        <v>45</v>
      </c>
      <c r="BP5" s="564"/>
      <c r="BQ5" s="340" t="s">
        <v>43</v>
      </c>
      <c r="BR5" s="259" t="s">
        <v>44</v>
      </c>
      <c r="BS5" s="265" t="s">
        <v>45</v>
      </c>
      <c r="BT5" s="267" t="s">
        <v>83</v>
      </c>
      <c r="BU5" s="259" t="s">
        <v>47</v>
      </c>
      <c r="BV5" s="259" t="s">
        <v>48</v>
      </c>
      <c r="BW5" s="259" t="s">
        <v>49</v>
      </c>
      <c r="BX5" s="259" t="s">
        <v>50</v>
      </c>
      <c r="BY5" s="259" t="s">
        <v>51</v>
      </c>
      <c r="BZ5" s="265" t="s">
        <v>45</v>
      </c>
      <c r="CA5" s="564"/>
      <c r="CB5" s="340" t="s">
        <v>43</v>
      </c>
      <c r="CC5" s="259" t="s">
        <v>44</v>
      </c>
      <c r="CD5" s="265" t="s">
        <v>45</v>
      </c>
      <c r="CE5" s="267" t="s">
        <v>83</v>
      </c>
      <c r="CF5" s="259" t="s">
        <v>47</v>
      </c>
      <c r="CG5" s="259" t="s">
        <v>48</v>
      </c>
      <c r="CH5" s="259" t="s">
        <v>49</v>
      </c>
      <c r="CI5" s="259" t="s">
        <v>50</v>
      </c>
      <c r="CJ5" s="259" t="s">
        <v>51</v>
      </c>
      <c r="CK5" s="265" t="s">
        <v>45</v>
      </c>
      <c r="CL5" s="564"/>
      <c r="CM5" s="340"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1</v>
      </c>
      <c r="D6" s="270">
        <v>0</v>
      </c>
      <c r="E6" s="271">
        <v>1</v>
      </c>
      <c r="F6" s="272">
        <v>0</v>
      </c>
      <c r="G6" s="273">
        <v>315</v>
      </c>
      <c r="H6" s="273">
        <v>365</v>
      </c>
      <c r="I6" s="273">
        <v>329</v>
      </c>
      <c r="J6" s="273">
        <v>377</v>
      </c>
      <c r="K6" s="273">
        <v>349</v>
      </c>
      <c r="L6" s="274">
        <v>1735</v>
      </c>
      <c r="M6" s="275">
        <v>1736</v>
      </c>
      <c r="N6" s="269">
        <v>0</v>
      </c>
      <c r="O6" s="273">
        <v>0</v>
      </c>
      <c r="P6" s="270">
        <v>0</v>
      </c>
      <c r="Q6" s="272">
        <v>0</v>
      </c>
      <c r="R6" s="273">
        <v>200</v>
      </c>
      <c r="S6" s="273">
        <v>543</v>
      </c>
      <c r="T6" s="273">
        <v>483</v>
      </c>
      <c r="U6" s="273">
        <v>461</v>
      </c>
      <c r="V6" s="273">
        <v>395</v>
      </c>
      <c r="W6" s="270">
        <v>2082</v>
      </c>
      <c r="X6" s="275">
        <v>2082</v>
      </c>
      <c r="Y6" s="269">
        <v>0</v>
      </c>
      <c r="Z6" s="273">
        <v>1</v>
      </c>
      <c r="AA6" s="270">
        <v>1</v>
      </c>
      <c r="AB6" s="272">
        <v>0</v>
      </c>
      <c r="AC6" s="273">
        <v>13259</v>
      </c>
      <c r="AD6" s="273">
        <v>12019</v>
      </c>
      <c r="AE6" s="273">
        <v>5777</v>
      </c>
      <c r="AF6" s="273">
        <v>2928</v>
      </c>
      <c r="AG6" s="273">
        <v>1368</v>
      </c>
      <c r="AH6" s="270">
        <v>35351</v>
      </c>
      <c r="AI6" s="275">
        <v>35352</v>
      </c>
      <c r="AJ6" s="269">
        <v>11</v>
      </c>
      <c r="AK6" s="273">
        <v>6</v>
      </c>
      <c r="AL6" s="270">
        <v>17</v>
      </c>
      <c r="AM6" s="272">
        <v>0</v>
      </c>
      <c r="AN6" s="273">
        <v>809</v>
      </c>
      <c r="AO6" s="273">
        <v>952</v>
      </c>
      <c r="AP6" s="273">
        <v>1074</v>
      </c>
      <c r="AQ6" s="273">
        <v>581</v>
      </c>
      <c r="AR6" s="273">
        <v>462</v>
      </c>
      <c r="AS6" s="270">
        <v>3878</v>
      </c>
      <c r="AT6" s="275">
        <v>3895</v>
      </c>
      <c r="AU6" s="269">
        <v>182</v>
      </c>
      <c r="AV6" s="273">
        <v>283</v>
      </c>
      <c r="AW6" s="270">
        <v>465</v>
      </c>
      <c r="AX6" s="272">
        <v>0</v>
      </c>
      <c r="AY6" s="273">
        <v>1417</v>
      </c>
      <c r="AZ6" s="273">
        <v>1587</v>
      </c>
      <c r="BA6" s="273">
        <v>1342</v>
      </c>
      <c r="BB6" s="273">
        <v>987</v>
      </c>
      <c r="BC6" s="273">
        <v>481</v>
      </c>
      <c r="BD6" s="270">
        <v>5814</v>
      </c>
      <c r="BE6" s="275">
        <v>6279</v>
      </c>
      <c r="BF6" s="269">
        <v>0</v>
      </c>
      <c r="BG6" s="273">
        <v>43</v>
      </c>
      <c r="BH6" s="270">
        <v>43</v>
      </c>
      <c r="BI6" s="272">
        <v>0</v>
      </c>
      <c r="BJ6" s="273">
        <v>2596</v>
      </c>
      <c r="BK6" s="273">
        <v>3226</v>
      </c>
      <c r="BL6" s="273">
        <v>3470</v>
      </c>
      <c r="BM6" s="273">
        <v>2283</v>
      </c>
      <c r="BN6" s="273">
        <v>1620</v>
      </c>
      <c r="BO6" s="274">
        <v>13195</v>
      </c>
      <c r="BP6" s="275">
        <v>13238</v>
      </c>
      <c r="BQ6" s="269">
        <v>0</v>
      </c>
      <c r="BR6" s="273">
        <v>0</v>
      </c>
      <c r="BS6" s="270">
        <v>0</v>
      </c>
      <c r="BT6" s="272">
        <v>0</v>
      </c>
      <c r="BU6" s="273">
        <v>35</v>
      </c>
      <c r="BV6" s="273">
        <v>56</v>
      </c>
      <c r="BW6" s="273">
        <v>58</v>
      </c>
      <c r="BX6" s="273">
        <v>67</v>
      </c>
      <c r="BY6" s="273">
        <v>53</v>
      </c>
      <c r="BZ6" s="270">
        <v>269</v>
      </c>
      <c r="CA6" s="275">
        <v>269</v>
      </c>
      <c r="CB6" s="269">
        <v>0</v>
      </c>
      <c r="CC6" s="273">
        <v>0</v>
      </c>
      <c r="CD6" s="270">
        <v>0</v>
      </c>
      <c r="CE6" s="272">
        <v>0</v>
      </c>
      <c r="CF6" s="273">
        <v>9</v>
      </c>
      <c r="CG6" s="273">
        <v>37</v>
      </c>
      <c r="CH6" s="273">
        <v>244</v>
      </c>
      <c r="CI6" s="273">
        <v>333</v>
      </c>
      <c r="CJ6" s="273">
        <v>216</v>
      </c>
      <c r="CK6" s="270">
        <v>839</v>
      </c>
      <c r="CL6" s="275">
        <v>839</v>
      </c>
      <c r="CM6" s="269">
        <v>0</v>
      </c>
      <c r="CN6" s="273">
        <v>0</v>
      </c>
      <c r="CO6" s="270">
        <v>0</v>
      </c>
      <c r="CP6" s="272">
        <v>0</v>
      </c>
      <c r="CQ6" s="273">
        <v>181</v>
      </c>
      <c r="CR6" s="273">
        <v>289</v>
      </c>
      <c r="CS6" s="273">
        <v>278</v>
      </c>
      <c r="CT6" s="273">
        <v>344</v>
      </c>
      <c r="CU6" s="273">
        <v>430</v>
      </c>
      <c r="CV6" s="270">
        <v>1522</v>
      </c>
      <c r="CW6" s="275">
        <v>1522</v>
      </c>
    </row>
    <row r="7" spans="1:101" ht="21" customHeight="1" x14ac:dyDescent="0.2">
      <c r="B7" s="261" t="s">
        <v>5</v>
      </c>
      <c r="C7" s="276">
        <v>0</v>
      </c>
      <c r="D7" s="277">
        <v>0</v>
      </c>
      <c r="E7" s="278">
        <v>0</v>
      </c>
      <c r="F7" s="279">
        <v>0</v>
      </c>
      <c r="G7" s="280">
        <v>123</v>
      </c>
      <c r="H7" s="280">
        <v>160</v>
      </c>
      <c r="I7" s="280">
        <v>164</v>
      </c>
      <c r="J7" s="280">
        <v>171</v>
      </c>
      <c r="K7" s="280">
        <v>164</v>
      </c>
      <c r="L7" s="281">
        <v>782</v>
      </c>
      <c r="M7" s="282">
        <v>782</v>
      </c>
      <c r="N7" s="276">
        <v>0</v>
      </c>
      <c r="O7" s="280">
        <v>0</v>
      </c>
      <c r="P7" s="277">
        <v>0</v>
      </c>
      <c r="Q7" s="279">
        <v>0</v>
      </c>
      <c r="R7" s="280">
        <v>108</v>
      </c>
      <c r="S7" s="280">
        <v>409</v>
      </c>
      <c r="T7" s="280">
        <v>361</v>
      </c>
      <c r="U7" s="280">
        <v>338</v>
      </c>
      <c r="V7" s="280">
        <v>293</v>
      </c>
      <c r="W7" s="277">
        <v>1509</v>
      </c>
      <c r="X7" s="282">
        <v>1509</v>
      </c>
      <c r="Y7" s="276">
        <v>0</v>
      </c>
      <c r="Z7" s="280">
        <v>0</v>
      </c>
      <c r="AA7" s="277">
        <v>0</v>
      </c>
      <c r="AB7" s="279">
        <v>0</v>
      </c>
      <c r="AC7" s="280">
        <v>4558</v>
      </c>
      <c r="AD7" s="280">
        <v>5664</v>
      </c>
      <c r="AE7" s="280">
        <v>2599</v>
      </c>
      <c r="AF7" s="280">
        <v>1332</v>
      </c>
      <c r="AG7" s="280">
        <v>618</v>
      </c>
      <c r="AH7" s="277">
        <v>14771</v>
      </c>
      <c r="AI7" s="282">
        <v>14771</v>
      </c>
      <c r="AJ7" s="276">
        <v>5</v>
      </c>
      <c r="AK7" s="280">
        <v>1</v>
      </c>
      <c r="AL7" s="277">
        <v>6</v>
      </c>
      <c r="AM7" s="279">
        <v>0</v>
      </c>
      <c r="AN7" s="280">
        <v>384</v>
      </c>
      <c r="AO7" s="280">
        <v>502</v>
      </c>
      <c r="AP7" s="280">
        <v>553</v>
      </c>
      <c r="AQ7" s="280">
        <v>312</v>
      </c>
      <c r="AR7" s="280">
        <v>266</v>
      </c>
      <c r="AS7" s="277">
        <v>2017</v>
      </c>
      <c r="AT7" s="282">
        <v>2023</v>
      </c>
      <c r="AU7" s="276">
        <v>74</v>
      </c>
      <c r="AV7" s="280">
        <v>110</v>
      </c>
      <c r="AW7" s="277">
        <v>184</v>
      </c>
      <c r="AX7" s="279">
        <v>0</v>
      </c>
      <c r="AY7" s="280">
        <v>496</v>
      </c>
      <c r="AZ7" s="280">
        <v>661</v>
      </c>
      <c r="BA7" s="280">
        <v>569</v>
      </c>
      <c r="BB7" s="280">
        <v>426</v>
      </c>
      <c r="BC7" s="280">
        <v>242</v>
      </c>
      <c r="BD7" s="277">
        <v>2394</v>
      </c>
      <c r="BE7" s="282">
        <v>2578</v>
      </c>
      <c r="BF7" s="276">
        <v>0</v>
      </c>
      <c r="BG7" s="280">
        <v>18</v>
      </c>
      <c r="BH7" s="277">
        <v>18</v>
      </c>
      <c r="BI7" s="279">
        <v>0</v>
      </c>
      <c r="BJ7" s="280">
        <v>1152</v>
      </c>
      <c r="BK7" s="280">
        <v>1451</v>
      </c>
      <c r="BL7" s="280">
        <v>1443</v>
      </c>
      <c r="BM7" s="280">
        <v>947</v>
      </c>
      <c r="BN7" s="280">
        <v>719</v>
      </c>
      <c r="BO7" s="281">
        <v>5712</v>
      </c>
      <c r="BP7" s="282">
        <v>5730</v>
      </c>
      <c r="BQ7" s="276">
        <v>0</v>
      </c>
      <c r="BR7" s="280">
        <v>0</v>
      </c>
      <c r="BS7" s="277">
        <v>0</v>
      </c>
      <c r="BT7" s="279">
        <v>0</v>
      </c>
      <c r="BU7" s="280">
        <v>1</v>
      </c>
      <c r="BV7" s="280">
        <v>1</v>
      </c>
      <c r="BW7" s="280">
        <v>4</v>
      </c>
      <c r="BX7" s="280">
        <v>1</v>
      </c>
      <c r="BY7" s="280">
        <v>5</v>
      </c>
      <c r="BZ7" s="277">
        <v>12</v>
      </c>
      <c r="CA7" s="282">
        <v>12</v>
      </c>
      <c r="CB7" s="276">
        <v>0</v>
      </c>
      <c r="CC7" s="280">
        <v>0</v>
      </c>
      <c r="CD7" s="277">
        <v>0</v>
      </c>
      <c r="CE7" s="279">
        <v>0</v>
      </c>
      <c r="CF7" s="280">
        <v>4</v>
      </c>
      <c r="CG7" s="280">
        <v>12</v>
      </c>
      <c r="CH7" s="280">
        <v>32</v>
      </c>
      <c r="CI7" s="280">
        <v>41</v>
      </c>
      <c r="CJ7" s="280">
        <v>24</v>
      </c>
      <c r="CK7" s="277">
        <v>113</v>
      </c>
      <c r="CL7" s="282">
        <v>113</v>
      </c>
      <c r="CM7" s="276">
        <v>0</v>
      </c>
      <c r="CN7" s="280">
        <v>0</v>
      </c>
      <c r="CO7" s="277">
        <v>0</v>
      </c>
      <c r="CP7" s="279">
        <v>0</v>
      </c>
      <c r="CQ7" s="280">
        <v>31</v>
      </c>
      <c r="CR7" s="280">
        <v>75</v>
      </c>
      <c r="CS7" s="280">
        <v>71</v>
      </c>
      <c r="CT7" s="280">
        <v>89</v>
      </c>
      <c r="CU7" s="280">
        <v>164</v>
      </c>
      <c r="CV7" s="277">
        <v>430</v>
      </c>
      <c r="CW7" s="282">
        <v>430</v>
      </c>
    </row>
    <row r="8" spans="1:101" ht="21" customHeight="1" x14ac:dyDescent="0.2">
      <c r="B8" s="261" t="s">
        <v>6</v>
      </c>
      <c r="C8" s="276">
        <v>1</v>
      </c>
      <c r="D8" s="277">
        <v>0</v>
      </c>
      <c r="E8" s="278">
        <v>1</v>
      </c>
      <c r="F8" s="279">
        <v>0</v>
      </c>
      <c r="G8" s="280">
        <v>80</v>
      </c>
      <c r="H8" s="280">
        <v>84</v>
      </c>
      <c r="I8" s="280">
        <v>64</v>
      </c>
      <c r="J8" s="280">
        <v>104</v>
      </c>
      <c r="K8" s="280">
        <v>106</v>
      </c>
      <c r="L8" s="281">
        <v>438</v>
      </c>
      <c r="M8" s="282">
        <v>439</v>
      </c>
      <c r="N8" s="276">
        <v>0</v>
      </c>
      <c r="O8" s="280">
        <v>0</v>
      </c>
      <c r="P8" s="277">
        <v>0</v>
      </c>
      <c r="Q8" s="279">
        <v>0</v>
      </c>
      <c r="R8" s="280">
        <v>65</v>
      </c>
      <c r="S8" s="280">
        <v>101</v>
      </c>
      <c r="T8" s="280">
        <v>93</v>
      </c>
      <c r="U8" s="280">
        <v>97</v>
      </c>
      <c r="V8" s="280">
        <v>82</v>
      </c>
      <c r="W8" s="277">
        <v>438</v>
      </c>
      <c r="X8" s="282">
        <v>438</v>
      </c>
      <c r="Y8" s="276">
        <v>0</v>
      </c>
      <c r="Z8" s="280">
        <v>0</v>
      </c>
      <c r="AA8" s="277">
        <v>0</v>
      </c>
      <c r="AB8" s="279">
        <v>0</v>
      </c>
      <c r="AC8" s="280">
        <v>1982</v>
      </c>
      <c r="AD8" s="280">
        <v>1279</v>
      </c>
      <c r="AE8" s="280">
        <v>715</v>
      </c>
      <c r="AF8" s="280">
        <v>439</v>
      </c>
      <c r="AG8" s="280">
        <v>219</v>
      </c>
      <c r="AH8" s="277">
        <v>4634</v>
      </c>
      <c r="AI8" s="282">
        <v>4634</v>
      </c>
      <c r="AJ8" s="276">
        <v>3</v>
      </c>
      <c r="AK8" s="280">
        <v>1</v>
      </c>
      <c r="AL8" s="277">
        <v>4</v>
      </c>
      <c r="AM8" s="279">
        <v>0</v>
      </c>
      <c r="AN8" s="280">
        <v>185</v>
      </c>
      <c r="AO8" s="280">
        <v>194</v>
      </c>
      <c r="AP8" s="280">
        <v>215</v>
      </c>
      <c r="AQ8" s="280">
        <v>132</v>
      </c>
      <c r="AR8" s="280">
        <v>85</v>
      </c>
      <c r="AS8" s="277">
        <v>811</v>
      </c>
      <c r="AT8" s="282">
        <v>815</v>
      </c>
      <c r="AU8" s="276">
        <v>21</v>
      </c>
      <c r="AV8" s="280">
        <v>33</v>
      </c>
      <c r="AW8" s="277">
        <v>54</v>
      </c>
      <c r="AX8" s="279">
        <v>0</v>
      </c>
      <c r="AY8" s="280">
        <v>240</v>
      </c>
      <c r="AZ8" s="280">
        <v>235</v>
      </c>
      <c r="BA8" s="280">
        <v>178</v>
      </c>
      <c r="BB8" s="280">
        <v>140</v>
      </c>
      <c r="BC8" s="280">
        <v>68</v>
      </c>
      <c r="BD8" s="277">
        <v>861</v>
      </c>
      <c r="BE8" s="282">
        <v>915</v>
      </c>
      <c r="BF8" s="276">
        <v>0</v>
      </c>
      <c r="BG8" s="280">
        <v>5</v>
      </c>
      <c r="BH8" s="277">
        <v>5</v>
      </c>
      <c r="BI8" s="279">
        <v>0</v>
      </c>
      <c r="BJ8" s="280">
        <v>466</v>
      </c>
      <c r="BK8" s="280">
        <v>548</v>
      </c>
      <c r="BL8" s="280">
        <v>568</v>
      </c>
      <c r="BM8" s="280">
        <v>379</v>
      </c>
      <c r="BN8" s="280">
        <v>252</v>
      </c>
      <c r="BO8" s="281">
        <v>2213</v>
      </c>
      <c r="BP8" s="282">
        <v>2218</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4</v>
      </c>
      <c r="CG8" s="280">
        <v>7</v>
      </c>
      <c r="CH8" s="280">
        <v>69</v>
      </c>
      <c r="CI8" s="280">
        <v>98</v>
      </c>
      <c r="CJ8" s="280">
        <v>66</v>
      </c>
      <c r="CK8" s="277">
        <v>244</v>
      </c>
      <c r="CL8" s="282">
        <v>244</v>
      </c>
      <c r="CM8" s="276">
        <v>0</v>
      </c>
      <c r="CN8" s="280">
        <v>0</v>
      </c>
      <c r="CO8" s="277">
        <v>0</v>
      </c>
      <c r="CP8" s="279">
        <v>0</v>
      </c>
      <c r="CQ8" s="280">
        <v>52</v>
      </c>
      <c r="CR8" s="280">
        <v>79</v>
      </c>
      <c r="CS8" s="280">
        <v>74</v>
      </c>
      <c r="CT8" s="280">
        <v>91</v>
      </c>
      <c r="CU8" s="280">
        <v>99</v>
      </c>
      <c r="CV8" s="277">
        <v>395</v>
      </c>
      <c r="CW8" s="282">
        <v>395</v>
      </c>
    </row>
    <row r="9" spans="1:101" ht="21" customHeight="1" x14ac:dyDescent="0.2">
      <c r="B9" s="261" t="s">
        <v>14</v>
      </c>
      <c r="C9" s="276">
        <v>0</v>
      </c>
      <c r="D9" s="277">
        <v>0</v>
      </c>
      <c r="E9" s="278">
        <v>0</v>
      </c>
      <c r="F9" s="279">
        <v>0</v>
      </c>
      <c r="G9" s="280">
        <v>19</v>
      </c>
      <c r="H9" s="280">
        <v>15</v>
      </c>
      <c r="I9" s="280">
        <v>22</v>
      </c>
      <c r="J9" s="280">
        <v>15</v>
      </c>
      <c r="K9" s="280">
        <v>13</v>
      </c>
      <c r="L9" s="281">
        <v>84</v>
      </c>
      <c r="M9" s="282">
        <v>84</v>
      </c>
      <c r="N9" s="276">
        <v>0</v>
      </c>
      <c r="O9" s="280">
        <v>0</v>
      </c>
      <c r="P9" s="277">
        <v>0</v>
      </c>
      <c r="Q9" s="279">
        <v>0</v>
      </c>
      <c r="R9" s="280">
        <v>0</v>
      </c>
      <c r="S9" s="280">
        <v>1</v>
      </c>
      <c r="T9" s="280">
        <v>3</v>
      </c>
      <c r="U9" s="280">
        <v>2</v>
      </c>
      <c r="V9" s="280">
        <v>2</v>
      </c>
      <c r="W9" s="277">
        <v>8</v>
      </c>
      <c r="X9" s="282">
        <v>8</v>
      </c>
      <c r="Y9" s="276">
        <v>0</v>
      </c>
      <c r="Z9" s="280">
        <v>0</v>
      </c>
      <c r="AA9" s="277">
        <v>0</v>
      </c>
      <c r="AB9" s="279">
        <v>0</v>
      </c>
      <c r="AC9" s="280">
        <v>1000</v>
      </c>
      <c r="AD9" s="280">
        <v>1087</v>
      </c>
      <c r="AE9" s="280">
        <v>511</v>
      </c>
      <c r="AF9" s="280">
        <v>266</v>
      </c>
      <c r="AG9" s="280">
        <v>118</v>
      </c>
      <c r="AH9" s="277">
        <v>2982</v>
      </c>
      <c r="AI9" s="282">
        <v>2982</v>
      </c>
      <c r="AJ9" s="276">
        <v>1</v>
      </c>
      <c r="AK9" s="280">
        <v>0</v>
      </c>
      <c r="AL9" s="277">
        <v>1</v>
      </c>
      <c r="AM9" s="279">
        <v>0</v>
      </c>
      <c r="AN9" s="280">
        <v>19</v>
      </c>
      <c r="AO9" s="280">
        <v>24</v>
      </c>
      <c r="AP9" s="280">
        <v>30</v>
      </c>
      <c r="AQ9" s="280">
        <v>20</v>
      </c>
      <c r="AR9" s="280">
        <v>21</v>
      </c>
      <c r="AS9" s="277">
        <v>114</v>
      </c>
      <c r="AT9" s="282">
        <v>115</v>
      </c>
      <c r="AU9" s="276">
        <v>17</v>
      </c>
      <c r="AV9" s="280">
        <v>29</v>
      </c>
      <c r="AW9" s="277">
        <v>46</v>
      </c>
      <c r="AX9" s="279">
        <v>0</v>
      </c>
      <c r="AY9" s="280">
        <v>122</v>
      </c>
      <c r="AZ9" s="280">
        <v>142</v>
      </c>
      <c r="BA9" s="280">
        <v>117</v>
      </c>
      <c r="BB9" s="280">
        <v>88</v>
      </c>
      <c r="BC9" s="280">
        <v>23</v>
      </c>
      <c r="BD9" s="277">
        <v>492</v>
      </c>
      <c r="BE9" s="282">
        <v>538</v>
      </c>
      <c r="BF9" s="276">
        <v>0</v>
      </c>
      <c r="BG9" s="280">
        <v>2</v>
      </c>
      <c r="BH9" s="277">
        <v>2</v>
      </c>
      <c r="BI9" s="279">
        <v>0</v>
      </c>
      <c r="BJ9" s="280">
        <v>232</v>
      </c>
      <c r="BK9" s="280">
        <v>290</v>
      </c>
      <c r="BL9" s="280">
        <v>343</v>
      </c>
      <c r="BM9" s="280">
        <v>209</v>
      </c>
      <c r="BN9" s="280">
        <v>154</v>
      </c>
      <c r="BO9" s="281">
        <v>1228</v>
      </c>
      <c r="BP9" s="282">
        <v>1230</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2</v>
      </c>
      <c r="CH9" s="280">
        <v>15</v>
      </c>
      <c r="CI9" s="280">
        <v>30</v>
      </c>
      <c r="CJ9" s="280">
        <v>11</v>
      </c>
      <c r="CK9" s="277">
        <v>58</v>
      </c>
      <c r="CL9" s="282">
        <v>58</v>
      </c>
      <c r="CM9" s="276">
        <v>0</v>
      </c>
      <c r="CN9" s="280">
        <v>0</v>
      </c>
      <c r="CO9" s="277">
        <v>0</v>
      </c>
      <c r="CP9" s="279">
        <v>0</v>
      </c>
      <c r="CQ9" s="280">
        <v>11</v>
      </c>
      <c r="CR9" s="280">
        <v>14</v>
      </c>
      <c r="CS9" s="280">
        <v>19</v>
      </c>
      <c r="CT9" s="280">
        <v>17</v>
      </c>
      <c r="CU9" s="280">
        <v>16</v>
      </c>
      <c r="CV9" s="277">
        <v>77</v>
      </c>
      <c r="CW9" s="282">
        <v>77</v>
      </c>
    </row>
    <row r="10" spans="1:101" ht="21" customHeight="1" x14ac:dyDescent="0.2">
      <c r="B10" s="261" t="s">
        <v>7</v>
      </c>
      <c r="C10" s="276">
        <v>0</v>
      </c>
      <c r="D10" s="277">
        <v>0</v>
      </c>
      <c r="E10" s="278">
        <v>0</v>
      </c>
      <c r="F10" s="279">
        <v>0</v>
      </c>
      <c r="G10" s="280">
        <v>3</v>
      </c>
      <c r="H10" s="280">
        <v>11</v>
      </c>
      <c r="I10" s="280">
        <v>7</v>
      </c>
      <c r="J10" s="280">
        <v>6</v>
      </c>
      <c r="K10" s="280">
        <v>6</v>
      </c>
      <c r="L10" s="281">
        <v>33</v>
      </c>
      <c r="M10" s="282">
        <v>33</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1088</v>
      </c>
      <c r="AD10" s="280">
        <v>635</v>
      </c>
      <c r="AE10" s="280">
        <v>304</v>
      </c>
      <c r="AF10" s="280">
        <v>124</v>
      </c>
      <c r="AG10" s="280">
        <v>57</v>
      </c>
      <c r="AH10" s="277">
        <v>2208</v>
      </c>
      <c r="AI10" s="282">
        <v>2208</v>
      </c>
      <c r="AJ10" s="276">
        <v>0</v>
      </c>
      <c r="AK10" s="280">
        <v>0</v>
      </c>
      <c r="AL10" s="277">
        <v>0</v>
      </c>
      <c r="AM10" s="279">
        <v>0</v>
      </c>
      <c r="AN10" s="280">
        <v>90</v>
      </c>
      <c r="AO10" s="280">
        <v>99</v>
      </c>
      <c r="AP10" s="280">
        <v>106</v>
      </c>
      <c r="AQ10" s="280">
        <v>39</v>
      </c>
      <c r="AR10" s="280">
        <v>17</v>
      </c>
      <c r="AS10" s="277">
        <v>351</v>
      </c>
      <c r="AT10" s="282">
        <v>351</v>
      </c>
      <c r="AU10" s="276">
        <v>8</v>
      </c>
      <c r="AV10" s="280">
        <v>12</v>
      </c>
      <c r="AW10" s="277">
        <v>20</v>
      </c>
      <c r="AX10" s="279">
        <v>0</v>
      </c>
      <c r="AY10" s="280">
        <v>56</v>
      </c>
      <c r="AZ10" s="280">
        <v>38</v>
      </c>
      <c r="BA10" s="280">
        <v>35</v>
      </c>
      <c r="BB10" s="280">
        <v>23</v>
      </c>
      <c r="BC10" s="280">
        <v>4</v>
      </c>
      <c r="BD10" s="277">
        <v>156</v>
      </c>
      <c r="BE10" s="282">
        <v>176</v>
      </c>
      <c r="BF10" s="276">
        <v>0</v>
      </c>
      <c r="BG10" s="280">
        <v>0</v>
      </c>
      <c r="BH10" s="277">
        <v>0</v>
      </c>
      <c r="BI10" s="279">
        <v>0</v>
      </c>
      <c r="BJ10" s="280">
        <v>117</v>
      </c>
      <c r="BK10" s="280">
        <v>137</v>
      </c>
      <c r="BL10" s="280">
        <v>192</v>
      </c>
      <c r="BM10" s="280">
        <v>140</v>
      </c>
      <c r="BN10" s="280">
        <v>80</v>
      </c>
      <c r="BO10" s="281">
        <v>666</v>
      </c>
      <c r="BP10" s="282">
        <v>666</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0</v>
      </c>
      <c r="CR10" s="280">
        <v>15</v>
      </c>
      <c r="CS10" s="280">
        <v>8</v>
      </c>
      <c r="CT10" s="280">
        <v>11</v>
      </c>
      <c r="CU10" s="280">
        <v>20</v>
      </c>
      <c r="CV10" s="277">
        <v>64</v>
      </c>
      <c r="CW10" s="282">
        <v>64</v>
      </c>
    </row>
    <row r="11" spans="1:101" ht="21" customHeight="1" x14ac:dyDescent="0.2">
      <c r="B11" s="261" t="s">
        <v>8</v>
      </c>
      <c r="C11" s="276">
        <v>0</v>
      </c>
      <c r="D11" s="277">
        <v>0</v>
      </c>
      <c r="E11" s="278">
        <v>0</v>
      </c>
      <c r="F11" s="279">
        <v>0</v>
      </c>
      <c r="G11" s="280">
        <v>3</v>
      </c>
      <c r="H11" s="280">
        <v>9</v>
      </c>
      <c r="I11" s="280">
        <v>4</v>
      </c>
      <c r="J11" s="280">
        <v>6</v>
      </c>
      <c r="K11" s="280">
        <v>2</v>
      </c>
      <c r="L11" s="281">
        <v>24</v>
      </c>
      <c r="M11" s="282">
        <v>24</v>
      </c>
      <c r="N11" s="276">
        <v>0</v>
      </c>
      <c r="O11" s="280">
        <v>0</v>
      </c>
      <c r="P11" s="277">
        <v>0</v>
      </c>
      <c r="Q11" s="279">
        <v>0</v>
      </c>
      <c r="R11" s="280">
        <v>2</v>
      </c>
      <c r="S11" s="280">
        <v>1</v>
      </c>
      <c r="T11" s="280">
        <v>0</v>
      </c>
      <c r="U11" s="280">
        <v>0</v>
      </c>
      <c r="V11" s="280">
        <v>6</v>
      </c>
      <c r="W11" s="277">
        <v>9</v>
      </c>
      <c r="X11" s="282">
        <v>9</v>
      </c>
      <c r="Y11" s="276">
        <v>0</v>
      </c>
      <c r="Z11" s="280">
        <v>0</v>
      </c>
      <c r="AA11" s="277">
        <v>0</v>
      </c>
      <c r="AB11" s="279">
        <v>0</v>
      </c>
      <c r="AC11" s="280">
        <v>602</v>
      </c>
      <c r="AD11" s="280">
        <v>505</v>
      </c>
      <c r="AE11" s="280">
        <v>241</v>
      </c>
      <c r="AF11" s="280">
        <v>82</v>
      </c>
      <c r="AG11" s="280">
        <v>50</v>
      </c>
      <c r="AH11" s="277">
        <v>1480</v>
      </c>
      <c r="AI11" s="282">
        <v>1480</v>
      </c>
      <c r="AJ11" s="276">
        <v>0</v>
      </c>
      <c r="AK11" s="280">
        <v>0</v>
      </c>
      <c r="AL11" s="277">
        <v>0</v>
      </c>
      <c r="AM11" s="279">
        <v>0</v>
      </c>
      <c r="AN11" s="280">
        <v>9</v>
      </c>
      <c r="AO11" s="280">
        <v>10</v>
      </c>
      <c r="AP11" s="280">
        <v>8</v>
      </c>
      <c r="AQ11" s="280">
        <v>7</v>
      </c>
      <c r="AR11" s="280">
        <v>7</v>
      </c>
      <c r="AS11" s="277">
        <v>41</v>
      </c>
      <c r="AT11" s="282">
        <v>41</v>
      </c>
      <c r="AU11" s="276">
        <v>10</v>
      </c>
      <c r="AV11" s="280">
        <v>13</v>
      </c>
      <c r="AW11" s="277">
        <v>23</v>
      </c>
      <c r="AX11" s="279">
        <v>0</v>
      </c>
      <c r="AY11" s="280">
        <v>73</v>
      </c>
      <c r="AZ11" s="280">
        <v>55</v>
      </c>
      <c r="BA11" s="280">
        <v>58</v>
      </c>
      <c r="BB11" s="280">
        <v>29</v>
      </c>
      <c r="BC11" s="280">
        <v>5</v>
      </c>
      <c r="BD11" s="277">
        <v>220</v>
      </c>
      <c r="BE11" s="282">
        <v>243</v>
      </c>
      <c r="BF11" s="276">
        <v>0</v>
      </c>
      <c r="BG11" s="280">
        <v>0</v>
      </c>
      <c r="BH11" s="277">
        <v>0</v>
      </c>
      <c r="BI11" s="279">
        <v>0</v>
      </c>
      <c r="BJ11" s="280">
        <v>65</v>
      </c>
      <c r="BK11" s="280">
        <v>80</v>
      </c>
      <c r="BL11" s="280">
        <v>74</v>
      </c>
      <c r="BM11" s="280">
        <v>55</v>
      </c>
      <c r="BN11" s="280">
        <v>36</v>
      </c>
      <c r="BO11" s="281">
        <v>310</v>
      </c>
      <c r="BP11" s="282">
        <v>310</v>
      </c>
      <c r="BQ11" s="276">
        <v>0</v>
      </c>
      <c r="BR11" s="280">
        <v>0</v>
      </c>
      <c r="BS11" s="277">
        <v>0</v>
      </c>
      <c r="BT11" s="279">
        <v>0</v>
      </c>
      <c r="BU11" s="280">
        <v>2</v>
      </c>
      <c r="BV11" s="280">
        <v>10</v>
      </c>
      <c r="BW11" s="280">
        <v>10</v>
      </c>
      <c r="BX11" s="280">
        <v>13</v>
      </c>
      <c r="BY11" s="280">
        <v>3</v>
      </c>
      <c r="BZ11" s="277">
        <v>38</v>
      </c>
      <c r="CA11" s="282">
        <v>38</v>
      </c>
      <c r="CB11" s="276">
        <v>0</v>
      </c>
      <c r="CC11" s="280">
        <v>0</v>
      </c>
      <c r="CD11" s="277">
        <v>0</v>
      </c>
      <c r="CE11" s="279">
        <v>0</v>
      </c>
      <c r="CF11" s="280">
        <v>0</v>
      </c>
      <c r="CG11" s="280">
        <v>2</v>
      </c>
      <c r="CH11" s="280">
        <v>14</v>
      </c>
      <c r="CI11" s="280">
        <v>18</v>
      </c>
      <c r="CJ11" s="280">
        <v>14</v>
      </c>
      <c r="CK11" s="277">
        <v>48</v>
      </c>
      <c r="CL11" s="282">
        <v>48</v>
      </c>
      <c r="CM11" s="276">
        <v>0</v>
      </c>
      <c r="CN11" s="280">
        <v>0</v>
      </c>
      <c r="CO11" s="277">
        <v>0</v>
      </c>
      <c r="CP11" s="279">
        <v>0</v>
      </c>
      <c r="CQ11" s="280">
        <v>10</v>
      </c>
      <c r="CR11" s="280">
        <v>16</v>
      </c>
      <c r="CS11" s="280">
        <v>14</v>
      </c>
      <c r="CT11" s="280">
        <v>9</v>
      </c>
      <c r="CU11" s="280">
        <v>9</v>
      </c>
      <c r="CV11" s="277">
        <v>58</v>
      </c>
      <c r="CW11" s="282">
        <v>58</v>
      </c>
    </row>
    <row r="12" spans="1:101" ht="21" customHeight="1" x14ac:dyDescent="0.2">
      <c r="B12" s="261" t="s">
        <v>9</v>
      </c>
      <c r="C12" s="276">
        <v>0</v>
      </c>
      <c r="D12" s="277">
        <v>0</v>
      </c>
      <c r="E12" s="278">
        <v>0</v>
      </c>
      <c r="F12" s="279">
        <v>0</v>
      </c>
      <c r="G12" s="280">
        <v>2</v>
      </c>
      <c r="H12" s="280">
        <v>6</v>
      </c>
      <c r="I12" s="280">
        <v>3</v>
      </c>
      <c r="J12" s="280">
        <v>8</v>
      </c>
      <c r="K12" s="280">
        <v>10</v>
      </c>
      <c r="L12" s="281">
        <v>29</v>
      </c>
      <c r="M12" s="282">
        <v>29</v>
      </c>
      <c r="N12" s="276">
        <v>0</v>
      </c>
      <c r="O12" s="280">
        <v>0</v>
      </c>
      <c r="P12" s="277">
        <v>0</v>
      </c>
      <c r="Q12" s="279">
        <v>0</v>
      </c>
      <c r="R12" s="280">
        <v>0</v>
      </c>
      <c r="S12" s="280">
        <v>0</v>
      </c>
      <c r="T12" s="280">
        <v>0</v>
      </c>
      <c r="U12" s="280">
        <v>0</v>
      </c>
      <c r="V12" s="280">
        <v>0</v>
      </c>
      <c r="W12" s="277">
        <v>0</v>
      </c>
      <c r="X12" s="282">
        <v>0</v>
      </c>
      <c r="Y12" s="276">
        <v>0</v>
      </c>
      <c r="Z12" s="280">
        <v>1</v>
      </c>
      <c r="AA12" s="277">
        <v>1</v>
      </c>
      <c r="AB12" s="279">
        <v>0</v>
      </c>
      <c r="AC12" s="280">
        <v>429</v>
      </c>
      <c r="AD12" s="280">
        <v>277</v>
      </c>
      <c r="AE12" s="280">
        <v>164</v>
      </c>
      <c r="AF12" s="280">
        <v>83</v>
      </c>
      <c r="AG12" s="280">
        <v>27</v>
      </c>
      <c r="AH12" s="277">
        <v>980</v>
      </c>
      <c r="AI12" s="282">
        <v>981</v>
      </c>
      <c r="AJ12" s="276">
        <v>0</v>
      </c>
      <c r="AK12" s="280">
        <v>0</v>
      </c>
      <c r="AL12" s="277">
        <v>0</v>
      </c>
      <c r="AM12" s="279">
        <v>0</v>
      </c>
      <c r="AN12" s="280">
        <v>10</v>
      </c>
      <c r="AO12" s="280">
        <v>6</v>
      </c>
      <c r="AP12" s="280">
        <v>10</v>
      </c>
      <c r="AQ12" s="280">
        <v>7</v>
      </c>
      <c r="AR12" s="280">
        <v>5</v>
      </c>
      <c r="AS12" s="277">
        <v>38</v>
      </c>
      <c r="AT12" s="282">
        <v>38</v>
      </c>
      <c r="AU12" s="276">
        <v>4</v>
      </c>
      <c r="AV12" s="280">
        <v>5</v>
      </c>
      <c r="AW12" s="277">
        <v>9</v>
      </c>
      <c r="AX12" s="279">
        <v>0</v>
      </c>
      <c r="AY12" s="280">
        <v>35</v>
      </c>
      <c r="AZ12" s="280">
        <v>36</v>
      </c>
      <c r="BA12" s="280">
        <v>19</v>
      </c>
      <c r="BB12" s="280">
        <v>22</v>
      </c>
      <c r="BC12" s="280">
        <v>5</v>
      </c>
      <c r="BD12" s="277">
        <v>117</v>
      </c>
      <c r="BE12" s="282">
        <v>126</v>
      </c>
      <c r="BF12" s="276">
        <v>0</v>
      </c>
      <c r="BG12" s="280">
        <v>1</v>
      </c>
      <c r="BH12" s="277">
        <v>1</v>
      </c>
      <c r="BI12" s="279">
        <v>0</v>
      </c>
      <c r="BJ12" s="280">
        <v>31</v>
      </c>
      <c r="BK12" s="280">
        <v>49</v>
      </c>
      <c r="BL12" s="280">
        <v>86</v>
      </c>
      <c r="BM12" s="280">
        <v>50</v>
      </c>
      <c r="BN12" s="280">
        <v>25</v>
      </c>
      <c r="BO12" s="281">
        <v>241</v>
      </c>
      <c r="BP12" s="282">
        <v>242</v>
      </c>
      <c r="BQ12" s="276">
        <v>0</v>
      </c>
      <c r="BR12" s="280">
        <v>0</v>
      </c>
      <c r="BS12" s="277">
        <v>0</v>
      </c>
      <c r="BT12" s="279">
        <v>0</v>
      </c>
      <c r="BU12" s="280">
        <v>5</v>
      </c>
      <c r="BV12" s="280">
        <v>6</v>
      </c>
      <c r="BW12" s="280">
        <v>4</v>
      </c>
      <c r="BX12" s="280">
        <v>6</v>
      </c>
      <c r="BY12" s="280">
        <v>5</v>
      </c>
      <c r="BZ12" s="277">
        <v>26</v>
      </c>
      <c r="CA12" s="282">
        <v>26</v>
      </c>
      <c r="CB12" s="276">
        <v>0</v>
      </c>
      <c r="CC12" s="280">
        <v>0</v>
      </c>
      <c r="CD12" s="277">
        <v>0</v>
      </c>
      <c r="CE12" s="279">
        <v>0</v>
      </c>
      <c r="CF12" s="280">
        <v>0</v>
      </c>
      <c r="CG12" s="280">
        <v>0</v>
      </c>
      <c r="CH12" s="280">
        <v>0</v>
      </c>
      <c r="CI12" s="280">
        <v>1</v>
      </c>
      <c r="CJ12" s="280">
        <v>0</v>
      </c>
      <c r="CK12" s="277">
        <v>1</v>
      </c>
      <c r="CL12" s="282">
        <v>1</v>
      </c>
      <c r="CM12" s="276">
        <v>0</v>
      </c>
      <c r="CN12" s="280">
        <v>0</v>
      </c>
      <c r="CO12" s="277">
        <v>0</v>
      </c>
      <c r="CP12" s="279">
        <v>0</v>
      </c>
      <c r="CQ12" s="280">
        <v>7</v>
      </c>
      <c r="CR12" s="280">
        <v>2</v>
      </c>
      <c r="CS12" s="280">
        <v>11</v>
      </c>
      <c r="CT12" s="280">
        <v>11</v>
      </c>
      <c r="CU12" s="280">
        <v>13</v>
      </c>
      <c r="CV12" s="277">
        <v>44</v>
      </c>
      <c r="CW12" s="282">
        <v>44</v>
      </c>
    </row>
    <row r="13" spans="1:101" ht="21" customHeight="1" x14ac:dyDescent="0.2">
      <c r="B13" s="261" t="s">
        <v>10</v>
      </c>
      <c r="C13" s="276">
        <v>0</v>
      </c>
      <c r="D13" s="277">
        <v>0</v>
      </c>
      <c r="E13" s="278">
        <v>0</v>
      </c>
      <c r="F13" s="279">
        <v>0</v>
      </c>
      <c r="G13" s="280">
        <v>23</v>
      </c>
      <c r="H13" s="280">
        <v>16</v>
      </c>
      <c r="I13" s="280">
        <v>14</v>
      </c>
      <c r="J13" s="280">
        <v>18</v>
      </c>
      <c r="K13" s="280">
        <v>14</v>
      </c>
      <c r="L13" s="281">
        <v>85</v>
      </c>
      <c r="M13" s="282">
        <v>85</v>
      </c>
      <c r="N13" s="276">
        <v>0</v>
      </c>
      <c r="O13" s="280">
        <v>0</v>
      </c>
      <c r="P13" s="277">
        <v>0</v>
      </c>
      <c r="Q13" s="279">
        <v>0</v>
      </c>
      <c r="R13" s="280">
        <v>12</v>
      </c>
      <c r="S13" s="280">
        <v>13</v>
      </c>
      <c r="T13" s="280">
        <v>12</v>
      </c>
      <c r="U13" s="280">
        <v>13</v>
      </c>
      <c r="V13" s="280">
        <v>6</v>
      </c>
      <c r="W13" s="277">
        <v>56</v>
      </c>
      <c r="X13" s="282">
        <v>56</v>
      </c>
      <c r="Y13" s="276">
        <v>0</v>
      </c>
      <c r="Z13" s="280">
        <v>0</v>
      </c>
      <c r="AA13" s="277">
        <v>0</v>
      </c>
      <c r="AB13" s="279">
        <v>0</v>
      </c>
      <c r="AC13" s="280">
        <v>574</v>
      </c>
      <c r="AD13" s="280">
        <v>281</v>
      </c>
      <c r="AE13" s="280">
        <v>132</v>
      </c>
      <c r="AF13" s="280">
        <v>62</v>
      </c>
      <c r="AG13" s="280">
        <v>35</v>
      </c>
      <c r="AH13" s="277">
        <v>1084</v>
      </c>
      <c r="AI13" s="282">
        <v>1084</v>
      </c>
      <c r="AJ13" s="276">
        <v>0</v>
      </c>
      <c r="AK13" s="280">
        <v>1</v>
      </c>
      <c r="AL13" s="277">
        <v>1</v>
      </c>
      <c r="AM13" s="279">
        <v>0</v>
      </c>
      <c r="AN13" s="280">
        <v>11</v>
      </c>
      <c r="AO13" s="280">
        <v>13</v>
      </c>
      <c r="AP13" s="280">
        <v>26</v>
      </c>
      <c r="AQ13" s="280">
        <v>9</v>
      </c>
      <c r="AR13" s="280">
        <v>11</v>
      </c>
      <c r="AS13" s="277">
        <v>70</v>
      </c>
      <c r="AT13" s="282">
        <v>71</v>
      </c>
      <c r="AU13" s="276">
        <v>8</v>
      </c>
      <c r="AV13" s="280">
        <v>23</v>
      </c>
      <c r="AW13" s="277">
        <v>31</v>
      </c>
      <c r="AX13" s="279">
        <v>0</v>
      </c>
      <c r="AY13" s="280">
        <v>94</v>
      </c>
      <c r="AZ13" s="280">
        <v>76</v>
      </c>
      <c r="BA13" s="280">
        <v>84</v>
      </c>
      <c r="BB13" s="280">
        <v>53</v>
      </c>
      <c r="BC13" s="280">
        <v>34</v>
      </c>
      <c r="BD13" s="277">
        <v>341</v>
      </c>
      <c r="BE13" s="282">
        <v>372</v>
      </c>
      <c r="BF13" s="276">
        <v>0</v>
      </c>
      <c r="BG13" s="280">
        <v>3</v>
      </c>
      <c r="BH13" s="277">
        <v>3</v>
      </c>
      <c r="BI13" s="279">
        <v>0</v>
      </c>
      <c r="BJ13" s="280">
        <v>109</v>
      </c>
      <c r="BK13" s="280">
        <v>132</v>
      </c>
      <c r="BL13" s="280">
        <v>100</v>
      </c>
      <c r="BM13" s="280">
        <v>87</v>
      </c>
      <c r="BN13" s="280">
        <v>86</v>
      </c>
      <c r="BO13" s="281">
        <v>514</v>
      </c>
      <c r="BP13" s="282">
        <v>517</v>
      </c>
      <c r="BQ13" s="276">
        <v>0</v>
      </c>
      <c r="BR13" s="280">
        <v>0</v>
      </c>
      <c r="BS13" s="277">
        <v>0</v>
      </c>
      <c r="BT13" s="279">
        <v>0</v>
      </c>
      <c r="BU13" s="280">
        <v>27</v>
      </c>
      <c r="BV13" s="280">
        <v>32</v>
      </c>
      <c r="BW13" s="280">
        <v>32</v>
      </c>
      <c r="BX13" s="280">
        <v>28</v>
      </c>
      <c r="BY13" s="280">
        <v>31</v>
      </c>
      <c r="BZ13" s="277">
        <v>150</v>
      </c>
      <c r="CA13" s="282">
        <v>150</v>
      </c>
      <c r="CB13" s="276">
        <v>0</v>
      </c>
      <c r="CC13" s="280">
        <v>0</v>
      </c>
      <c r="CD13" s="277">
        <v>0</v>
      </c>
      <c r="CE13" s="279">
        <v>0</v>
      </c>
      <c r="CF13" s="280">
        <v>0</v>
      </c>
      <c r="CG13" s="280">
        <v>1</v>
      </c>
      <c r="CH13" s="280">
        <v>5</v>
      </c>
      <c r="CI13" s="280">
        <v>18</v>
      </c>
      <c r="CJ13" s="280">
        <v>16</v>
      </c>
      <c r="CK13" s="277">
        <v>40</v>
      </c>
      <c r="CL13" s="282">
        <v>40</v>
      </c>
      <c r="CM13" s="276">
        <v>0</v>
      </c>
      <c r="CN13" s="280">
        <v>0</v>
      </c>
      <c r="CO13" s="277">
        <v>0</v>
      </c>
      <c r="CP13" s="279">
        <v>0</v>
      </c>
      <c r="CQ13" s="280">
        <v>19</v>
      </c>
      <c r="CR13" s="280">
        <v>35</v>
      </c>
      <c r="CS13" s="280">
        <v>27</v>
      </c>
      <c r="CT13" s="280">
        <v>34</v>
      </c>
      <c r="CU13" s="280">
        <v>30</v>
      </c>
      <c r="CV13" s="277">
        <v>145</v>
      </c>
      <c r="CW13" s="282">
        <v>145</v>
      </c>
    </row>
    <row r="14" spans="1:101" ht="21" customHeight="1" x14ac:dyDescent="0.2">
      <c r="B14" s="261" t="s">
        <v>11</v>
      </c>
      <c r="C14" s="276">
        <v>0</v>
      </c>
      <c r="D14" s="277">
        <v>0</v>
      </c>
      <c r="E14" s="278">
        <v>0</v>
      </c>
      <c r="F14" s="279">
        <v>0</v>
      </c>
      <c r="G14" s="280">
        <v>11</v>
      </c>
      <c r="H14" s="280">
        <v>8</v>
      </c>
      <c r="I14" s="280">
        <v>7</v>
      </c>
      <c r="J14" s="280">
        <v>5</v>
      </c>
      <c r="K14" s="280">
        <v>6</v>
      </c>
      <c r="L14" s="281">
        <v>37</v>
      </c>
      <c r="M14" s="282">
        <v>37</v>
      </c>
      <c r="N14" s="276">
        <v>0</v>
      </c>
      <c r="O14" s="280">
        <v>0</v>
      </c>
      <c r="P14" s="277">
        <v>0</v>
      </c>
      <c r="Q14" s="279">
        <v>0</v>
      </c>
      <c r="R14" s="280">
        <v>12</v>
      </c>
      <c r="S14" s="280">
        <v>13</v>
      </c>
      <c r="T14" s="280">
        <v>9</v>
      </c>
      <c r="U14" s="280">
        <v>8</v>
      </c>
      <c r="V14" s="280">
        <v>5</v>
      </c>
      <c r="W14" s="277">
        <v>47</v>
      </c>
      <c r="X14" s="282">
        <v>47</v>
      </c>
      <c r="Y14" s="276">
        <v>0</v>
      </c>
      <c r="Z14" s="280">
        <v>0</v>
      </c>
      <c r="AA14" s="277">
        <v>0</v>
      </c>
      <c r="AB14" s="279">
        <v>0</v>
      </c>
      <c r="AC14" s="280">
        <v>540</v>
      </c>
      <c r="AD14" s="280">
        <v>256</v>
      </c>
      <c r="AE14" s="280">
        <v>135</v>
      </c>
      <c r="AF14" s="280">
        <v>73</v>
      </c>
      <c r="AG14" s="280">
        <v>29</v>
      </c>
      <c r="AH14" s="277">
        <v>1033</v>
      </c>
      <c r="AI14" s="282">
        <v>1033</v>
      </c>
      <c r="AJ14" s="276">
        <v>0</v>
      </c>
      <c r="AK14" s="280">
        <v>1</v>
      </c>
      <c r="AL14" s="277">
        <v>1</v>
      </c>
      <c r="AM14" s="279">
        <v>0</v>
      </c>
      <c r="AN14" s="280">
        <v>16</v>
      </c>
      <c r="AO14" s="280">
        <v>15</v>
      </c>
      <c r="AP14" s="280">
        <v>11</v>
      </c>
      <c r="AQ14" s="280">
        <v>2</v>
      </c>
      <c r="AR14" s="280">
        <v>1</v>
      </c>
      <c r="AS14" s="277">
        <v>45</v>
      </c>
      <c r="AT14" s="282">
        <v>46</v>
      </c>
      <c r="AU14" s="276">
        <v>3</v>
      </c>
      <c r="AV14" s="280">
        <v>5</v>
      </c>
      <c r="AW14" s="277">
        <v>8</v>
      </c>
      <c r="AX14" s="279">
        <v>0</v>
      </c>
      <c r="AY14" s="280">
        <v>36</v>
      </c>
      <c r="AZ14" s="280">
        <v>42</v>
      </c>
      <c r="BA14" s="280">
        <v>35</v>
      </c>
      <c r="BB14" s="280">
        <v>21</v>
      </c>
      <c r="BC14" s="280">
        <v>9</v>
      </c>
      <c r="BD14" s="277">
        <v>143</v>
      </c>
      <c r="BE14" s="282">
        <v>151</v>
      </c>
      <c r="BF14" s="276">
        <v>0</v>
      </c>
      <c r="BG14" s="280">
        <v>6</v>
      </c>
      <c r="BH14" s="277">
        <v>6</v>
      </c>
      <c r="BI14" s="279">
        <v>0</v>
      </c>
      <c r="BJ14" s="280">
        <v>57</v>
      </c>
      <c r="BK14" s="280">
        <v>80</v>
      </c>
      <c r="BL14" s="280">
        <v>72</v>
      </c>
      <c r="BM14" s="280">
        <v>48</v>
      </c>
      <c r="BN14" s="280">
        <v>28</v>
      </c>
      <c r="BO14" s="281">
        <v>285</v>
      </c>
      <c r="BP14" s="282">
        <v>291</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1</v>
      </c>
      <c r="CH14" s="280">
        <v>0</v>
      </c>
      <c r="CI14" s="280">
        <v>0</v>
      </c>
      <c r="CJ14" s="280">
        <v>0</v>
      </c>
      <c r="CK14" s="277">
        <v>1</v>
      </c>
      <c r="CL14" s="282">
        <v>1</v>
      </c>
      <c r="CM14" s="276">
        <v>0</v>
      </c>
      <c r="CN14" s="280">
        <v>0</v>
      </c>
      <c r="CO14" s="277">
        <v>0</v>
      </c>
      <c r="CP14" s="279">
        <v>0</v>
      </c>
      <c r="CQ14" s="280">
        <v>7</v>
      </c>
      <c r="CR14" s="280">
        <v>5</v>
      </c>
      <c r="CS14" s="280">
        <v>4</v>
      </c>
      <c r="CT14" s="280">
        <v>9</v>
      </c>
      <c r="CU14" s="280">
        <v>4</v>
      </c>
      <c r="CV14" s="277">
        <v>29</v>
      </c>
      <c r="CW14" s="282">
        <v>29</v>
      </c>
    </row>
    <row r="15" spans="1:101" ht="21" customHeight="1" x14ac:dyDescent="0.2">
      <c r="B15" s="261" t="s">
        <v>12</v>
      </c>
      <c r="C15" s="276">
        <v>0</v>
      </c>
      <c r="D15" s="277">
        <v>0</v>
      </c>
      <c r="E15" s="278">
        <v>0</v>
      </c>
      <c r="F15" s="279">
        <v>0</v>
      </c>
      <c r="G15" s="280">
        <v>10</v>
      </c>
      <c r="H15" s="280">
        <v>5</v>
      </c>
      <c r="I15" s="280">
        <v>6</v>
      </c>
      <c r="J15" s="280">
        <v>5</v>
      </c>
      <c r="K15" s="280">
        <v>4</v>
      </c>
      <c r="L15" s="281">
        <v>30</v>
      </c>
      <c r="M15" s="282">
        <v>30</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90</v>
      </c>
      <c r="AD15" s="280">
        <v>252</v>
      </c>
      <c r="AE15" s="280">
        <v>158</v>
      </c>
      <c r="AF15" s="280">
        <v>79</v>
      </c>
      <c r="AG15" s="280">
        <v>34</v>
      </c>
      <c r="AH15" s="277">
        <v>913</v>
      </c>
      <c r="AI15" s="282">
        <v>913</v>
      </c>
      <c r="AJ15" s="276">
        <v>0</v>
      </c>
      <c r="AK15" s="280">
        <v>0</v>
      </c>
      <c r="AL15" s="277">
        <v>0</v>
      </c>
      <c r="AM15" s="279">
        <v>0</v>
      </c>
      <c r="AN15" s="280">
        <v>6</v>
      </c>
      <c r="AO15" s="280">
        <v>4</v>
      </c>
      <c r="AP15" s="280">
        <v>0</v>
      </c>
      <c r="AQ15" s="280">
        <v>1</v>
      </c>
      <c r="AR15" s="280">
        <v>1</v>
      </c>
      <c r="AS15" s="277">
        <v>12</v>
      </c>
      <c r="AT15" s="282">
        <v>12</v>
      </c>
      <c r="AU15" s="276">
        <v>0</v>
      </c>
      <c r="AV15" s="280">
        <v>1</v>
      </c>
      <c r="AW15" s="277">
        <v>1</v>
      </c>
      <c r="AX15" s="279">
        <v>0</v>
      </c>
      <c r="AY15" s="280">
        <v>24</v>
      </c>
      <c r="AZ15" s="280">
        <v>32</v>
      </c>
      <c r="BA15" s="280">
        <v>46</v>
      </c>
      <c r="BB15" s="280">
        <v>48</v>
      </c>
      <c r="BC15" s="280">
        <v>23</v>
      </c>
      <c r="BD15" s="277">
        <v>173</v>
      </c>
      <c r="BE15" s="282">
        <v>174</v>
      </c>
      <c r="BF15" s="276">
        <v>0</v>
      </c>
      <c r="BG15" s="280">
        <v>0</v>
      </c>
      <c r="BH15" s="277">
        <v>0</v>
      </c>
      <c r="BI15" s="279">
        <v>0</v>
      </c>
      <c r="BJ15" s="280">
        <v>43</v>
      </c>
      <c r="BK15" s="280">
        <v>45</v>
      </c>
      <c r="BL15" s="280">
        <v>45</v>
      </c>
      <c r="BM15" s="280">
        <v>35</v>
      </c>
      <c r="BN15" s="280">
        <v>36</v>
      </c>
      <c r="BO15" s="281">
        <v>204</v>
      </c>
      <c r="BP15" s="282">
        <v>204</v>
      </c>
      <c r="BQ15" s="276">
        <v>0</v>
      </c>
      <c r="BR15" s="280">
        <v>0</v>
      </c>
      <c r="BS15" s="277">
        <v>0</v>
      </c>
      <c r="BT15" s="279">
        <v>0</v>
      </c>
      <c r="BU15" s="280">
        <v>0</v>
      </c>
      <c r="BV15" s="280">
        <v>7</v>
      </c>
      <c r="BW15" s="280">
        <v>5</v>
      </c>
      <c r="BX15" s="280">
        <v>10</v>
      </c>
      <c r="BY15" s="280">
        <v>5</v>
      </c>
      <c r="BZ15" s="277">
        <v>27</v>
      </c>
      <c r="CA15" s="282">
        <v>27</v>
      </c>
      <c r="CB15" s="276">
        <v>0</v>
      </c>
      <c r="CC15" s="280">
        <v>0</v>
      </c>
      <c r="CD15" s="277">
        <v>0</v>
      </c>
      <c r="CE15" s="279">
        <v>0</v>
      </c>
      <c r="CF15" s="280">
        <v>0</v>
      </c>
      <c r="CG15" s="280">
        <v>1</v>
      </c>
      <c r="CH15" s="280">
        <v>14</v>
      </c>
      <c r="CI15" s="280">
        <v>8</v>
      </c>
      <c r="CJ15" s="280">
        <v>5</v>
      </c>
      <c r="CK15" s="277">
        <v>28</v>
      </c>
      <c r="CL15" s="282">
        <v>28</v>
      </c>
      <c r="CM15" s="276">
        <v>0</v>
      </c>
      <c r="CN15" s="280">
        <v>0</v>
      </c>
      <c r="CO15" s="277">
        <v>0</v>
      </c>
      <c r="CP15" s="279">
        <v>0</v>
      </c>
      <c r="CQ15" s="280">
        <v>8</v>
      </c>
      <c r="CR15" s="280">
        <v>8</v>
      </c>
      <c r="CS15" s="280">
        <v>17</v>
      </c>
      <c r="CT15" s="280">
        <v>28</v>
      </c>
      <c r="CU15" s="280">
        <v>14</v>
      </c>
      <c r="CV15" s="277">
        <v>75</v>
      </c>
      <c r="CW15" s="282">
        <v>75</v>
      </c>
    </row>
    <row r="16" spans="1:101" ht="21" customHeight="1" x14ac:dyDescent="0.2">
      <c r="B16" s="261" t="s">
        <v>13</v>
      </c>
      <c r="C16" s="276">
        <v>0</v>
      </c>
      <c r="D16" s="277">
        <v>0</v>
      </c>
      <c r="E16" s="278">
        <v>0</v>
      </c>
      <c r="F16" s="279">
        <v>0</v>
      </c>
      <c r="G16" s="280">
        <v>0</v>
      </c>
      <c r="H16" s="280">
        <v>1</v>
      </c>
      <c r="I16" s="280">
        <v>1</v>
      </c>
      <c r="J16" s="280">
        <v>1</v>
      </c>
      <c r="K16" s="280">
        <v>1</v>
      </c>
      <c r="L16" s="281">
        <v>4</v>
      </c>
      <c r="M16" s="282">
        <v>4</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30</v>
      </c>
      <c r="AD16" s="280">
        <v>127</v>
      </c>
      <c r="AE16" s="280">
        <v>58</v>
      </c>
      <c r="AF16" s="280">
        <v>35</v>
      </c>
      <c r="AG16" s="280">
        <v>11</v>
      </c>
      <c r="AH16" s="277">
        <v>361</v>
      </c>
      <c r="AI16" s="282">
        <v>361</v>
      </c>
      <c r="AJ16" s="276">
        <v>0</v>
      </c>
      <c r="AK16" s="280">
        <v>0</v>
      </c>
      <c r="AL16" s="277">
        <v>0</v>
      </c>
      <c r="AM16" s="279">
        <v>0</v>
      </c>
      <c r="AN16" s="280">
        <v>2</v>
      </c>
      <c r="AO16" s="280">
        <v>3</v>
      </c>
      <c r="AP16" s="280">
        <v>7</v>
      </c>
      <c r="AQ16" s="280">
        <v>5</v>
      </c>
      <c r="AR16" s="280">
        <v>4</v>
      </c>
      <c r="AS16" s="277">
        <v>21</v>
      </c>
      <c r="AT16" s="282">
        <v>21</v>
      </c>
      <c r="AU16" s="276">
        <v>1</v>
      </c>
      <c r="AV16" s="280">
        <v>2</v>
      </c>
      <c r="AW16" s="277">
        <v>3</v>
      </c>
      <c r="AX16" s="279">
        <v>0</v>
      </c>
      <c r="AY16" s="280">
        <v>15</v>
      </c>
      <c r="AZ16" s="280">
        <v>8</v>
      </c>
      <c r="BA16" s="280">
        <v>7</v>
      </c>
      <c r="BB16" s="280">
        <v>3</v>
      </c>
      <c r="BC16" s="280">
        <v>2</v>
      </c>
      <c r="BD16" s="277">
        <v>35</v>
      </c>
      <c r="BE16" s="282">
        <v>38</v>
      </c>
      <c r="BF16" s="276">
        <v>0</v>
      </c>
      <c r="BG16" s="280">
        <v>0</v>
      </c>
      <c r="BH16" s="277">
        <v>0</v>
      </c>
      <c r="BI16" s="279">
        <v>0</v>
      </c>
      <c r="BJ16" s="280">
        <v>9</v>
      </c>
      <c r="BK16" s="280">
        <v>16</v>
      </c>
      <c r="BL16" s="280">
        <v>24</v>
      </c>
      <c r="BM16" s="280">
        <v>16</v>
      </c>
      <c r="BN16" s="280">
        <v>10</v>
      </c>
      <c r="BO16" s="281">
        <v>75</v>
      </c>
      <c r="BP16" s="282">
        <v>75</v>
      </c>
      <c r="BQ16" s="276">
        <v>0</v>
      </c>
      <c r="BR16" s="280">
        <v>0</v>
      </c>
      <c r="BS16" s="277">
        <v>0</v>
      </c>
      <c r="BT16" s="279">
        <v>0</v>
      </c>
      <c r="BU16" s="280">
        <v>0</v>
      </c>
      <c r="BV16" s="280">
        <v>0</v>
      </c>
      <c r="BW16" s="280">
        <v>3</v>
      </c>
      <c r="BX16" s="280">
        <v>9</v>
      </c>
      <c r="BY16" s="280">
        <v>4</v>
      </c>
      <c r="BZ16" s="277">
        <v>16</v>
      </c>
      <c r="CA16" s="282">
        <v>16</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1</v>
      </c>
      <c r="H17" s="280">
        <v>5</v>
      </c>
      <c r="I17" s="280">
        <v>3</v>
      </c>
      <c r="J17" s="280">
        <v>6</v>
      </c>
      <c r="K17" s="280">
        <v>7</v>
      </c>
      <c r="L17" s="281">
        <v>22</v>
      </c>
      <c r="M17" s="282">
        <v>22</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143</v>
      </c>
      <c r="AD17" s="280">
        <v>171</v>
      </c>
      <c r="AE17" s="280">
        <v>85</v>
      </c>
      <c r="AF17" s="280">
        <v>38</v>
      </c>
      <c r="AG17" s="280">
        <v>14</v>
      </c>
      <c r="AH17" s="277">
        <v>451</v>
      </c>
      <c r="AI17" s="282">
        <v>451</v>
      </c>
      <c r="AJ17" s="276">
        <v>0</v>
      </c>
      <c r="AK17" s="280">
        <v>0</v>
      </c>
      <c r="AL17" s="277">
        <v>0</v>
      </c>
      <c r="AM17" s="279">
        <v>0</v>
      </c>
      <c r="AN17" s="280">
        <v>4</v>
      </c>
      <c r="AO17" s="280">
        <v>6</v>
      </c>
      <c r="AP17" s="280">
        <v>8</v>
      </c>
      <c r="AQ17" s="280">
        <v>2</v>
      </c>
      <c r="AR17" s="280">
        <v>3</v>
      </c>
      <c r="AS17" s="277">
        <v>23</v>
      </c>
      <c r="AT17" s="282">
        <v>23</v>
      </c>
      <c r="AU17" s="276">
        <v>3</v>
      </c>
      <c r="AV17" s="280">
        <v>14</v>
      </c>
      <c r="AW17" s="277">
        <v>17</v>
      </c>
      <c r="AX17" s="279">
        <v>0</v>
      </c>
      <c r="AY17" s="280">
        <v>19</v>
      </c>
      <c r="AZ17" s="280">
        <v>17</v>
      </c>
      <c r="BA17" s="280">
        <v>8</v>
      </c>
      <c r="BB17" s="280">
        <v>10</v>
      </c>
      <c r="BC17" s="280">
        <v>5</v>
      </c>
      <c r="BD17" s="277">
        <v>59</v>
      </c>
      <c r="BE17" s="282">
        <v>76</v>
      </c>
      <c r="BF17" s="276">
        <v>0</v>
      </c>
      <c r="BG17" s="280">
        <v>2</v>
      </c>
      <c r="BH17" s="277">
        <v>2</v>
      </c>
      <c r="BI17" s="279">
        <v>0</v>
      </c>
      <c r="BJ17" s="280">
        <v>35</v>
      </c>
      <c r="BK17" s="280">
        <v>29</v>
      </c>
      <c r="BL17" s="280">
        <v>43</v>
      </c>
      <c r="BM17" s="280">
        <v>30</v>
      </c>
      <c r="BN17" s="280">
        <v>18</v>
      </c>
      <c r="BO17" s="281">
        <v>155</v>
      </c>
      <c r="BP17" s="282">
        <v>157</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11</v>
      </c>
      <c r="CI17" s="280">
        <v>14</v>
      </c>
      <c r="CJ17" s="280">
        <v>5</v>
      </c>
      <c r="CK17" s="277">
        <v>30</v>
      </c>
      <c r="CL17" s="282">
        <v>3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7</v>
      </c>
      <c r="H18" s="280">
        <v>13</v>
      </c>
      <c r="I18" s="280">
        <v>16</v>
      </c>
      <c r="J18" s="280">
        <v>11</v>
      </c>
      <c r="K18" s="280">
        <v>7</v>
      </c>
      <c r="L18" s="281">
        <v>54</v>
      </c>
      <c r="M18" s="282">
        <v>54</v>
      </c>
      <c r="N18" s="276">
        <v>0</v>
      </c>
      <c r="O18" s="280">
        <v>0</v>
      </c>
      <c r="P18" s="277">
        <v>0</v>
      </c>
      <c r="Q18" s="279">
        <v>0</v>
      </c>
      <c r="R18" s="280">
        <v>0</v>
      </c>
      <c r="S18" s="280">
        <v>1</v>
      </c>
      <c r="T18" s="280">
        <v>2</v>
      </c>
      <c r="U18" s="280">
        <v>1</v>
      </c>
      <c r="V18" s="280">
        <v>1</v>
      </c>
      <c r="W18" s="277">
        <v>5</v>
      </c>
      <c r="X18" s="282">
        <v>5</v>
      </c>
      <c r="Y18" s="276">
        <v>0</v>
      </c>
      <c r="Z18" s="280">
        <v>0</v>
      </c>
      <c r="AA18" s="277">
        <v>0</v>
      </c>
      <c r="AB18" s="279">
        <v>0</v>
      </c>
      <c r="AC18" s="280">
        <v>160</v>
      </c>
      <c r="AD18" s="280">
        <v>183</v>
      </c>
      <c r="AE18" s="280">
        <v>84</v>
      </c>
      <c r="AF18" s="280">
        <v>42</v>
      </c>
      <c r="AG18" s="280">
        <v>16</v>
      </c>
      <c r="AH18" s="277">
        <v>485</v>
      </c>
      <c r="AI18" s="282">
        <v>485</v>
      </c>
      <c r="AJ18" s="276">
        <v>0</v>
      </c>
      <c r="AK18" s="280">
        <v>0</v>
      </c>
      <c r="AL18" s="277">
        <v>0</v>
      </c>
      <c r="AM18" s="279">
        <v>0</v>
      </c>
      <c r="AN18" s="280">
        <v>4</v>
      </c>
      <c r="AO18" s="280">
        <v>8</v>
      </c>
      <c r="AP18" s="280">
        <v>9</v>
      </c>
      <c r="AQ18" s="280">
        <v>6</v>
      </c>
      <c r="AR18" s="280">
        <v>5</v>
      </c>
      <c r="AS18" s="277">
        <v>32</v>
      </c>
      <c r="AT18" s="282">
        <v>32</v>
      </c>
      <c r="AU18" s="276">
        <v>1</v>
      </c>
      <c r="AV18" s="280">
        <v>2</v>
      </c>
      <c r="AW18" s="277">
        <v>3</v>
      </c>
      <c r="AX18" s="279">
        <v>0</v>
      </c>
      <c r="AY18" s="280">
        <v>11</v>
      </c>
      <c r="AZ18" s="280">
        <v>28</v>
      </c>
      <c r="BA18" s="280">
        <v>11</v>
      </c>
      <c r="BB18" s="280">
        <v>15</v>
      </c>
      <c r="BC18" s="280">
        <v>9</v>
      </c>
      <c r="BD18" s="277">
        <v>74</v>
      </c>
      <c r="BE18" s="282">
        <v>77</v>
      </c>
      <c r="BF18" s="276">
        <v>0</v>
      </c>
      <c r="BG18" s="280">
        <v>0</v>
      </c>
      <c r="BH18" s="277">
        <v>0</v>
      </c>
      <c r="BI18" s="279">
        <v>0</v>
      </c>
      <c r="BJ18" s="280">
        <v>16</v>
      </c>
      <c r="BK18" s="280">
        <v>41</v>
      </c>
      <c r="BL18" s="280">
        <v>60</v>
      </c>
      <c r="BM18" s="280">
        <v>43</v>
      </c>
      <c r="BN18" s="280">
        <v>28</v>
      </c>
      <c r="BO18" s="281">
        <v>188</v>
      </c>
      <c r="BP18" s="282">
        <v>188</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3</v>
      </c>
      <c r="CH18" s="280">
        <v>10</v>
      </c>
      <c r="CI18" s="280">
        <v>10</v>
      </c>
      <c r="CJ18" s="280">
        <v>7</v>
      </c>
      <c r="CK18" s="277">
        <v>30</v>
      </c>
      <c r="CL18" s="282">
        <v>30</v>
      </c>
      <c r="CM18" s="276">
        <v>0</v>
      </c>
      <c r="CN18" s="280">
        <v>0</v>
      </c>
      <c r="CO18" s="277">
        <v>0</v>
      </c>
      <c r="CP18" s="279">
        <v>0</v>
      </c>
      <c r="CQ18" s="280">
        <v>1</v>
      </c>
      <c r="CR18" s="280">
        <v>6</v>
      </c>
      <c r="CS18" s="280">
        <v>7</v>
      </c>
      <c r="CT18" s="280">
        <v>3</v>
      </c>
      <c r="CU18" s="280">
        <v>5</v>
      </c>
      <c r="CV18" s="277">
        <v>22</v>
      </c>
      <c r="CW18" s="282">
        <v>22</v>
      </c>
    </row>
    <row r="19" spans="2:101" ht="21" customHeight="1" x14ac:dyDescent="0.2">
      <c r="B19" s="261" t="s">
        <v>17</v>
      </c>
      <c r="C19" s="276">
        <v>0</v>
      </c>
      <c r="D19" s="277">
        <v>0</v>
      </c>
      <c r="E19" s="278">
        <v>0</v>
      </c>
      <c r="F19" s="279">
        <v>0</v>
      </c>
      <c r="G19" s="280">
        <v>3</v>
      </c>
      <c r="H19" s="280">
        <v>5</v>
      </c>
      <c r="I19" s="280">
        <v>2</v>
      </c>
      <c r="J19" s="280">
        <v>4</v>
      </c>
      <c r="K19" s="280">
        <v>0</v>
      </c>
      <c r="L19" s="281">
        <v>14</v>
      </c>
      <c r="M19" s="282">
        <v>14</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42</v>
      </c>
      <c r="AD19" s="280">
        <v>298</v>
      </c>
      <c r="AE19" s="280">
        <v>131</v>
      </c>
      <c r="AF19" s="280">
        <v>88</v>
      </c>
      <c r="AG19" s="280">
        <v>55</v>
      </c>
      <c r="AH19" s="277">
        <v>814</v>
      </c>
      <c r="AI19" s="282">
        <v>814</v>
      </c>
      <c r="AJ19" s="276">
        <v>1</v>
      </c>
      <c r="AK19" s="280">
        <v>2</v>
      </c>
      <c r="AL19" s="277">
        <v>3</v>
      </c>
      <c r="AM19" s="279">
        <v>0</v>
      </c>
      <c r="AN19" s="280">
        <v>20</v>
      </c>
      <c r="AO19" s="280">
        <v>18</v>
      </c>
      <c r="AP19" s="280">
        <v>23</v>
      </c>
      <c r="AQ19" s="280">
        <v>16</v>
      </c>
      <c r="AR19" s="280">
        <v>6</v>
      </c>
      <c r="AS19" s="277">
        <v>83</v>
      </c>
      <c r="AT19" s="282">
        <v>86</v>
      </c>
      <c r="AU19" s="276">
        <v>1</v>
      </c>
      <c r="AV19" s="280">
        <v>2</v>
      </c>
      <c r="AW19" s="277">
        <v>3</v>
      </c>
      <c r="AX19" s="279">
        <v>0</v>
      </c>
      <c r="AY19" s="280">
        <v>14</v>
      </c>
      <c r="AZ19" s="280">
        <v>28</v>
      </c>
      <c r="BA19" s="280">
        <v>35</v>
      </c>
      <c r="BB19" s="280">
        <v>27</v>
      </c>
      <c r="BC19" s="280">
        <v>13</v>
      </c>
      <c r="BD19" s="277">
        <v>117</v>
      </c>
      <c r="BE19" s="282">
        <v>120</v>
      </c>
      <c r="BF19" s="276">
        <v>0</v>
      </c>
      <c r="BG19" s="280">
        <v>0</v>
      </c>
      <c r="BH19" s="277">
        <v>0</v>
      </c>
      <c r="BI19" s="279">
        <v>0</v>
      </c>
      <c r="BJ19" s="280">
        <v>36</v>
      </c>
      <c r="BK19" s="280">
        <v>61</v>
      </c>
      <c r="BL19" s="280">
        <v>57</v>
      </c>
      <c r="BM19" s="280">
        <v>43</v>
      </c>
      <c r="BN19" s="280">
        <v>24</v>
      </c>
      <c r="BO19" s="281">
        <v>221</v>
      </c>
      <c r="BP19" s="282">
        <v>221</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2</v>
      </c>
      <c r="CH19" s="280">
        <v>29</v>
      </c>
      <c r="CI19" s="280">
        <v>33</v>
      </c>
      <c r="CJ19" s="280">
        <v>39</v>
      </c>
      <c r="CK19" s="277">
        <v>103</v>
      </c>
      <c r="CL19" s="282">
        <v>103</v>
      </c>
      <c r="CM19" s="276">
        <v>0</v>
      </c>
      <c r="CN19" s="280">
        <v>0</v>
      </c>
      <c r="CO19" s="277">
        <v>0</v>
      </c>
      <c r="CP19" s="279">
        <v>0</v>
      </c>
      <c r="CQ19" s="280">
        <v>2</v>
      </c>
      <c r="CR19" s="280">
        <v>1</v>
      </c>
      <c r="CS19" s="280">
        <v>1</v>
      </c>
      <c r="CT19" s="280">
        <v>4</v>
      </c>
      <c r="CU19" s="280">
        <v>9</v>
      </c>
      <c r="CV19" s="277">
        <v>17</v>
      </c>
      <c r="CW19" s="282">
        <v>17</v>
      </c>
    </row>
    <row r="20" spans="2:101" ht="21" customHeight="1" x14ac:dyDescent="0.2">
      <c r="B20" s="261" t="s">
        <v>18</v>
      </c>
      <c r="C20" s="276">
        <v>0</v>
      </c>
      <c r="D20" s="277">
        <v>0</v>
      </c>
      <c r="E20" s="278">
        <v>0</v>
      </c>
      <c r="F20" s="279">
        <v>0</v>
      </c>
      <c r="G20" s="280">
        <v>2</v>
      </c>
      <c r="H20" s="280">
        <v>2</v>
      </c>
      <c r="I20" s="280">
        <v>2</v>
      </c>
      <c r="J20" s="280">
        <v>0</v>
      </c>
      <c r="K20" s="280">
        <v>0</v>
      </c>
      <c r="L20" s="281">
        <v>6</v>
      </c>
      <c r="M20" s="282">
        <v>6</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64</v>
      </c>
      <c r="AD20" s="280">
        <v>190</v>
      </c>
      <c r="AE20" s="280">
        <v>92</v>
      </c>
      <c r="AF20" s="280">
        <v>38</v>
      </c>
      <c r="AG20" s="280">
        <v>10</v>
      </c>
      <c r="AH20" s="277">
        <v>594</v>
      </c>
      <c r="AI20" s="282">
        <v>594</v>
      </c>
      <c r="AJ20" s="276">
        <v>0</v>
      </c>
      <c r="AK20" s="280">
        <v>0</v>
      </c>
      <c r="AL20" s="277">
        <v>0</v>
      </c>
      <c r="AM20" s="279">
        <v>0</v>
      </c>
      <c r="AN20" s="280">
        <v>13</v>
      </c>
      <c r="AO20" s="280">
        <v>5</v>
      </c>
      <c r="AP20" s="280">
        <v>21</v>
      </c>
      <c r="AQ20" s="280">
        <v>9</v>
      </c>
      <c r="AR20" s="280">
        <v>16</v>
      </c>
      <c r="AS20" s="277">
        <v>64</v>
      </c>
      <c r="AT20" s="282">
        <v>64</v>
      </c>
      <c r="AU20" s="276">
        <v>11</v>
      </c>
      <c r="AV20" s="280">
        <v>11</v>
      </c>
      <c r="AW20" s="277">
        <v>22</v>
      </c>
      <c r="AX20" s="279">
        <v>0</v>
      </c>
      <c r="AY20" s="280">
        <v>42</v>
      </c>
      <c r="AZ20" s="280">
        <v>54</v>
      </c>
      <c r="BA20" s="280">
        <v>34</v>
      </c>
      <c r="BB20" s="280">
        <v>20</v>
      </c>
      <c r="BC20" s="280">
        <v>9</v>
      </c>
      <c r="BD20" s="277">
        <v>159</v>
      </c>
      <c r="BE20" s="282">
        <v>181</v>
      </c>
      <c r="BF20" s="276">
        <v>0</v>
      </c>
      <c r="BG20" s="280">
        <v>2</v>
      </c>
      <c r="BH20" s="277">
        <v>2</v>
      </c>
      <c r="BI20" s="279">
        <v>0</v>
      </c>
      <c r="BJ20" s="280">
        <v>50</v>
      </c>
      <c r="BK20" s="280">
        <v>77</v>
      </c>
      <c r="BL20" s="280">
        <v>100</v>
      </c>
      <c r="BM20" s="280">
        <v>56</v>
      </c>
      <c r="BN20" s="280">
        <v>30</v>
      </c>
      <c r="BO20" s="281">
        <v>313</v>
      </c>
      <c r="BP20" s="282">
        <v>315</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1</v>
      </c>
      <c r="CH20" s="280">
        <v>7</v>
      </c>
      <c r="CI20" s="280">
        <v>16</v>
      </c>
      <c r="CJ20" s="280">
        <v>6</v>
      </c>
      <c r="CK20" s="277">
        <v>30</v>
      </c>
      <c r="CL20" s="282">
        <v>30</v>
      </c>
      <c r="CM20" s="276">
        <v>0</v>
      </c>
      <c r="CN20" s="280">
        <v>0</v>
      </c>
      <c r="CO20" s="277">
        <v>0</v>
      </c>
      <c r="CP20" s="279">
        <v>0</v>
      </c>
      <c r="CQ20" s="280">
        <v>8</v>
      </c>
      <c r="CR20" s="280">
        <v>10</v>
      </c>
      <c r="CS20" s="280">
        <v>15</v>
      </c>
      <c r="CT20" s="280">
        <v>22</v>
      </c>
      <c r="CU20" s="280">
        <v>25</v>
      </c>
      <c r="CV20" s="277">
        <v>80</v>
      </c>
      <c r="CW20" s="282">
        <v>80</v>
      </c>
    </row>
    <row r="21" spans="2:101" ht="21" customHeight="1" x14ac:dyDescent="0.2">
      <c r="B21" s="261" t="s">
        <v>19</v>
      </c>
      <c r="C21" s="276">
        <v>0</v>
      </c>
      <c r="D21" s="277">
        <v>0</v>
      </c>
      <c r="E21" s="278">
        <v>0</v>
      </c>
      <c r="F21" s="279">
        <v>0</v>
      </c>
      <c r="G21" s="280">
        <v>16</v>
      </c>
      <c r="H21" s="280">
        <v>8</v>
      </c>
      <c r="I21" s="280">
        <v>2</v>
      </c>
      <c r="J21" s="280">
        <v>5</v>
      </c>
      <c r="K21" s="280">
        <v>6</v>
      </c>
      <c r="L21" s="281">
        <v>37</v>
      </c>
      <c r="M21" s="282">
        <v>37</v>
      </c>
      <c r="N21" s="276">
        <v>0</v>
      </c>
      <c r="O21" s="280">
        <v>0</v>
      </c>
      <c r="P21" s="277">
        <v>0</v>
      </c>
      <c r="Q21" s="279">
        <v>0</v>
      </c>
      <c r="R21" s="280">
        <v>1</v>
      </c>
      <c r="S21" s="280">
        <v>4</v>
      </c>
      <c r="T21" s="280">
        <v>3</v>
      </c>
      <c r="U21" s="280">
        <v>2</v>
      </c>
      <c r="V21" s="280">
        <v>0</v>
      </c>
      <c r="W21" s="277">
        <v>10</v>
      </c>
      <c r="X21" s="282">
        <v>10</v>
      </c>
      <c r="Y21" s="276">
        <v>0</v>
      </c>
      <c r="Z21" s="280">
        <v>0</v>
      </c>
      <c r="AA21" s="277">
        <v>0</v>
      </c>
      <c r="AB21" s="279">
        <v>0</v>
      </c>
      <c r="AC21" s="280">
        <v>132</v>
      </c>
      <c r="AD21" s="280">
        <v>103</v>
      </c>
      <c r="AE21" s="280">
        <v>45</v>
      </c>
      <c r="AF21" s="280">
        <v>15</v>
      </c>
      <c r="AG21" s="280">
        <v>13</v>
      </c>
      <c r="AH21" s="277">
        <v>308</v>
      </c>
      <c r="AI21" s="282">
        <v>308</v>
      </c>
      <c r="AJ21" s="276">
        <v>0</v>
      </c>
      <c r="AK21" s="280">
        <v>0</v>
      </c>
      <c r="AL21" s="277">
        <v>0</v>
      </c>
      <c r="AM21" s="279">
        <v>0</v>
      </c>
      <c r="AN21" s="280">
        <v>13</v>
      </c>
      <c r="AO21" s="280">
        <v>21</v>
      </c>
      <c r="AP21" s="280">
        <v>17</v>
      </c>
      <c r="AQ21" s="280">
        <v>4</v>
      </c>
      <c r="AR21" s="280">
        <v>3</v>
      </c>
      <c r="AS21" s="277">
        <v>58</v>
      </c>
      <c r="AT21" s="282">
        <v>58</v>
      </c>
      <c r="AU21" s="276">
        <v>1</v>
      </c>
      <c r="AV21" s="280">
        <v>2</v>
      </c>
      <c r="AW21" s="277">
        <v>3</v>
      </c>
      <c r="AX21" s="279">
        <v>0</v>
      </c>
      <c r="AY21" s="280">
        <v>22</v>
      </c>
      <c r="AZ21" s="280">
        <v>35</v>
      </c>
      <c r="BA21" s="280">
        <v>22</v>
      </c>
      <c r="BB21" s="280">
        <v>18</v>
      </c>
      <c r="BC21" s="280">
        <v>10</v>
      </c>
      <c r="BD21" s="277">
        <v>107</v>
      </c>
      <c r="BE21" s="282">
        <v>110</v>
      </c>
      <c r="BF21" s="276">
        <v>0</v>
      </c>
      <c r="BG21" s="280">
        <v>1</v>
      </c>
      <c r="BH21" s="277">
        <v>1</v>
      </c>
      <c r="BI21" s="279">
        <v>0</v>
      </c>
      <c r="BJ21" s="280">
        <v>10</v>
      </c>
      <c r="BK21" s="280">
        <v>24</v>
      </c>
      <c r="BL21" s="280">
        <v>29</v>
      </c>
      <c r="BM21" s="280">
        <v>19</v>
      </c>
      <c r="BN21" s="280">
        <v>13</v>
      </c>
      <c r="BO21" s="281">
        <v>95</v>
      </c>
      <c r="BP21" s="282">
        <v>96</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2</v>
      </c>
      <c r="CR21" s="280">
        <v>4</v>
      </c>
      <c r="CS21" s="280">
        <v>1</v>
      </c>
      <c r="CT21" s="280">
        <v>4</v>
      </c>
      <c r="CU21" s="280">
        <v>11</v>
      </c>
      <c r="CV21" s="277">
        <v>22</v>
      </c>
      <c r="CW21" s="282">
        <v>22</v>
      </c>
    </row>
    <row r="22" spans="2:101" ht="21" customHeight="1" x14ac:dyDescent="0.2">
      <c r="B22" s="261" t="s">
        <v>20</v>
      </c>
      <c r="C22" s="276">
        <v>0</v>
      </c>
      <c r="D22" s="277">
        <v>0</v>
      </c>
      <c r="E22" s="278">
        <v>0</v>
      </c>
      <c r="F22" s="279">
        <v>0</v>
      </c>
      <c r="G22" s="280">
        <v>1</v>
      </c>
      <c r="H22" s="280">
        <v>0</v>
      </c>
      <c r="I22" s="280">
        <v>0</v>
      </c>
      <c r="J22" s="280">
        <v>0</v>
      </c>
      <c r="K22" s="280">
        <v>0</v>
      </c>
      <c r="L22" s="281">
        <v>1</v>
      </c>
      <c r="M22" s="282">
        <v>1</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89</v>
      </c>
      <c r="AD22" s="280">
        <v>84</v>
      </c>
      <c r="AE22" s="280">
        <v>53</v>
      </c>
      <c r="AF22" s="280">
        <v>20</v>
      </c>
      <c r="AG22" s="280">
        <v>5</v>
      </c>
      <c r="AH22" s="277">
        <v>351</v>
      </c>
      <c r="AI22" s="282">
        <v>351</v>
      </c>
      <c r="AJ22" s="276">
        <v>0</v>
      </c>
      <c r="AK22" s="280">
        <v>0</v>
      </c>
      <c r="AL22" s="277">
        <v>0</v>
      </c>
      <c r="AM22" s="279">
        <v>0</v>
      </c>
      <c r="AN22" s="280">
        <v>0</v>
      </c>
      <c r="AO22" s="280">
        <v>3</v>
      </c>
      <c r="AP22" s="280">
        <v>3</v>
      </c>
      <c r="AQ22" s="280">
        <v>0</v>
      </c>
      <c r="AR22" s="280">
        <v>1</v>
      </c>
      <c r="AS22" s="277">
        <v>7</v>
      </c>
      <c r="AT22" s="282">
        <v>7</v>
      </c>
      <c r="AU22" s="276">
        <v>1</v>
      </c>
      <c r="AV22" s="280">
        <v>2</v>
      </c>
      <c r="AW22" s="277">
        <v>3</v>
      </c>
      <c r="AX22" s="279">
        <v>0</v>
      </c>
      <c r="AY22" s="280">
        <v>15</v>
      </c>
      <c r="AZ22" s="280">
        <v>13</v>
      </c>
      <c r="BA22" s="280">
        <v>12</v>
      </c>
      <c r="BB22" s="280">
        <v>3</v>
      </c>
      <c r="BC22" s="280">
        <v>1</v>
      </c>
      <c r="BD22" s="277">
        <v>44</v>
      </c>
      <c r="BE22" s="282">
        <v>47</v>
      </c>
      <c r="BF22" s="276">
        <v>0</v>
      </c>
      <c r="BG22" s="280">
        <v>0</v>
      </c>
      <c r="BH22" s="277">
        <v>0</v>
      </c>
      <c r="BI22" s="279">
        <v>0</v>
      </c>
      <c r="BJ22" s="280">
        <v>24</v>
      </c>
      <c r="BK22" s="280">
        <v>23</v>
      </c>
      <c r="BL22" s="280">
        <v>36</v>
      </c>
      <c r="BM22" s="280">
        <v>20</v>
      </c>
      <c r="BN22" s="280">
        <v>11</v>
      </c>
      <c r="BO22" s="281">
        <v>114</v>
      </c>
      <c r="BP22" s="282">
        <v>11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2</v>
      </c>
      <c r="H23" s="280">
        <v>5</v>
      </c>
      <c r="I23" s="280">
        <v>1</v>
      </c>
      <c r="J23" s="280">
        <v>5</v>
      </c>
      <c r="K23" s="280">
        <v>0</v>
      </c>
      <c r="L23" s="281">
        <v>13</v>
      </c>
      <c r="M23" s="282">
        <v>13</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78</v>
      </c>
      <c r="AD23" s="280">
        <v>197</v>
      </c>
      <c r="AE23" s="280">
        <v>76</v>
      </c>
      <c r="AF23" s="280">
        <v>30</v>
      </c>
      <c r="AG23" s="280">
        <v>15</v>
      </c>
      <c r="AH23" s="277">
        <v>496</v>
      </c>
      <c r="AI23" s="282">
        <v>496</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8</v>
      </c>
      <c r="AZ23" s="280">
        <v>5</v>
      </c>
      <c r="BA23" s="280">
        <v>13</v>
      </c>
      <c r="BB23" s="280">
        <v>10</v>
      </c>
      <c r="BC23" s="280">
        <v>3</v>
      </c>
      <c r="BD23" s="277">
        <v>39</v>
      </c>
      <c r="BE23" s="282">
        <v>39</v>
      </c>
      <c r="BF23" s="276">
        <v>0</v>
      </c>
      <c r="BG23" s="280">
        <v>0</v>
      </c>
      <c r="BH23" s="277">
        <v>0</v>
      </c>
      <c r="BI23" s="279">
        <v>0</v>
      </c>
      <c r="BJ23" s="280">
        <v>22</v>
      </c>
      <c r="BK23" s="280">
        <v>35</v>
      </c>
      <c r="BL23" s="280">
        <v>36</v>
      </c>
      <c r="BM23" s="280">
        <v>15</v>
      </c>
      <c r="BN23" s="280">
        <v>12</v>
      </c>
      <c r="BO23" s="281">
        <v>120</v>
      </c>
      <c r="BP23" s="282">
        <v>120</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2</v>
      </c>
      <c r="CR23" s="280">
        <v>2</v>
      </c>
      <c r="CS23" s="280">
        <v>1</v>
      </c>
      <c r="CT23" s="280">
        <v>1</v>
      </c>
      <c r="CU23" s="280">
        <v>7</v>
      </c>
      <c r="CV23" s="277">
        <v>13</v>
      </c>
      <c r="CW23" s="282">
        <v>13</v>
      </c>
    </row>
    <row r="24" spans="2:101" ht="21" customHeight="1" x14ac:dyDescent="0.2">
      <c r="B24" s="261" t="s">
        <v>22</v>
      </c>
      <c r="C24" s="276">
        <v>0</v>
      </c>
      <c r="D24" s="277">
        <v>0</v>
      </c>
      <c r="E24" s="278">
        <v>0</v>
      </c>
      <c r="F24" s="279">
        <v>0</v>
      </c>
      <c r="G24" s="280">
        <v>3</v>
      </c>
      <c r="H24" s="280">
        <v>5</v>
      </c>
      <c r="I24" s="280">
        <v>5</v>
      </c>
      <c r="J24" s="280">
        <v>1</v>
      </c>
      <c r="K24" s="280">
        <v>0</v>
      </c>
      <c r="L24" s="281">
        <v>14</v>
      </c>
      <c r="M24" s="282">
        <v>1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35</v>
      </c>
      <c r="AD24" s="280">
        <v>100</v>
      </c>
      <c r="AE24" s="280">
        <v>31</v>
      </c>
      <c r="AF24" s="280">
        <v>17</v>
      </c>
      <c r="AG24" s="280">
        <v>6</v>
      </c>
      <c r="AH24" s="277">
        <v>289</v>
      </c>
      <c r="AI24" s="282">
        <v>289</v>
      </c>
      <c r="AJ24" s="276">
        <v>0</v>
      </c>
      <c r="AK24" s="280">
        <v>0</v>
      </c>
      <c r="AL24" s="277">
        <v>0</v>
      </c>
      <c r="AM24" s="279">
        <v>0</v>
      </c>
      <c r="AN24" s="280">
        <v>5</v>
      </c>
      <c r="AO24" s="280">
        <v>4</v>
      </c>
      <c r="AP24" s="280">
        <v>4</v>
      </c>
      <c r="AQ24" s="280">
        <v>3</v>
      </c>
      <c r="AR24" s="280">
        <v>2</v>
      </c>
      <c r="AS24" s="277">
        <v>18</v>
      </c>
      <c r="AT24" s="282">
        <v>18</v>
      </c>
      <c r="AU24" s="276">
        <v>3</v>
      </c>
      <c r="AV24" s="280">
        <v>5</v>
      </c>
      <c r="AW24" s="277">
        <v>8</v>
      </c>
      <c r="AX24" s="279">
        <v>0</v>
      </c>
      <c r="AY24" s="280">
        <v>16</v>
      </c>
      <c r="AZ24" s="280">
        <v>19</v>
      </c>
      <c r="BA24" s="280">
        <v>13</v>
      </c>
      <c r="BB24" s="280">
        <v>11</v>
      </c>
      <c r="BC24" s="280">
        <v>4</v>
      </c>
      <c r="BD24" s="277">
        <v>63</v>
      </c>
      <c r="BE24" s="282">
        <v>71</v>
      </c>
      <c r="BF24" s="276">
        <v>0</v>
      </c>
      <c r="BG24" s="280">
        <v>0</v>
      </c>
      <c r="BH24" s="277">
        <v>0</v>
      </c>
      <c r="BI24" s="279">
        <v>0</v>
      </c>
      <c r="BJ24" s="280">
        <v>13</v>
      </c>
      <c r="BK24" s="280">
        <v>18</v>
      </c>
      <c r="BL24" s="280">
        <v>12</v>
      </c>
      <c r="BM24" s="280">
        <v>7</v>
      </c>
      <c r="BN24" s="280">
        <v>3</v>
      </c>
      <c r="BO24" s="281">
        <v>53</v>
      </c>
      <c r="BP24" s="282">
        <v>53</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5</v>
      </c>
      <c r="CI24" s="280">
        <v>20</v>
      </c>
      <c r="CJ24" s="280">
        <v>7</v>
      </c>
      <c r="CK24" s="277">
        <v>32</v>
      </c>
      <c r="CL24" s="282">
        <v>32</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1</v>
      </c>
      <c r="H25" s="280">
        <v>1</v>
      </c>
      <c r="I25" s="280">
        <v>0</v>
      </c>
      <c r="J25" s="280">
        <v>0</v>
      </c>
      <c r="K25" s="280">
        <v>1</v>
      </c>
      <c r="L25" s="281">
        <v>3</v>
      </c>
      <c r="M25" s="282">
        <v>3</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54</v>
      </c>
      <c r="AD25" s="280">
        <v>40</v>
      </c>
      <c r="AE25" s="280">
        <v>14</v>
      </c>
      <c r="AF25" s="280">
        <v>10</v>
      </c>
      <c r="AG25" s="280">
        <v>5</v>
      </c>
      <c r="AH25" s="277">
        <v>123</v>
      </c>
      <c r="AI25" s="282">
        <v>123</v>
      </c>
      <c r="AJ25" s="276">
        <v>0</v>
      </c>
      <c r="AK25" s="280">
        <v>0</v>
      </c>
      <c r="AL25" s="277">
        <v>0</v>
      </c>
      <c r="AM25" s="279">
        <v>0</v>
      </c>
      <c r="AN25" s="280">
        <v>0</v>
      </c>
      <c r="AO25" s="280">
        <v>1</v>
      </c>
      <c r="AP25" s="280">
        <v>2</v>
      </c>
      <c r="AQ25" s="280">
        <v>1</v>
      </c>
      <c r="AR25" s="280">
        <v>0</v>
      </c>
      <c r="AS25" s="277">
        <v>4</v>
      </c>
      <c r="AT25" s="282">
        <v>4</v>
      </c>
      <c r="AU25" s="276">
        <v>0</v>
      </c>
      <c r="AV25" s="280">
        <v>0</v>
      </c>
      <c r="AW25" s="277">
        <v>0</v>
      </c>
      <c r="AX25" s="279">
        <v>0</v>
      </c>
      <c r="AY25" s="280">
        <v>5</v>
      </c>
      <c r="AZ25" s="280">
        <v>3</v>
      </c>
      <c r="BA25" s="280">
        <v>4</v>
      </c>
      <c r="BB25" s="280">
        <v>1</v>
      </c>
      <c r="BC25" s="280">
        <v>1</v>
      </c>
      <c r="BD25" s="277">
        <v>14</v>
      </c>
      <c r="BE25" s="282">
        <v>14</v>
      </c>
      <c r="BF25" s="276">
        <v>0</v>
      </c>
      <c r="BG25" s="280">
        <v>1</v>
      </c>
      <c r="BH25" s="277">
        <v>1</v>
      </c>
      <c r="BI25" s="279">
        <v>0</v>
      </c>
      <c r="BJ25" s="280">
        <v>29</v>
      </c>
      <c r="BK25" s="280">
        <v>15</v>
      </c>
      <c r="BL25" s="280">
        <v>21</v>
      </c>
      <c r="BM25" s="280">
        <v>14</v>
      </c>
      <c r="BN25" s="280">
        <v>8</v>
      </c>
      <c r="BO25" s="281">
        <v>87</v>
      </c>
      <c r="BP25" s="282">
        <v>8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1</v>
      </c>
      <c r="CU25" s="280">
        <v>0</v>
      </c>
      <c r="CV25" s="277">
        <v>1</v>
      </c>
      <c r="CW25" s="282">
        <v>1</v>
      </c>
    </row>
    <row r="26" spans="2:101" ht="21" customHeight="1" x14ac:dyDescent="0.2">
      <c r="B26" s="261" t="s">
        <v>24</v>
      </c>
      <c r="C26" s="276">
        <v>0</v>
      </c>
      <c r="D26" s="277">
        <v>0</v>
      </c>
      <c r="E26" s="278">
        <v>0</v>
      </c>
      <c r="F26" s="279">
        <v>0</v>
      </c>
      <c r="G26" s="280">
        <v>2</v>
      </c>
      <c r="H26" s="280">
        <v>2</v>
      </c>
      <c r="I26" s="280">
        <v>2</v>
      </c>
      <c r="J26" s="280">
        <v>2</v>
      </c>
      <c r="K26" s="280">
        <v>1</v>
      </c>
      <c r="L26" s="281">
        <v>9</v>
      </c>
      <c r="M26" s="282">
        <v>9</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32</v>
      </c>
      <c r="AD26" s="280">
        <v>13</v>
      </c>
      <c r="AE26" s="280">
        <v>14</v>
      </c>
      <c r="AF26" s="280">
        <v>5</v>
      </c>
      <c r="AG26" s="280">
        <v>2</v>
      </c>
      <c r="AH26" s="277">
        <v>66</v>
      </c>
      <c r="AI26" s="282">
        <v>66</v>
      </c>
      <c r="AJ26" s="276">
        <v>0</v>
      </c>
      <c r="AK26" s="280">
        <v>0</v>
      </c>
      <c r="AL26" s="277">
        <v>0</v>
      </c>
      <c r="AM26" s="279">
        <v>0</v>
      </c>
      <c r="AN26" s="280">
        <v>8</v>
      </c>
      <c r="AO26" s="280">
        <v>6</v>
      </c>
      <c r="AP26" s="280">
        <v>5</v>
      </c>
      <c r="AQ26" s="280">
        <v>2</v>
      </c>
      <c r="AR26" s="280">
        <v>1</v>
      </c>
      <c r="AS26" s="277">
        <v>22</v>
      </c>
      <c r="AT26" s="282">
        <v>22</v>
      </c>
      <c r="AU26" s="276">
        <v>5</v>
      </c>
      <c r="AV26" s="280">
        <v>3</v>
      </c>
      <c r="AW26" s="277">
        <v>8</v>
      </c>
      <c r="AX26" s="279">
        <v>0</v>
      </c>
      <c r="AY26" s="280">
        <v>15</v>
      </c>
      <c r="AZ26" s="280">
        <v>8</v>
      </c>
      <c r="BA26" s="280">
        <v>5</v>
      </c>
      <c r="BB26" s="280">
        <v>5</v>
      </c>
      <c r="BC26" s="280">
        <v>3</v>
      </c>
      <c r="BD26" s="277">
        <v>36</v>
      </c>
      <c r="BE26" s="282">
        <v>44</v>
      </c>
      <c r="BF26" s="276">
        <v>0</v>
      </c>
      <c r="BG26" s="280">
        <v>0</v>
      </c>
      <c r="BH26" s="277">
        <v>0</v>
      </c>
      <c r="BI26" s="279">
        <v>0</v>
      </c>
      <c r="BJ26" s="280">
        <v>1</v>
      </c>
      <c r="BK26" s="280">
        <v>5</v>
      </c>
      <c r="BL26" s="280">
        <v>12</v>
      </c>
      <c r="BM26" s="280">
        <v>7</v>
      </c>
      <c r="BN26" s="280">
        <v>4</v>
      </c>
      <c r="BO26" s="281">
        <v>29</v>
      </c>
      <c r="BP26" s="282">
        <v>29</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80</v>
      </c>
      <c r="AD27" s="280">
        <v>31</v>
      </c>
      <c r="AE27" s="280">
        <v>16</v>
      </c>
      <c r="AF27" s="280">
        <v>4</v>
      </c>
      <c r="AG27" s="280">
        <v>2</v>
      </c>
      <c r="AH27" s="277">
        <v>133</v>
      </c>
      <c r="AI27" s="282">
        <v>133</v>
      </c>
      <c r="AJ27" s="276">
        <v>0</v>
      </c>
      <c r="AK27" s="280">
        <v>0</v>
      </c>
      <c r="AL27" s="277">
        <v>0</v>
      </c>
      <c r="AM27" s="279">
        <v>0</v>
      </c>
      <c r="AN27" s="280">
        <v>0</v>
      </c>
      <c r="AO27" s="280">
        <v>0</v>
      </c>
      <c r="AP27" s="280">
        <v>0</v>
      </c>
      <c r="AQ27" s="280">
        <v>0</v>
      </c>
      <c r="AR27" s="280">
        <v>0</v>
      </c>
      <c r="AS27" s="277">
        <v>0</v>
      </c>
      <c r="AT27" s="282">
        <v>0</v>
      </c>
      <c r="AU27" s="276">
        <v>2</v>
      </c>
      <c r="AV27" s="280">
        <v>0</v>
      </c>
      <c r="AW27" s="277">
        <v>2</v>
      </c>
      <c r="AX27" s="279">
        <v>0</v>
      </c>
      <c r="AY27" s="280">
        <v>5</v>
      </c>
      <c r="AZ27" s="280">
        <v>7</v>
      </c>
      <c r="BA27" s="280">
        <v>2</v>
      </c>
      <c r="BB27" s="280">
        <v>1</v>
      </c>
      <c r="BC27" s="280">
        <v>0</v>
      </c>
      <c r="BD27" s="277">
        <v>15</v>
      </c>
      <c r="BE27" s="282">
        <v>17</v>
      </c>
      <c r="BF27" s="276">
        <v>0</v>
      </c>
      <c r="BG27" s="280">
        <v>0</v>
      </c>
      <c r="BH27" s="277">
        <v>0</v>
      </c>
      <c r="BI27" s="279">
        <v>0</v>
      </c>
      <c r="BJ27" s="280">
        <v>13</v>
      </c>
      <c r="BK27" s="280">
        <v>6</v>
      </c>
      <c r="BL27" s="280">
        <v>6</v>
      </c>
      <c r="BM27" s="280">
        <v>5</v>
      </c>
      <c r="BN27" s="280">
        <v>0</v>
      </c>
      <c r="BO27" s="281">
        <v>30</v>
      </c>
      <c r="BP27" s="282">
        <v>3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6</v>
      </c>
      <c r="AD28" s="280">
        <v>45</v>
      </c>
      <c r="AE28" s="280">
        <v>24</v>
      </c>
      <c r="AF28" s="280">
        <v>12</v>
      </c>
      <c r="AG28" s="280">
        <v>8</v>
      </c>
      <c r="AH28" s="277">
        <v>135</v>
      </c>
      <c r="AI28" s="282">
        <v>135</v>
      </c>
      <c r="AJ28" s="276">
        <v>0</v>
      </c>
      <c r="AK28" s="280">
        <v>0</v>
      </c>
      <c r="AL28" s="277">
        <v>0</v>
      </c>
      <c r="AM28" s="279">
        <v>0</v>
      </c>
      <c r="AN28" s="280">
        <v>1</v>
      </c>
      <c r="AO28" s="280">
        <v>3</v>
      </c>
      <c r="AP28" s="280">
        <v>7</v>
      </c>
      <c r="AQ28" s="280">
        <v>2</v>
      </c>
      <c r="AR28" s="280">
        <v>3</v>
      </c>
      <c r="AS28" s="277">
        <v>16</v>
      </c>
      <c r="AT28" s="282">
        <v>16</v>
      </c>
      <c r="AU28" s="276">
        <v>1</v>
      </c>
      <c r="AV28" s="280">
        <v>0</v>
      </c>
      <c r="AW28" s="277">
        <v>1</v>
      </c>
      <c r="AX28" s="279">
        <v>0</v>
      </c>
      <c r="AY28" s="280">
        <v>7</v>
      </c>
      <c r="AZ28" s="280">
        <v>5</v>
      </c>
      <c r="BA28" s="280">
        <v>2</v>
      </c>
      <c r="BB28" s="280">
        <v>1</v>
      </c>
      <c r="BC28" s="280">
        <v>3</v>
      </c>
      <c r="BD28" s="277">
        <v>18</v>
      </c>
      <c r="BE28" s="282">
        <v>19</v>
      </c>
      <c r="BF28" s="276">
        <v>0</v>
      </c>
      <c r="BG28" s="280">
        <v>0</v>
      </c>
      <c r="BH28" s="277">
        <v>0</v>
      </c>
      <c r="BI28" s="279">
        <v>0</v>
      </c>
      <c r="BJ28" s="280">
        <v>12</v>
      </c>
      <c r="BK28" s="280">
        <v>9</v>
      </c>
      <c r="BL28" s="280">
        <v>18</v>
      </c>
      <c r="BM28" s="280">
        <v>11</v>
      </c>
      <c r="BN28" s="280">
        <v>5</v>
      </c>
      <c r="BO28" s="281">
        <v>55</v>
      </c>
      <c r="BP28" s="282">
        <v>55</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1</v>
      </c>
      <c r="CI28" s="280">
        <v>0</v>
      </c>
      <c r="CJ28" s="280">
        <v>0</v>
      </c>
      <c r="CK28" s="277">
        <v>1</v>
      </c>
      <c r="CL28" s="282">
        <v>1</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1</v>
      </c>
      <c r="I29" s="280">
        <v>1</v>
      </c>
      <c r="J29" s="280">
        <v>0</v>
      </c>
      <c r="K29" s="280">
        <v>1</v>
      </c>
      <c r="L29" s="281">
        <v>3</v>
      </c>
      <c r="M29" s="282">
        <v>3</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36</v>
      </c>
      <c r="AD29" s="280">
        <v>14</v>
      </c>
      <c r="AE29" s="280">
        <v>9</v>
      </c>
      <c r="AF29" s="280">
        <v>2</v>
      </c>
      <c r="AG29" s="280">
        <v>0</v>
      </c>
      <c r="AH29" s="277">
        <v>61</v>
      </c>
      <c r="AI29" s="282">
        <v>61</v>
      </c>
      <c r="AJ29" s="276">
        <v>0</v>
      </c>
      <c r="AK29" s="280">
        <v>0</v>
      </c>
      <c r="AL29" s="277">
        <v>0</v>
      </c>
      <c r="AM29" s="279">
        <v>0</v>
      </c>
      <c r="AN29" s="280">
        <v>3</v>
      </c>
      <c r="AO29" s="280">
        <v>2</v>
      </c>
      <c r="AP29" s="280">
        <v>1</v>
      </c>
      <c r="AQ29" s="280">
        <v>0</v>
      </c>
      <c r="AR29" s="280">
        <v>0</v>
      </c>
      <c r="AS29" s="277">
        <v>6</v>
      </c>
      <c r="AT29" s="282">
        <v>6</v>
      </c>
      <c r="AU29" s="276">
        <v>0</v>
      </c>
      <c r="AV29" s="280">
        <v>0</v>
      </c>
      <c r="AW29" s="277">
        <v>0</v>
      </c>
      <c r="AX29" s="279">
        <v>0</v>
      </c>
      <c r="AY29" s="280">
        <v>0</v>
      </c>
      <c r="AZ29" s="280">
        <v>1</v>
      </c>
      <c r="BA29" s="280">
        <v>0</v>
      </c>
      <c r="BB29" s="280">
        <v>0</v>
      </c>
      <c r="BC29" s="280">
        <v>0</v>
      </c>
      <c r="BD29" s="277">
        <v>1</v>
      </c>
      <c r="BE29" s="282">
        <v>1</v>
      </c>
      <c r="BF29" s="276">
        <v>0</v>
      </c>
      <c r="BG29" s="280">
        <v>0</v>
      </c>
      <c r="BH29" s="277">
        <v>0</v>
      </c>
      <c r="BI29" s="279">
        <v>0</v>
      </c>
      <c r="BJ29" s="280">
        <v>14</v>
      </c>
      <c r="BK29" s="280">
        <v>5</v>
      </c>
      <c r="BL29" s="280">
        <v>11</v>
      </c>
      <c r="BM29" s="280">
        <v>2</v>
      </c>
      <c r="BN29" s="280">
        <v>3</v>
      </c>
      <c r="BO29" s="281">
        <v>35</v>
      </c>
      <c r="BP29" s="282">
        <v>35</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0</v>
      </c>
      <c r="CI29" s="280">
        <v>11</v>
      </c>
      <c r="CJ29" s="280">
        <v>5</v>
      </c>
      <c r="CK29" s="277">
        <v>26</v>
      </c>
      <c r="CL29" s="282">
        <v>26</v>
      </c>
      <c r="CM29" s="276">
        <v>0</v>
      </c>
      <c r="CN29" s="280">
        <v>0</v>
      </c>
      <c r="CO29" s="277">
        <v>0</v>
      </c>
      <c r="CP29" s="279">
        <v>0</v>
      </c>
      <c r="CQ29" s="280">
        <v>0</v>
      </c>
      <c r="CR29" s="280">
        <v>0</v>
      </c>
      <c r="CS29" s="280">
        <v>0</v>
      </c>
      <c r="CT29" s="280">
        <v>1</v>
      </c>
      <c r="CU29" s="280">
        <v>0</v>
      </c>
      <c r="CV29" s="277">
        <v>1</v>
      </c>
      <c r="CW29" s="282">
        <v>1</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0</v>
      </c>
      <c r="AD30" s="280">
        <v>14</v>
      </c>
      <c r="AE30" s="280">
        <v>1</v>
      </c>
      <c r="AF30" s="280">
        <v>3</v>
      </c>
      <c r="AG30" s="280">
        <v>1</v>
      </c>
      <c r="AH30" s="277">
        <v>39</v>
      </c>
      <c r="AI30" s="282">
        <v>39</v>
      </c>
      <c r="AJ30" s="276">
        <v>0</v>
      </c>
      <c r="AK30" s="280">
        <v>0</v>
      </c>
      <c r="AL30" s="277">
        <v>0</v>
      </c>
      <c r="AM30" s="279">
        <v>0</v>
      </c>
      <c r="AN30" s="280">
        <v>1</v>
      </c>
      <c r="AO30" s="280">
        <v>1</v>
      </c>
      <c r="AP30" s="280">
        <v>1</v>
      </c>
      <c r="AQ30" s="280">
        <v>0</v>
      </c>
      <c r="AR30" s="280">
        <v>1</v>
      </c>
      <c r="AS30" s="277">
        <v>4</v>
      </c>
      <c r="AT30" s="282">
        <v>4</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4</v>
      </c>
      <c r="BL30" s="280">
        <v>6</v>
      </c>
      <c r="BM30" s="280">
        <v>1</v>
      </c>
      <c r="BN30" s="280">
        <v>4</v>
      </c>
      <c r="BO30" s="281">
        <v>15</v>
      </c>
      <c r="BP30" s="282">
        <v>15</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1</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8</v>
      </c>
      <c r="AD31" s="280">
        <v>21</v>
      </c>
      <c r="AE31" s="280">
        <v>3</v>
      </c>
      <c r="AF31" s="280">
        <v>3</v>
      </c>
      <c r="AG31" s="280">
        <v>0</v>
      </c>
      <c r="AH31" s="277">
        <v>45</v>
      </c>
      <c r="AI31" s="282">
        <v>45</v>
      </c>
      <c r="AJ31" s="276">
        <v>0</v>
      </c>
      <c r="AK31" s="280">
        <v>0</v>
      </c>
      <c r="AL31" s="277">
        <v>0</v>
      </c>
      <c r="AM31" s="279">
        <v>0</v>
      </c>
      <c r="AN31" s="280">
        <v>0</v>
      </c>
      <c r="AO31" s="280">
        <v>1</v>
      </c>
      <c r="AP31" s="280">
        <v>2</v>
      </c>
      <c r="AQ31" s="280">
        <v>0</v>
      </c>
      <c r="AR31" s="280">
        <v>0</v>
      </c>
      <c r="AS31" s="277">
        <v>3</v>
      </c>
      <c r="AT31" s="282">
        <v>3</v>
      </c>
      <c r="AU31" s="276">
        <v>0</v>
      </c>
      <c r="AV31" s="280">
        <v>2</v>
      </c>
      <c r="AW31" s="277">
        <v>2</v>
      </c>
      <c r="AX31" s="279">
        <v>0</v>
      </c>
      <c r="AY31" s="280">
        <v>8</v>
      </c>
      <c r="AZ31" s="280">
        <v>6</v>
      </c>
      <c r="BA31" s="280">
        <v>6</v>
      </c>
      <c r="BB31" s="280">
        <v>3</v>
      </c>
      <c r="BC31" s="280">
        <v>1</v>
      </c>
      <c r="BD31" s="277">
        <v>24</v>
      </c>
      <c r="BE31" s="282">
        <v>26</v>
      </c>
      <c r="BF31" s="276">
        <v>0</v>
      </c>
      <c r="BG31" s="280">
        <v>0</v>
      </c>
      <c r="BH31" s="277">
        <v>0</v>
      </c>
      <c r="BI31" s="279">
        <v>0</v>
      </c>
      <c r="BJ31" s="280">
        <v>4</v>
      </c>
      <c r="BK31" s="280">
        <v>3</v>
      </c>
      <c r="BL31" s="280">
        <v>3</v>
      </c>
      <c r="BM31" s="280">
        <v>0</v>
      </c>
      <c r="BN31" s="280">
        <v>4</v>
      </c>
      <c r="BO31" s="281">
        <v>14</v>
      </c>
      <c r="BP31" s="282">
        <v>14</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4</v>
      </c>
      <c r="CH31" s="280">
        <v>6</v>
      </c>
      <c r="CI31" s="280">
        <v>7</v>
      </c>
      <c r="CJ31" s="280">
        <v>9</v>
      </c>
      <c r="CK31" s="277">
        <v>26</v>
      </c>
      <c r="CL31" s="282">
        <v>26</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1</v>
      </c>
      <c r="H32" s="280">
        <v>0</v>
      </c>
      <c r="I32" s="280">
        <v>1</v>
      </c>
      <c r="J32" s="280">
        <v>0</v>
      </c>
      <c r="K32" s="280">
        <v>0</v>
      </c>
      <c r="L32" s="281">
        <v>2</v>
      </c>
      <c r="M32" s="282">
        <v>2</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4</v>
      </c>
      <c r="AD32" s="280">
        <v>10</v>
      </c>
      <c r="AE32" s="280">
        <v>9</v>
      </c>
      <c r="AF32" s="280">
        <v>4</v>
      </c>
      <c r="AG32" s="280">
        <v>0</v>
      </c>
      <c r="AH32" s="277">
        <v>47</v>
      </c>
      <c r="AI32" s="282">
        <v>47</v>
      </c>
      <c r="AJ32" s="276">
        <v>1</v>
      </c>
      <c r="AK32" s="280">
        <v>0</v>
      </c>
      <c r="AL32" s="277">
        <v>1</v>
      </c>
      <c r="AM32" s="279">
        <v>0</v>
      </c>
      <c r="AN32" s="280">
        <v>1</v>
      </c>
      <c r="AO32" s="280">
        <v>3</v>
      </c>
      <c r="AP32" s="280">
        <v>1</v>
      </c>
      <c r="AQ32" s="280">
        <v>0</v>
      </c>
      <c r="AR32" s="280">
        <v>0</v>
      </c>
      <c r="AS32" s="277">
        <v>5</v>
      </c>
      <c r="AT32" s="282">
        <v>6</v>
      </c>
      <c r="AU32" s="276">
        <v>0</v>
      </c>
      <c r="AV32" s="280">
        <v>0</v>
      </c>
      <c r="AW32" s="277">
        <v>0</v>
      </c>
      <c r="AX32" s="279">
        <v>0</v>
      </c>
      <c r="AY32" s="280">
        <v>0</v>
      </c>
      <c r="AZ32" s="280">
        <v>1</v>
      </c>
      <c r="BA32" s="280">
        <v>0</v>
      </c>
      <c r="BB32" s="280">
        <v>1</v>
      </c>
      <c r="BC32" s="280">
        <v>0</v>
      </c>
      <c r="BD32" s="277">
        <v>2</v>
      </c>
      <c r="BE32" s="282">
        <v>2</v>
      </c>
      <c r="BF32" s="276">
        <v>0</v>
      </c>
      <c r="BG32" s="280">
        <v>0</v>
      </c>
      <c r="BH32" s="277">
        <v>0</v>
      </c>
      <c r="BI32" s="279">
        <v>0</v>
      </c>
      <c r="BJ32" s="280">
        <v>8</v>
      </c>
      <c r="BK32" s="280">
        <v>2</v>
      </c>
      <c r="BL32" s="280">
        <v>3</v>
      </c>
      <c r="BM32" s="280">
        <v>4</v>
      </c>
      <c r="BN32" s="280">
        <v>2</v>
      </c>
      <c r="BO32" s="281">
        <v>19</v>
      </c>
      <c r="BP32" s="282">
        <v>19</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1</v>
      </c>
      <c r="I33" s="280">
        <v>0</v>
      </c>
      <c r="J33" s="280">
        <v>0</v>
      </c>
      <c r="K33" s="280">
        <v>0</v>
      </c>
      <c r="L33" s="281">
        <v>1</v>
      </c>
      <c r="M33" s="282">
        <v>1</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38</v>
      </c>
      <c r="AD33" s="280">
        <v>22</v>
      </c>
      <c r="AE33" s="280">
        <v>8</v>
      </c>
      <c r="AF33" s="280">
        <v>1</v>
      </c>
      <c r="AG33" s="280">
        <v>1</v>
      </c>
      <c r="AH33" s="277">
        <v>70</v>
      </c>
      <c r="AI33" s="282">
        <v>70</v>
      </c>
      <c r="AJ33" s="276">
        <v>0</v>
      </c>
      <c r="AK33" s="280">
        <v>0</v>
      </c>
      <c r="AL33" s="277">
        <v>0</v>
      </c>
      <c r="AM33" s="279">
        <v>0</v>
      </c>
      <c r="AN33" s="280">
        <v>0</v>
      </c>
      <c r="AO33" s="280">
        <v>0</v>
      </c>
      <c r="AP33" s="280">
        <v>1</v>
      </c>
      <c r="AQ33" s="280">
        <v>0</v>
      </c>
      <c r="AR33" s="280">
        <v>1</v>
      </c>
      <c r="AS33" s="277">
        <v>2</v>
      </c>
      <c r="AT33" s="282">
        <v>2</v>
      </c>
      <c r="AU33" s="276">
        <v>0</v>
      </c>
      <c r="AV33" s="280">
        <v>2</v>
      </c>
      <c r="AW33" s="277">
        <v>2</v>
      </c>
      <c r="AX33" s="279">
        <v>0</v>
      </c>
      <c r="AY33" s="280">
        <v>8</v>
      </c>
      <c r="AZ33" s="280">
        <v>8</v>
      </c>
      <c r="BA33" s="280">
        <v>5</v>
      </c>
      <c r="BB33" s="280">
        <v>0</v>
      </c>
      <c r="BC33" s="280">
        <v>1</v>
      </c>
      <c r="BD33" s="277">
        <v>22</v>
      </c>
      <c r="BE33" s="282">
        <v>24</v>
      </c>
      <c r="BF33" s="276">
        <v>0</v>
      </c>
      <c r="BG33" s="280">
        <v>0</v>
      </c>
      <c r="BH33" s="277">
        <v>0</v>
      </c>
      <c r="BI33" s="279">
        <v>0</v>
      </c>
      <c r="BJ33" s="280">
        <v>6</v>
      </c>
      <c r="BK33" s="280">
        <v>9</v>
      </c>
      <c r="BL33" s="280">
        <v>13</v>
      </c>
      <c r="BM33" s="280">
        <v>8</v>
      </c>
      <c r="BN33" s="280">
        <v>5</v>
      </c>
      <c r="BO33" s="281">
        <v>41</v>
      </c>
      <c r="BP33" s="282">
        <v>4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2</v>
      </c>
      <c r="H34" s="280">
        <v>1</v>
      </c>
      <c r="I34" s="280">
        <v>0</v>
      </c>
      <c r="J34" s="280">
        <v>3</v>
      </c>
      <c r="K34" s="280">
        <v>0</v>
      </c>
      <c r="L34" s="281">
        <v>6</v>
      </c>
      <c r="M34" s="282">
        <v>6</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39</v>
      </c>
      <c r="AD34" s="280">
        <v>29</v>
      </c>
      <c r="AE34" s="280">
        <v>9</v>
      </c>
      <c r="AF34" s="280">
        <v>1</v>
      </c>
      <c r="AG34" s="280">
        <v>3</v>
      </c>
      <c r="AH34" s="277">
        <v>81</v>
      </c>
      <c r="AI34" s="282">
        <v>81</v>
      </c>
      <c r="AJ34" s="276">
        <v>0</v>
      </c>
      <c r="AK34" s="280">
        <v>0</v>
      </c>
      <c r="AL34" s="277">
        <v>0</v>
      </c>
      <c r="AM34" s="279">
        <v>0</v>
      </c>
      <c r="AN34" s="280">
        <v>3</v>
      </c>
      <c r="AO34" s="280">
        <v>0</v>
      </c>
      <c r="AP34" s="280">
        <v>2</v>
      </c>
      <c r="AQ34" s="280">
        <v>1</v>
      </c>
      <c r="AR34" s="280">
        <v>1</v>
      </c>
      <c r="AS34" s="277">
        <v>7</v>
      </c>
      <c r="AT34" s="282">
        <v>7</v>
      </c>
      <c r="AU34" s="276">
        <v>2</v>
      </c>
      <c r="AV34" s="280">
        <v>0</v>
      </c>
      <c r="AW34" s="277">
        <v>2</v>
      </c>
      <c r="AX34" s="279">
        <v>0</v>
      </c>
      <c r="AY34" s="280">
        <v>2</v>
      </c>
      <c r="AZ34" s="280">
        <v>0</v>
      </c>
      <c r="BA34" s="280">
        <v>1</v>
      </c>
      <c r="BB34" s="280">
        <v>1</v>
      </c>
      <c r="BC34" s="280">
        <v>0</v>
      </c>
      <c r="BD34" s="277">
        <v>4</v>
      </c>
      <c r="BE34" s="282">
        <v>6</v>
      </c>
      <c r="BF34" s="276">
        <v>0</v>
      </c>
      <c r="BG34" s="280">
        <v>0</v>
      </c>
      <c r="BH34" s="277">
        <v>0</v>
      </c>
      <c r="BI34" s="279">
        <v>0</v>
      </c>
      <c r="BJ34" s="280">
        <v>3</v>
      </c>
      <c r="BK34" s="280">
        <v>5</v>
      </c>
      <c r="BL34" s="280">
        <v>10</v>
      </c>
      <c r="BM34" s="280">
        <v>7</v>
      </c>
      <c r="BN34" s="280">
        <v>7</v>
      </c>
      <c r="BO34" s="281">
        <v>32</v>
      </c>
      <c r="BP34" s="282">
        <v>32</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1</v>
      </c>
      <c r="CG34" s="280">
        <v>1</v>
      </c>
      <c r="CH34" s="280">
        <v>15</v>
      </c>
      <c r="CI34" s="280">
        <v>8</v>
      </c>
      <c r="CJ34" s="280">
        <v>2</v>
      </c>
      <c r="CK34" s="277">
        <v>27</v>
      </c>
      <c r="CL34" s="282">
        <v>27</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30</v>
      </c>
      <c r="AD35" s="280">
        <v>12</v>
      </c>
      <c r="AE35" s="280">
        <v>9</v>
      </c>
      <c r="AF35" s="280">
        <v>2</v>
      </c>
      <c r="AG35" s="280">
        <v>2</v>
      </c>
      <c r="AH35" s="277">
        <v>55</v>
      </c>
      <c r="AI35" s="282">
        <v>55</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2</v>
      </c>
      <c r="BH35" s="277">
        <v>2</v>
      </c>
      <c r="BI35" s="279">
        <v>0</v>
      </c>
      <c r="BJ35" s="280">
        <v>2</v>
      </c>
      <c r="BK35" s="280">
        <v>3</v>
      </c>
      <c r="BL35" s="280">
        <v>9</v>
      </c>
      <c r="BM35" s="280">
        <v>1</v>
      </c>
      <c r="BN35" s="280">
        <v>1</v>
      </c>
      <c r="BO35" s="281">
        <v>16</v>
      </c>
      <c r="BP35" s="282">
        <v>18</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5</v>
      </c>
      <c r="CR35" s="280">
        <v>6</v>
      </c>
      <c r="CS35" s="280">
        <v>4</v>
      </c>
      <c r="CT35" s="280">
        <v>3</v>
      </c>
      <c r="CU35" s="280">
        <v>4</v>
      </c>
      <c r="CV35" s="277">
        <v>22</v>
      </c>
      <c r="CW35" s="282">
        <v>2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5</v>
      </c>
      <c r="AD36" s="280">
        <v>5</v>
      </c>
      <c r="AE36" s="280">
        <v>4</v>
      </c>
      <c r="AF36" s="280">
        <v>2</v>
      </c>
      <c r="AG36" s="280">
        <v>0</v>
      </c>
      <c r="AH36" s="277">
        <v>26</v>
      </c>
      <c r="AI36" s="282">
        <v>26</v>
      </c>
      <c r="AJ36" s="276">
        <v>0</v>
      </c>
      <c r="AK36" s="280">
        <v>0</v>
      </c>
      <c r="AL36" s="277">
        <v>0</v>
      </c>
      <c r="AM36" s="279">
        <v>0</v>
      </c>
      <c r="AN36" s="280">
        <v>0</v>
      </c>
      <c r="AO36" s="280">
        <v>0</v>
      </c>
      <c r="AP36" s="280">
        <v>0</v>
      </c>
      <c r="AQ36" s="280">
        <v>1</v>
      </c>
      <c r="AR36" s="280">
        <v>0</v>
      </c>
      <c r="AS36" s="277">
        <v>1</v>
      </c>
      <c r="AT36" s="282">
        <v>1</v>
      </c>
      <c r="AU36" s="276">
        <v>1</v>
      </c>
      <c r="AV36" s="280">
        <v>2</v>
      </c>
      <c r="AW36" s="277">
        <v>3</v>
      </c>
      <c r="AX36" s="279">
        <v>0</v>
      </c>
      <c r="AY36" s="280">
        <v>9</v>
      </c>
      <c r="AZ36" s="280">
        <v>7</v>
      </c>
      <c r="BA36" s="280">
        <v>4</v>
      </c>
      <c r="BB36" s="280">
        <v>1</v>
      </c>
      <c r="BC36" s="280">
        <v>1</v>
      </c>
      <c r="BD36" s="277">
        <v>22</v>
      </c>
      <c r="BE36" s="282">
        <v>25</v>
      </c>
      <c r="BF36" s="276">
        <v>0</v>
      </c>
      <c r="BG36" s="280">
        <v>0</v>
      </c>
      <c r="BH36" s="277">
        <v>0</v>
      </c>
      <c r="BI36" s="279">
        <v>0</v>
      </c>
      <c r="BJ36" s="280">
        <v>2</v>
      </c>
      <c r="BK36" s="280">
        <v>3</v>
      </c>
      <c r="BL36" s="280">
        <v>2</v>
      </c>
      <c r="BM36" s="280">
        <v>2</v>
      </c>
      <c r="BN36" s="280">
        <v>4</v>
      </c>
      <c r="BO36" s="281">
        <v>13</v>
      </c>
      <c r="BP36" s="282">
        <v>13</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6</v>
      </c>
      <c r="CR36" s="280">
        <v>11</v>
      </c>
      <c r="CS36" s="280">
        <v>4</v>
      </c>
      <c r="CT36" s="280">
        <v>6</v>
      </c>
      <c r="CU36" s="280">
        <v>0</v>
      </c>
      <c r="CV36" s="277">
        <v>27</v>
      </c>
      <c r="CW36" s="282">
        <v>27</v>
      </c>
    </row>
    <row r="37" spans="2:101" ht="21" customHeight="1" x14ac:dyDescent="0.2">
      <c r="B37" s="261" t="s">
        <v>35</v>
      </c>
      <c r="C37" s="276">
        <v>0</v>
      </c>
      <c r="D37" s="277">
        <v>0</v>
      </c>
      <c r="E37" s="278">
        <v>0</v>
      </c>
      <c r="F37" s="279">
        <v>0</v>
      </c>
      <c r="G37" s="280">
        <v>0</v>
      </c>
      <c r="H37" s="280">
        <v>1</v>
      </c>
      <c r="I37" s="280">
        <v>1</v>
      </c>
      <c r="J37" s="280">
        <v>1</v>
      </c>
      <c r="K37" s="280">
        <v>0</v>
      </c>
      <c r="L37" s="281">
        <v>3</v>
      </c>
      <c r="M37" s="282">
        <v>3</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5</v>
      </c>
      <c r="AD37" s="280">
        <v>17</v>
      </c>
      <c r="AE37" s="280">
        <v>9</v>
      </c>
      <c r="AF37" s="280">
        <v>6</v>
      </c>
      <c r="AG37" s="280">
        <v>1</v>
      </c>
      <c r="AH37" s="277">
        <v>48</v>
      </c>
      <c r="AI37" s="282">
        <v>48</v>
      </c>
      <c r="AJ37" s="276">
        <v>0</v>
      </c>
      <c r="AK37" s="280">
        <v>0</v>
      </c>
      <c r="AL37" s="277">
        <v>0</v>
      </c>
      <c r="AM37" s="279">
        <v>0</v>
      </c>
      <c r="AN37" s="280">
        <v>0</v>
      </c>
      <c r="AO37" s="280">
        <v>0</v>
      </c>
      <c r="AP37" s="280">
        <v>0</v>
      </c>
      <c r="AQ37" s="280">
        <v>0</v>
      </c>
      <c r="AR37" s="280">
        <v>0</v>
      </c>
      <c r="AS37" s="277">
        <v>0</v>
      </c>
      <c r="AT37" s="282">
        <v>0</v>
      </c>
      <c r="AU37" s="276">
        <v>2</v>
      </c>
      <c r="AV37" s="280">
        <v>2</v>
      </c>
      <c r="AW37" s="277">
        <v>4</v>
      </c>
      <c r="AX37" s="279">
        <v>0</v>
      </c>
      <c r="AY37" s="280">
        <v>8</v>
      </c>
      <c r="AZ37" s="280">
        <v>10</v>
      </c>
      <c r="BA37" s="280">
        <v>9</v>
      </c>
      <c r="BB37" s="280">
        <v>3</v>
      </c>
      <c r="BC37" s="280">
        <v>2</v>
      </c>
      <c r="BD37" s="277">
        <v>32</v>
      </c>
      <c r="BE37" s="282">
        <v>36</v>
      </c>
      <c r="BF37" s="276">
        <v>0</v>
      </c>
      <c r="BG37" s="280">
        <v>0</v>
      </c>
      <c r="BH37" s="277">
        <v>0</v>
      </c>
      <c r="BI37" s="279">
        <v>0</v>
      </c>
      <c r="BJ37" s="280">
        <v>11</v>
      </c>
      <c r="BK37" s="280">
        <v>13</v>
      </c>
      <c r="BL37" s="280">
        <v>17</v>
      </c>
      <c r="BM37" s="280">
        <v>14</v>
      </c>
      <c r="BN37" s="280">
        <v>6</v>
      </c>
      <c r="BO37" s="281">
        <v>61</v>
      </c>
      <c r="BP37" s="282">
        <v>6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62</v>
      </c>
      <c r="AD38" s="280">
        <v>50</v>
      </c>
      <c r="AE38" s="280">
        <v>28</v>
      </c>
      <c r="AF38" s="280">
        <v>10</v>
      </c>
      <c r="AG38" s="280">
        <v>9</v>
      </c>
      <c r="AH38" s="277">
        <v>159</v>
      </c>
      <c r="AI38" s="282">
        <v>159</v>
      </c>
      <c r="AJ38" s="276">
        <v>0</v>
      </c>
      <c r="AK38" s="280">
        <v>0</v>
      </c>
      <c r="AL38" s="277">
        <v>0</v>
      </c>
      <c r="AM38" s="279">
        <v>0</v>
      </c>
      <c r="AN38" s="280">
        <v>0</v>
      </c>
      <c r="AO38" s="280">
        <v>0</v>
      </c>
      <c r="AP38" s="280">
        <v>0</v>
      </c>
      <c r="AQ38" s="280">
        <v>0</v>
      </c>
      <c r="AR38" s="280">
        <v>0</v>
      </c>
      <c r="AS38" s="277">
        <v>0</v>
      </c>
      <c r="AT38" s="282">
        <v>0</v>
      </c>
      <c r="AU38" s="276">
        <v>2</v>
      </c>
      <c r="AV38" s="280">
        <v>1</v>
      </c>
      <c r="AW38" s="277">
        <v>3</v>
      </c>
      <c r="AX38" s="279">
        <v>0</v>
      </c>
      <c r="AY38" s="280">
        <v>12</v>
      </c>
      <c r="AZ38" s="280">
        <v>7</v>
      </c>
      <c r="BA38" s="280">
        <v>8</v>
      </c>
      <c r="BB38" s="280">
        <v>3</v>
      </c>
      <c r="BC38" s="280">
        <v>0</v>
      </c>
      <c r="BD38" s="277">
        <v>30</v>
      </c>
      <c r="BE38" s="282">
        <v>33</v>
      </c>
      <c r="BF38" s="276">
        <v>0</v>
      </c>
      <c r="BG38" s="280">
        <v>0</v>
      </c>
      <c r="BH38" s="277">
        <v>0</v>
      </c>
      <c r="BI38" s="279">
        <v>0</v>
      </c>
      <c r="BJ38" s="280">
        <v>3</v>
      </c>
      <c r="BK38" s="280">
        <v>7</v>
      </c>
      <c r="BL38" s="280">
        <v>17</v>
      </c>
      <c r="BM38" s="280">
        <v>8</v>
      </c>
      <c r="BN38" s="280">
        <v>2</v>
      </c>
      <c r="BO38" s="281">
        <v>37</v>
      </c>
      <c r="BP38" s="282">
        <v>37</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1</v>
      </c>
      <c r="J39" s="287">
        <v>0</v>
      </c>
      <c r="K39" s="287">
        <v>0</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4</v>
      </c>
      <c r="AD39" s="287">
        <v>7</v>
      </c>
      <c r="AE39" s="287">
        <v>6</v>
      </c>
      <c r="AF39" s="287">
        <v>0</v>
      </c>
      <c r="AG39" s="287">
        <v>2</v>
      </c>
      <c r="AH39" s="284">
        <v>29</v>
      </c>
      <c r="AI39" s="289">
        <v>29</v>
      </c>
      <c r="AJ39" s="283">
        <v>0</v>
      </c>
      <c r="AK39" s="287">
        <v>0</v>
      </c>
      <c r="AL39" s="284">
        <v>0</v>
      </c>
      <c r="AM39" s="286">
        <v>0</v>
      </c>
      <c r="AN39" s="287">
        <v>1</v>
      </c>
      <c r="AO39" s="287">
        <v>0</v>
      </c>
      <c r="AP39" s="287">
        <v>1</v>
      </c>
      <c r="AQ39" s="287">
        <v>0</v>
      </c>
      <c r="AR39" s="287">
        <v>1</v>
      </c>
      <c r="AS39" s="284">
        <v>3</v>
      </c>
      <c r="AT39" s="289">
        <v>3</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1</v>
      </c>
      <c r="BK39" s="287">
        <v>1</v>
      </c>
      <c r="BL39" s="287">
        <v>2</v>
      </c>
      <c r="BM39" s="287">
        <v>0</v>
      </c>
      <c r="BN39" s="287">
        <v>0</v>
      </c>
      <c r="BO39" s="288">
        <v>4</v>
      </c>
      <c r="BP39" s="289">
        <v>4</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8.554687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4</v>
      </c>
      <c r="J1" s="524"/>
      <c r="K1" s="248">
        <f>第１表!G2</f>
        <v>11</v>
      </c>
      <c r="L1" s="529">
        <f>IF(K1&lt;3,K1+12-2,K1-2)</f>
        <v>9</v>
      </c>
      <c r="M1" s="529"/>
    </row>
    <row r="2" spans="1:101" s="291" customFormat="1" ht="24" customHeight="1" thickBot="1" x14ac:dyDescent="0.25">
      <c r="A2" s="44"/>
      <c r="B2" s="290" t="s">
        <v>131</v>
      </c>
    </row>
    <row r="3" spans="1:101" ht="21"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323" t="s">
        <v>43</v>
      </c>
      <c r="D5" s="265" t="s">
        <v>44</v>
      </c>
      <c r="E5" s="266" t="s">
        <v>45</v>
      </c>
      <c r="F5" s="267" t="s">
        <v>83</v>
      </c>
      <c r="G5" s="259" t="s">
        <v>47</v>
      </c>
      <c r="H5" s="259" t="s">
        <v>48</v>
      </c>
      <c r="I5" s="259" t="s">
        <v>49</v>
      </c>
      <c r="J5" s="259" t="s">
        <v>50</v>
      </c>
      <c r="K5" s="259" t="s">
        <v>51</v>
      </c>
      <c r="L5" s="268" t="s">
        <v>45</v>
      </c>
      <c r="M5" s="531"/>
      <c r="N5" s="323" t="s">
        <v>43</v>
      </c>
      <c r="O5" s="259" t="s">
        <v>44</v>
      </c>
      <c r="P5" s="265" t="s">
        <v>45</v>
      </c>
      <c r="Q5" s="267" t="s">
        <v>83</v>
      </c>
      <c r="R5" s="259" t="s">
        <v>47</v>
      </c>
      <c r="S5" s="259" t="s">
        <v>48</v>
      </c>
      <c r="T5" s="259" t="s">
        <v>49</v>
      </c>
      <c r="U5" s="259" t="s">
        <v>50</v>
      </c>
      <c r="V5" s="259" t="s">
        <v>51</v>
      </c>
      <c r="W5" s="265" t="s">
        <v>45</v>
      </c>
      <c r="X5" s="531"/>
      <c r="Y5" s="323" t="s">
        <v>43</v>
      </c>
      <c r="Z5" s="259" t="s">
        <v>44</v>
      </c>
      <c r="AA5" s="265" t="s">
        <v>45</v>
      </c>
      <c r="AB5" s="267" t="s">
        <v>83</v>
      </c>
      <c r="AC5" s="259" t="s">
        <v>47</v>
      </c>
      <c r="AD5" s="259" t="s">
        <v>48</v>
      </c>
      <c r="AE5" s="259" t="s">
        <v>49</v>
      </c>
      <c r="AF5" s="259" t="s">
        <v>50</v>
      </c>
      <c r="AG5" s="259" t="s">
        <v>51</v>
      </c>
      <c r="AH5" s="265" t="s">
        <v>45</v>
      </c>
      <c r="AI5" s="531"/>
      <c r="AJ5" s="340" t="s">
        <v>43</v>
      </c>
      <c r="AK5" s="259" t="s">
        <v>44</v>
      </c>
      <c r="AL5" s="265" t="s">
        <v>45</v>
      </c>
      <c r="AM5" s="267" t="s">
        <v>83</v>
      </c>
      <c r="AN5" s="259" t="s">
        <v>47</v>
      </c>
      <c r="AO5" s="259" t="s">
        <v>48</v>
      </c>
      <c r="AP5" s="259" t="s">
        <v>49</v>
      </c>
      <c r="AQ5" s="259" t="s">
        <v>50</v>
      </c>
      <c r="AR5" s="259" t="s">
        <v>51</v>
      </c>
      <c r="AS5" s="265" t="s">
        <v>45</v>
      </c>
      <c r="AT5" s="531"/>
      <c r="AU5" s="340" t="s">
        <v>43</v>
      </c>
      <c r="AV5" s="259" t="s">
        <v>44</v>
      </c>
      <c r="AW5" s="265" t="s">
        <v>45</v>
      </c>
      <c r="AX5" s="267" t="s">
        <v>83</v>
      </c>
      <c r="AY5" s="259" t="s">
        <v>47</v>
      </c>
      <c r="AZ5" s="259" t="s">
        <v>48</v>
      </c>
      <c r="BA5" s="259" t="s">
        <v>49</v>
      </c>
      <c r="BB5" s="259" t="s">
        <v>50</v>
      </c>
      <c r="BC5" s="259" t="s">
        <v>51</v>
      </c>
      <c r="BD5" s="265" t="s">
        <v>45</v>
      </c>
      <c r="BE5" s="564"/>
      <c r="BF5" s="340" t="s">
        <v>43</v>
      </c>
      <c r="BG5" s="259" t="s">
        <v>44</v>
      </c>
      <c r="BH5" s="265" t="s">
        <v>45</v>
      </c>
      <c r="BI5" s="267" t="s">
        <v>83</v>
      </c>
      <c r="BJ5" s="259" t="s">
        <v>47</v>
      </c>
      <c r="BK5" s="259" t="s">
        <v>48</v>
      </c>
      <c r="BL5" s="259" t="s">
        <v>49</v>
      </c>
      <c r="BM5" s="259" t="s">
        <v>50</v>
      </c>
      <c r="BN5" s="259" t="s">
        <v>51</v>
      </c>
      <c r="BO5" s="265" t="s">
        <v>45</v>
      </c>
      <c r="BP5" s="564"/>
      <c r="BQ5" s="340" t="s">
        <v>43</v>
      </c>
      <c r="BR5" s="259" t="s">
        <v>44</v>
      </c>
      <c r="BS5" s="265" t="s">
        <v>45</v>
      </c>
      <c r="BT5" s="267" t="s">
        <v>83</v>
      </c>
      <c r="BU5" s="259" t="s">
        <v>47</v>
      </c>
      <c r="BV5" s="259" t="s">
        <v>48</v>
      </c>
      <c r="BW5" s="259" t="s">
        <v>49</v>
      </c>
      <c r="BX5" s="259" t="s">
        <v>50</v>
      </c>
      <c r="BY5" s="259" t="s">
        <v>51</v>
      </c>
      <c r="BZ5" s="265" t="s">
        <v>45</v>
      </c>
      <c r="CA5" s="564"/>
      <c r="CB5" s="340" t="s">
        <v>43</v>
      </c>
      <c r="CC5" s="259" t="s">
        <v>44</v>
      </c>
      <c r="CD5" s="265" t="s">
        <v>45</v>
      </c>
      <c r="CE5" s="267" t="s">
        <v>83</v>
      </c>
      <c r="CF5" s="259" t="s">
        <v>47</v>
      </c>
      <c r="CG5" s="259" t="s">
        <v>48</v>
      </c>
      <c r="CH5" s="259" t="s">
        <v>49</v>
      </c>
      <c r="CI5" s="259" t="s">
        <v>50</v>
      </c>
      <c r="CJ5" s="259" t="s">
        <v>51</v>
      </c>
      <c r="CK5" s="265" t="s">
        <v>45</v>
      </c>
      <c r="CL5" s="564"/>
      <c r="CM5" s="340"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18</v>
      </c>
      <c r="H6" s="273">
        <v>25</v>
      </c>
      <c r="I6" s="273">
        <v>21</v>
      </c>
      <c r="J6" s="273">
        <v>27</v>
      </c>
      <c r="K6" s="273">
        <v>16</v>
      </c>
      <c r="L6" s="274">
        <v>107</v>
      </c>
      <c r="M6" s="275">
        <v>107</v>
      </c>
      <c r="N6" s="269">
        <v>0</v>
      </c>
      <c r="O6" s="273">
        <v>0</v>
      </c>
      <c r="P6" s="270">
        <v>0</v>
      </c>
      <c r="Q6" s="272">
        <v>0</v>
      </c>
      <c r="R6" s="273">
        <v>11</v>
      </c>
      <c r="S6" s="273">
        <v>33</v>
      </c>
      <c r="T6" s="273">
        <v>37</v>
      </c>
      <c r="U6" s="273">
        <v>37</v>
      </c>
      <c r="V6" s="273">
        <v>30</v>
      </c>
      <c r="W6" s="270">
        <v>148</v>
      </c>
      <c r="X6" s="275">
        <v>148</v>
      </c>
      <c r="Y6" s="269">
        <v>0</v>
      </c>
      <c r="Z6" s="273">
        <v>0</v>
      </c>
      <c r="AA6" s="270">
        <v>0</v>
      </c>
      <c r="AB6" s="272">
        <v>0</v>
      </c>
      <c r="AC6" s="273">
        <v>992</v>
      </c>
      <c r="AD6" s="273">
        <v>763</v>
      </c>
      <c r="AE6" s="273">
        <v>349</v>
      </c>
      <c r="AF6" s="273">
        <v>167</v>
      </c>
      <c r="AG6" s="273">
        <v>68</v>
      </c>
      <c r="AH6" s="270">
        <v>2339</v>
      </c>
      <c r="AI6" s="275">
        <v>2339</v>
      </c>
      <c r="AJ6" s="269">
        <v>1</v>
      </c>
      <c r="AK6" s="273">
        <v>0</v>
      </c>
      <c r="AL6" s="270">
        <v>1</v>
      </c>
      <c r="AM6" s="272">
        <v>0</v>
      </c>
      <c r="AN6" s="273">
        <v>71</v>
      </c>
      <c r="AO6" s="273">
        <v>94</v>
      </c>
      <c r="AP6" s="273">
        <v>80</v>
      </c>
      <c r="AQ6" s="273">
        <v>32</v>
      </c>
      <c r="AR6" s="273">
        <v>19</v>
      </c>
      <c r="AS6" s="270">
        <v>296</v>
      </c>
      <c r="AT6" s="275">
        <v>297</v>
      </c>
      <c r="AU6" s="269">
        <v>17</v>
      </c>
      <c r="AV6" s="273">
        <v>11</v>
      </c>
      <c r="AW6" s="270">
        <v>28</v>
      </c>
      <c r="AX6" s="272">
        <v>0</v>
      </c>
      <c r="AY6" s="273">
        <v>85</v>
      </c>
      <c r="AZ6" s="273">
        <v>86</v>
      </c>
      <c r="BA6" s="273">
        <v>70</v>
      </c>
      <c r="BB6" s="273">
        <v>53</v>
      </c>
      <c r="BC6" s="273">
        <v>16</v>
      </c>
      <c r="BD6" s="270">
        <v>310</v>
      </c>
      <c r="BE6" s="275">
        <v>338</v>
      </c>
      <c r="BF6" s="269">
        <v>0</v>
      </c>
      <c r="BG6" s="273">
        <v>0</v>
      </c>
      <c r="BH6" s="270">
        <v>0</v>
      </c>
      <c r="BI6" s="272">
        <v>0</v>
      </c>
      <c r="BJ6" s="273">
        <v>106</v>
      </c>
      <c r="BK6" s="273">
        <v>153</v>
      </c>
      <c r="BL6" s="273">
        <v>154</v>
      </c>
      <c r="BM6" s="273">
        <v>131</v>
      </c>
      <c r="BN6" s="273">
        <v>61</v>
      </c>
      <c r="BO6" s="274">
        <v>605</v>
      </c>
      <c r="BP6" s="275">
        <v>605</v>
      </c>
      <c r="BQ6" s="269">
        <v>0</v>
      </c>
      <c r="BR6" s="273">
        <v>0</v>
      </c>
      <c r="BS6" s="270">
        <v>0</v>
      </c>
      <c r="BT6" s="272">
        <v>0</v>
      </c>
      <c r="BU6" s="273">
        <v>2</v>
      </c>
      <c r="BV6" s="273">
        <v>8</v>
      </c>
      <c r="BW6" s="273">
        <v>4</v>
      </c>
      <c r="BX6" s="273">
        <v>9</v>
      </c>
      <c r="BY6" s="273">
        <v>4</v>
      </c>
      <c r="BZ6" s="270">
        <v>27</v>
      </c>
      <c r="CA6" s="275">
        <v>27</v>
      </c>
      <c r="CB6" s="269">
        <v>0</v>
      </c>
      <c r="CC6" s="273">
        <v>0</v>
      </c>
      <c r="CD6" s="270">
        <v>0</v>
      </c>
      <c r="CE6" s="272">
        <v>0</v>
      </c>
      <c r="CF6" s="273">
        <v>0</v>
      </c>
      <c r="CG6" s="273">
        <v>2</v>
      </c>
      <c r="CH6" s="273">
        <v>20</v>
      </c>
      <c r="CI6" s="273">
        <v>16</v>
      </c>
      <c r="CJ6" s="273">
        <v>9</v>
      </c>
      <c r="CK6" s="270">
        <v>47</v>
      </c>
      <c r="CL6" s="275">
        <v>47</v>
      </c>
      <c r="CM6" s="269">
        <v>0</v>
      </c>
      <c r="CN6" s="273">
        <v>0</v>
      </c>
      <c r="CO6" s="270">
        <v>0</v>
      </c>
      <c r="CP6" s="272">
        <v>0</v>
      </c>
      <c r="CQ6" s="273">
        <v>18</v>
      </c>
      <c r="CR6" s="273">
        <v>16</v>
      </c>
      <c r="CS6" s="273">
        <v>22</v>
      </c>
      <c r="CT6" s="273">
        <v>35</v>
      </c>
      <c r="CU6" s="273">
        <v>38</v>
      </c>
      <c r="CV6" s="270">
        <v>129</v>
      </c>
      <c r="CW6" s="275">
        <v>129</v>
      </c>
    </row>
    <row r="7" spans="1:101" ht="21" customHeight="1" x14ac:dyDescent="0.2">
      <c r="B7" s="261" t="s">
        <v>5</v>
      </c>
      <c r="C7" s="276">
        <v>0</v>
      </c>
      <c r="D7" s="277">
        <v>0</v>
      </c>
      <c r="E7" s="278">
        <v>0</v>
      </c>
      <c r="F7" s="279">
        <v>0</v>
      </c>
      <c r="G7" s="280">
        <v>5</v>
      </c>
      <c r="H7" s="280">
        <v>11</v>
      </c>
      <c r="I7" s="280">
        <v>7</v>
      </c>
      <c r="J7" s="280">
        <v>12</v>
      </c>
      <c r="K7" s="280">
        <v>8</v>
      </c>
      <c r="L7" s="281">
        <v>43</v>
      </c>
      <c r="M7" s="282">
        <v>43</v>
      </c>
      <c r="N7" s="276">
        <v>0</v>
      </c>
      <c r="O7" s="280">
        <v>0</v>
      </c>
      <c r="P7" s="277">
        <v>0</v>
      </c>
      <c r="Q7" s="279">
        <v>0</v>
      </c>
      <c r="R7" s="280">
        <v>7</v>
      </c>
      <c r="S7" s="280">
        <v>26</v>
      </c>
      <c r="T7" s="280">
        <v>30</v>
      </c>
      <c r="U7" s="280">
        <v>30</v>
      </c>
      <c r="V7" s="280">
        <v>25</v>
      </c>
      <c r="W7" s="277">
        <v>118</v>
      </c>
      <c r="X7" s="282">
        <v>118</v>
      </c>
      <c r="Y7" s="276">
        <v>0</v>
      </c>
      <c r="Z7" s="280">
        <v>0</v>
      </c>
      <c r="AA7" s="277">
        <v>0</v>
      </c>
      <c r="AB7" s="279">
        <v>0</v>
      </c>
      <c r="AC7" s="280">
        <v>399</v>
      </c>
      <c r="AD7" s="280">
        <v>384</v>
      </c>
      <c r="AE7" s="280">
        <v>173</v>
      </c>
      <c r="AF7" s="280">
        <v>86</v>
      </c>
      <c r="AG7" s="280">
        <v>36</v>
      </c>
      <c r="AH7" s="277">
        <v>1078</v>
      </c>
      <c r="AI7" s="282">
        <v>1078</v>
      </c>
      <c r="AJ7" s="276">
        <v>0</v>
      </c>
      <c r="AK7" s="280">
        <v>0</v>
      </c>
      <c r="AL7" s="277">
        <v>0</v>
      </c>
      <c r="AM7" s="279">
        <v>0</v>
      </c>
      <c r="AN7" s="280">
        <v>35</v>
      </c>
      <c r="AO7" s="280">
        <v>49</v>
      </c>
      <c r="AP7" s="280">
        <v>43</v>
      </c>
      <c r="AQ7" s="280">
        <v>19</v>
      </c>
      <c r="AR7" s="280">
        <v>12</v>
      </c>
      <c r="AS7" s="277">
        <v>158</v>
      </c>
      <c r="AT7" s="282">
        <v>158</v>
      </c>
      <c r="AU7" s="276">
        <v>5</v>
      </c>
      <c r="AV7" s="280">
        <v>7</v>
      </c>
      <c r="AW7" s="277">
        <v>12</v>
      </c>
      <c r="AX7" s="279">
        <v>0</v>
      </c>
      <c r="AY7" s="280">
        <v>34</v>
      </c>
      <c r="AZ7" s="280">
        <v>30</v>
      </c>
      <c r="BA7" s="280">
        <v>29</v>
      </c>
      <c r="BB7" s="280">
        <v>18</v>
      </c>
      <c r="BC7" s="280">
        <v>6</v>
      </c>
      <c r="BD7" s="277">
        <v>117</v>
      </c>
      <c r="BE7" s="282">
        <v>129</v>
      </c>
      <c r="BF7" s="276">
        <v>0</v>
      </c>
      <c r="BG7" s="280">
        <v>0</v>
      </c>
      <c r="BH7" s="277">
        <v>0</v>
      </c>
      <c r="BI7" s="279">
        <v>0</v>
      </c>
      <c r="BJ7" s="280">
        <v>38</v>
      </c>
      <c r="BK7" s="280">
        <v>63</v>
      </c>
      <c r="BL7" s="280">
        <v>57</v>
      </c>
      <c r="BM7" s="280">
        <v>50</v>
      </c>
      <c r="BN7" s="280">
        <v>17</v>
      </c>
      <c r="BO7" s="281">
        <v>225</v>
      </c>
      <c r="BP7" s="282">
        <v>225</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5</v>
      </c>
      <c r="CI7" s="280">
        <v>3</v>
      </c>
      <c r="CJ7" s="280">
        <v>1</v>
      </c>
      <c r="CK7" s="277">
        <v>10</v>
      </c>
      <c r="CL7" s="282">
        <v>10</v>
      </c>
      <c r="CM7" s="276">
        <v>0</v>
      </c>
      <c r="CN7" s="280">
        <v>0</v>
      </c>
      <c r="CO7" s="277">
        <v>0</v>
      </c>
      <c r="CP7" s="279">
        <v>0</v>
      </c>
      <c r="CQ7" s="280">
        <v>4</v>
      </c>
      <c r="CR7" s="280">
        <v>3</v>
      </c>
      <c r="CS7" s="280">
        <v>5</v>
      </c>
      <c r="CT7" s="280">
        <v>9</v>
      </c>
      <c r="CU7" s="280">
        <v>20</v>
      </c>
      <c r="CV7" s="277">
        <v>41</v>
      </c>
      <c r="CW7" s="282">
        <v>41</v>
      </c>
    </row>
    <row r="8" spans="1:101" ht="21" customHeight="1" x14ac:dyDescent="0.2">
      <c r="B8" s="261" t="s">
        <v>6</v>
      </c>
      <c r="C8" s="276">
        <v>0</v>
      </c>
      <c r="D8" s="277">
        <v>0</v>
      </c>
      <c r="E8" s="278">
        <v>0</v>
      </c>
      <c r="F8" s="279">
        <v>0</v>
      </c>
      <c r="G8" s="280">
        <v>4</v>
      </c>
      <c r="H8" s="280">
        <v>6</v>
      </c>
      <c r="I8" s="280">
        <v>7</v>
      </c>
      <c r="J8" s="280">
        <v>8</v>
      </c>
      <c r="K8" s="280">
        <v>6</v>
      </c>
      <c r="L8" s="281">
        <v>31</v>
      </c>
      <c r="M8" s="282">
        <v>31</v>
      </c>
      <c r="N8" s="276">
        <v>0</v>
      </c>
      <c r="O8" s="280">
        <v>0</v>
      </c>
      <c r="P8" s="277">
        <v>0</v>
      </c>
      <c r="Q8" s="279">
        <v>0</v>
      </c>
      <c r="R8" s="280">
        <v>3</v>
      </c>
      <c r="S8" s="280">
        <v>6</v>
      </c>
      <c r="T8" s="280">
        <v>4</v>
      </c>
      <c r="U8" s="280">
        <v>6</v>
      </c>
      <c r="V8" s="280">
        <v>4</v>
      </c>
      <c r="W8" s="277">
        <v>23</v>
      </c>
      <c r="X8" s="282">
        <v>23</v>
      </c>
      <c r="Y8" s="276">
        <v>0</v>
      </c>
      <c r="Z8" s="280">
        <v>0</v>
      </c>
      <c r="AA8" s="277">
        <v>0</v>
      </c>
      <c r="AB8" s="279">
        <v>0</v>
      </c>
      <c r="AC8" s="280">
        <v>111</v>
      </c>
      <c r="AD8" s="280">
        <v>58</v>
      </c>
      <c r="AE8" s="280">
        <v>41</v>
      </c>
      <c r="AF8" s="280">
        <v>22</v>
      </c>
      <c r="AG8" s="280">
        <v>7</v>
      </c>
      <c r="AH8" s="277">
        <v>239</v>
      </c>
      <c r="AI8" s="282">
        <v>239</v>
      </c>
      <c r="AJ8" s="276">
        <v>0</v>
      </c>
      <c r="AK8" s="280">
        <v>0</v>
      </c>
      <c r="AL8" s="277">
        <v>0</v>
      </c>
      <c r="AM8" s="279">
        <v>0</v>
      </c>
      <c r="AN8" s="280">
        <v>16</v>
      </c>
      <c r="AO8" s="280">
        <v>16</v>
      </c>
      <c r="AP8" s="280">
        <v>13</v>
      </c>
      <c r="AQ8" s="280">
        <v>4</v>
      </c>
      <c r="AR8" s="280">
        <v>3</v>
      </c>
      <c r="AS8" s="277">
        <v>52</v>
      </c>
      <c r="AT8" s="282">
        <v>52</v>
      </c>
      <c r="AU8" s="276">
        <v>1</v>
      </c>
      <c r="AV8" s="280">
        <v>0</v>
      </c>
      <c r="AW8" s="277">
        <v>1</v>
      </c>
      <c r="AX8" s="279">
        <v>0</v>
      </c>
      <c r="AY8" s="280">
        <v>8</v>
      </c>
      <c r="AZ8" s="280">
        <v>12</v>
      </c>
      <c r="BA8" s="280">
        <v>6</v>
      </c>
      <c r="BB8" s="280">
        <v>10</v>
      </c>
      <c r="BC8" s="280">
        <v>1</v>
      </c>
      <c r="BD8" s="277">
        <v>37</v>
      </c>
      <c r="BE8" s="282">
        <v>38</v>
      </c>
      <c r="BF8" s="276">
        <v>0</v>
      </c>
      <c r="BG8" s="280">
        <v>0</v>
      </c>
      <c r="BH8" s="277">
        <v>0</v>
      </c>
      <c r="BI8" s="279">
        <v>0</v>
      </c>
      <c r="BJ8" s="280">
        <v>18</v>
      </c>
      <c r="BK8" s="280">
        <v>24</v>
      </c>
      <c r="BL8" s="280">
        <v>31</v>
      </c>
      <c r="BM8" s="280">
        <v>19</v>
      </c>
      <c r="BN8" s="280">
        <v>12</v>
      </c>
      <c r="BO8" s="281">
        <v>104</v>
      </c>
      <c r="BP8" s="282">
        <v>104</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0</v>
      </c>
      <c r="CG8" s="280">
        <v>0</v>
      </c>
      <c r="CH8" s="280">
        <v>7</v>
      </c>
      <c r="CI8" s="280">
        <v>4</v>
      </c>
      <c r="CJ8" s="280">
        <v>1</v>
      </c>
      <c r="CK8" s="277">
        <v>12</v>
      </c>
      <c r="CL8" s="282">
        <v>12</v>
      </c>
      <c r="CM8" s="276">
        <v>0</v>
      </c>
      <c r="CN8" s="280">
        <v>0</v>
      </c>
      <c r="CO8" s="277">
        <v>0</v>
      </c>
      <c r="CP8" s="279">
        <v>0</v>
      </c>
      <c r="CQ8" s="280">
        <v>5</v>
      </c>
      <c r="CR8" s="280">
        <v>2</v>
      </c>
      <c r="CS8" s="280">
        <v>4</v>
      </c>
      <c r="CT8" s="280">
        <v>10</v>
      </c>
      <c r="CU8" s="280">
        <v>8</v>
      </c>
      <c r="CV8" s="277">
        <v>29</v>
      </c>
      <c r="CW8" s="282">
        <v>29</v>
      </c>
    </row>
    <row r="9" spans="1:101" ht="21" customHeight="1" x14ac:dyDescent="0.2">
      <c r="B9" s="261" t="s">
        <v>14</v>
      </c>
      <c r="C9" s="276">
        <v>0</v>
      </c>
      <c r="D9" s="277">
        <v>0</v>
      </c>
      <c r="E9" s="278">
        <v>0</v>
      </c>
      <c r="F9" s="279">
        <v>0</v>
      </c>
      <c r="G9" s="280">
        <v>2</v>
      </c>
      <c r="H9" s="280">
        <v>2</v>
      </c>
      <c r="I9" s="280">
        <v>0</v>
      </c>
      <c r="J9" s="280">
        <v>2</v>
      </c>
      <c r="K9" s="280">
        <v>1</v>
      </c>
      <c r="L9" s="281">
        <v>7</v>
      </c>
      <c r="M9" s="282">
        <v>7</v>
      </c>
      <c r="N9" s="276">
        <v>0</v>
      </c>
      <c r="O9" s="280">
        <v>0</v>
      </c>
      <c r="P9" s="277">
        <v>0</v>
      </c>
      <c r="Q9" s="279">
        <v>0</v>
      </c>
      <c r="R9" s="280">
        <v>0</v>
      </c>
      <c r="S9" s="280">
        <v>0</v>
      </c>
      <c r="T9" s="280">
        <v>0</v>
      </c>
      <c r="U9" s="280">
        <v>0</v>
      </c>
      <c r="V9" s="280">
        <v>0</v>
      </c>
      <c r="W9" s="277">
        <v>0</v>
      </c>
      <c r="X9" s="282">
        <v>0</v>
      </c>
      <c r="Y9" s="276">
        <v>0</v>
      </c>
      <c r="Z9" s="280">
        <v>0</v>
      </c>
      <c r="AA9" s="277">
        <v>0</v>
      </c>
      <c r="AB9" s="279">
        <v>0</v>
      </c>
      <c r="AC9" s="280">
        <v>73</v>
      </c>
      <c r="AD9" s="280">
        <v>65</v>
      </c>
      <c r="AE9" s="280">
        <v>32</v>
      </c>
      <c r="AF9" s="280">
        <v>9</v>
      </c>
      <c r="AG9" s="280">
        <v>5</v>
      </c>
      <c r="AH9" s="277">
        <v>184</v>
      </c>
      <c r="AI9" s="282">
        <v>184</v>
      </c>
      <c r="AJ9" s="276">
        <v>0</v>
      </c>
      <c r="AK9" s="280">
        <v>0</v>
      </c>
      <c r="AL9" s="277">
        <v>0</v>
      </c>
      <c r="AM9" s="279">
        <v>0</v>
      </c>
      <c r="AN9" s="280">
        <v>1</v>
      </c>
      <c r="AO9" s="280">
        <v>2</v>
      </c>
      <c r="AP9" s="280">
        <v>1</v>
      </c>
      <c r="AQ9" s="280">
        <v>1</v>
      </c>
      <c r="AR9" s="280">
        <v>0</v>
      </c>
      <c r="AS9" s="277">
        <v>5</v>
      </c>
      <c r="AT9" s="282">
        <v>5</v>
      </c>
      <c r="AU9" s="276">
        <v>1</v>
      </c>
      <c r="AV9" s="280">
        <v>1</v>
      </c>
      <c r="AW9" s="277">
        <v>2</v>
      </c>
      <c r="AX9" s="279">
        <v>0</v>
      </c>
      <c r="AY9" s="280">
        <v>8</v>
      </c>
      <c r="AZ9" s="280">
        <v>5</v>
      </c>
      <c r="BA9" s="280">
        <v>6</v>
      </c>
      <c r="BB9" s="280">
        <v>4</v>
      </c>
      <c r="BC9" s="280">
        <v>3</v>
      </c>
      <c r="BD9" s="277">
        <v>26</v>
      </c>
      <c r="BE9" s="282">
        <v>28</v>
      </c>
      <c r="BF9" s="276">
        <v>0</v>
      </c>
      <c r="BG9" s="280">
        <v>0</v>
      </c>
      <c r="BH9" s="277">
        <v>0</v>
      </c>
      <c r="BI9" s="279">
        <v>0</v>
      </c>
      <c r="BJ9" s="280">
        <v>7</v>
      </c>
      <c r="BK9" s="280">
        <v>8</v>
      </c>
      <c r="BL9" s="280">
        <v>15</v>
      </c>
      <c r="BM9" s="280">
        <v>10</v>
      </c>
      <c r="BN9" s="280">
        <v>9</v>
      </c>
      <c r="BO9" s="281">
        <v>49</v>
      </c>
      <c r="BP9" s="282">
        <v>49</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0</v>
      </c>
      <c r="CH9" s="280">
        <v>1</v>
      </c>
      <c r="CI9" s="280">
        <v>1</v>
      </c>
      <c r="CJ9" s="280">
        <v>0</v>
      </c>
      <c r="CK9" s="277">
        <v>2</v>
      </c>
      <c r="CL9" s="282">
        <v>2</v>
      </c>
      <c r="CM9" s="276">
        <v>0</v>
      </c>
      <c r="CN9" s="280">
        <v>0</v>
      </c>
      <c r="CO9" s="277">
        <v>0</v>
      </c>
      <c r="CP9" s="279">
        <v>0</v>
      </c>
      <c r="CQ9" s="280">
        <v>1</v>
      </c>
      <c r="CR9" s="280">
        <v>2</v>
      </c>
      <c r="CS9" s="280">
        <v>1</v>
      </c>
      <c r="CT9" s="280">
        <v>2</v>
      </c>
      <c r="CU9" s="280">
        <v>2</v>
      </c>
      <c r="CV9" s="277">
        <v>8</v>
      </c>
      <c r="CW9" s="282">
        <v>8</v>
      </c>
    </row>
    <row r="10" spans="1:101" ht="21" customHeight="1" x14ac:dyDescent="0.2">
      <c r="B10" s="261" t="s">
        <v>7</v>
      </c>
      <c r="C10" s="276">
        <v>0</v>
      </c>
      <c r="D10" s="277">
        <v>0</v>
      </c>
      <c r="E10" s="278">
        <v>0</v>
      </c>
      <c r="F10" s="279">
        <v>0</v>
      </c>
      <c r="G10" s="280">
        <v>0</v>
      </c>
      <c r="H10" s="280">
        <v>0</v>
      </c>
      <c r="I10" s="280">
        <v>0</v>
      </c>
      <c r="J10" s="280">
        <v>0</v>
      </c>
      <c r="K10" s="280">
        <v>0</v>
      </c>
      <c r="L10" s="281">
        <v>0</v>
      </c>
      <c r="M10" s="282">
        <v>0</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90</v>
      </c>
      <c r="AD10" s="280">
        <v>44</v>
      </c>
      <c r="AE10" s="280">
        <v>15</v>
      </c>
      <c r="AF10" s="280">
        <v>5</v>
      </c>
      <c r="AG10" s="280">
        <v>4</v>
      </c>
      <c r="AH10" s="277">
        <v>158</v>
      </c>
      <c r="AI10" s="282">
        <v>158</v>
      </c>
      <c r="AJ10" s="276">
        <v>0</v>
      </c>
      <c r="AK10" s="280">
        <v>0</v>
      </c>
      <c r="AL10" s="277">
        <v>0</v>
      </c>
      <c r="AM10" s="279">
        <v>0</v>
      </c>
      <c r="AN10" s="280">
        <v>9</v>
      </c>
      <c r="AO10" s="280">
        <v>12</v>
      </c>
      <c r="AP10" s="280">
        <v>7</v>
      </c>
      <c r="AQ10" s="280">
        <v>3</v>
      </c>
      <c r="AR10" s="280">
        <v>1</v>
      </c>
      <c r="AS10" s="277">
        <v>32</v>
      </c>
      <c r="AT10" s="282">
        <v>32</v>
      </c>
      <c r="AU10" s="276">
        <v>3</v>
      </c>
      <c r="AV10" s="280">
        <v>1</v>
      </c>
      <c r="AW10" s="277">
        <v>4</v>
      </c>
      <c r="AX10" s="279">
        <v>0</v>
      </c>
      <c r="AY10" s="280">
        <v>4</v>
      </c>
      <c r="AZ10" s="280">
        <v>5</v>
      </c>
      <c r="BA10" s="280">
        <v>0</v>
      </c>
      <c r="BB10" s="280">
        <v>1</v>
      </c>
      <c r="BC10" s="280">
        <v>0</v>
      </c>
      <c r="BD10" s="277">
        <v>10</v>
      </c>
      <c r="BE10" s="282">
        <v>14</v>
      </c>
      <c r="BF10" s="276">
        <v>0</v>
      </c>
      <c r="BG10" s="280">
        <v>0</v>
      </c>
      <c r="BH10" s="277">
        <v>0</v>
      </c>
      <c r="BI10" s="279">
        <v>0</v>
      </c>
      <c r="BJ10" s="280">
        <v>10</v>
      </c>
      <c r="BK10" s="280">
        <v>4</v>
      </c>
      <c r="BL10" s="280">
        <v>14</v>
      </c>
      <c r="BM10" s="280">
        <v>11</v>
      </c>
      <c r="BN10" s="280">
        <v>3</v>
      </c>
      <c r="BO10" s="281">
        <v>42</v>
      </c>
      <c r="BP10" s="282">
        <v>42</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v>
      </c>
      <c r="CR10" s="280">
        <v>1</v>
      </c>
      <c r="CS10" s="280">
        <v>1</v>
      </c>
      <c r="CT10" s="280">
        <v>3</v>
      </c>
      <c r="CU10" s="280">
        <v>1</v>
      </c>
      <c r="CV10" s="277">
        <v>7</v>
      </c>
      <c r="CW10" s="282">
        <v>7</v>
      </c>
    </row>
    <row r="11" spans="1:101" ht="21" customHeight="1" x14ac:dyDescent="0.2">
      <c r="B11" s="261" t="s">
        <v>8</v>
      </c>
      <c r="C11" s="276">
        <v>0</v>
      </c>
      <c r="D11" s="277">
        <v>0</v>
      </c>
      <c r="E11" s="278">
        <v>0</v>
      </c>
      <c r="F11" s="279">
        <v>0</v>
      </c>
      <c r="G11" s="280">
        <v>0</v>
      </c>
      <c r="H11" s="280">
        <v>0</v>
      </c>
      <c r="I11" s="280">
        <v>0</v>
      </c>
      <c r="J11" s="280">
        <v>2</v>
      </c>
      <c r="K11" s="280">
        <v>0</v>
      </c>
      <c r="L11" s="281">
        <v>2</v>
      </c>
      <c r="M11" s="282">
        <v>2</v>
      </c>
      <c r="N11" s="276">
        <v>0</v>
      </c>
      <c r="O11" s="280">
        <v>0</v>
      </c>
      <c r="P11" s="277">
        <v>0</v>
      </c>
      <c r="Q11" s="279">
        <v>0</v>
      </c>
      <c r="R11" s="280">
        <v>0</v>
      </c>
      <c r="S11" s="280">
        <v>0</v>
      </c>
      <c r="T11" s="280">
        <v>0</v>
      </c>
      <c r="U11" s="280">
        <v>0</v>
      </c>
      <c r="V11" s="280">
        <v>1</v>
      </c>
      <c r="W11" s="277">
        <v>1</v>
      </c>
      <c r="X11" s="282">
        <v>1</v>
      </c>
      <c r="Y11" s="276">
        <v>0</v>
      </c>
      <c r="Z11" s="280">
        <v>0</v>
      </c>
      <c r="AA11" s="277">
        <v>0</v>
      </c>
      <c r="AB11" s="279">
        <v>0</v>
      </c>
      <c r="AC11" s="280">
        <v>39</v>
      </c>
      <c r="AD11" s="280">
        <v>33</v>
      </c>
      <c r="AE11" s="280">
        <v>13</v>
      </c>
      <c r="AF11" s="280">
        <v>5</v>
      </c>
      <c r="AG11" s="280">
        <v>2</v>
      </c>
      <c r="AH11" s="277">
        <v>92</v>
      </c>
      <c r="AI11" s="282">
        <v>92</v>
      </c>
      <c r="AJ11" s="276">
        <v>0</v>
      </c>
      <c r="AK11" s="280">
        <v>0</v>
      </c>
      <c r="AL11" s="277">
        <v>0</v>
      </c>
      <c r="AM11" s="279">
        <v>0</v>
      </c>
      <c r="AN11" s="280">
        <v>0</v>
      </c>
      <c r="AO11" s="280">
        <v>0</v>
      </c>
      <c r="AP11" s="280">
        <v>0</v>
      </c>
      <c r="AQ11" s="280">
        <v>1</v>
      </c>
      <c r="AR11" s="280">
        <v>0</v>
      </c>
      <c r="AS11" s="277">
        <v>1</v>
      </c>
      <c r="AT11" s="282">
        <v>1</v>
      </c>
      <c r="AU11" s="276">
        <v>3</v>
      </c>
      <c r="AV11" s="280">
        <v>0</v>
      </c>
      <c r="AW11" s="277">
        <v>3</v>
      </c>
      <c r="AX11" s="279">
        <v>0</v>
      </c>
      <c r="AY11" s="280">
        <v>3</v>
      </c>
      <c r="AZ11" s="280">
        <v>2</v>
      </c>
      <c r="BA11" s="280">
        <v>3</v>
      </c>
      <c r="BB11" s="280">
        <v>1</v>
      </c>
      <c r="BC11" s="280">
        <v>0</v>
      </c>
      <c r="BD11" s="277">
        <v>9</v>
      </c>
      <c r="BE11" s="282">
        <v>12</v>
      </c>
      <c r="BF11" s="276">
        <v>0</v>
      </c>
      <c r="BG11" s="280">
        <v>0</v>
      </c>
      <c r="BH11" s="277">
        <v>0</v>
      </c>
      <c r="BI11" s="279">
        <v>0</v>
      </c>
      <c r="BJ11" s="280">
        <v>4</v>
      </c>
      <c r="BK11" s="280">
        <v>4</v>
      </c>
      <c r="BL11" s="280">
        <v>2</v>
      </c>
      <c r="BM11" s="280">
        <v>4</v>
      </c>
      <c r="BN11" s="280">
        <v>0</v>
      </c>
      <c r="BO11" s="281">
        <v>14</v>
      </c>
      <c r="BP11" s="282">
        <v>14</v>
      </c>
      <c r="BQ11" s="276">
        <v>0</v>
      </c>
      <c r="BR11" s="280">
        <v>0</v>
      </c>
      <c r="BS11" s="277">
        <v>0</v>
      </c>
      <c r="BT11" s="279">
        <v>0</v>
      </c>
      <c r="BU11" s="280">
        <v>0</v>
      </c>
      <c r="BV11" s="280">
        <v>0</v>
      </c>
      <c r="BW11" s="280">
        <v>1</v>
      </c>
      <c r="BX11" s="280">
        <v>2</v>
      </c>
      <c r="BY11" s="280">
        <v>0</v>
      </c>
      <c r="BZ11" s="277">
        <v>3</v>
      </c>
      <c r="CA11" s="282">
        <v>3</v>
      </c>
      <c r="CB11" s="276">
        <v>0</v>
      </c>
      <c r="CC11" s="280">
        <v>0</v>
      </c>
      <c r="CD11" s="277">
        <v>0</v>
      </c>
      <c r="CE11" s="279">
        <v>0</v>
      </c>
      <c r="CF11" s="280">
        <v>0</v>
      </c>
      <c r="CG11" s="280">
        <v>0</v>
      </c>
      <c r="CH11" s="280">
        <v>0</v>
      </c>
      <c r="CI11" s="280">
        <v>0</v>
      </c>
      <c r="CJ11" s="280">
        <v>0</v>
      </c>
      <c r="CK11" s="277">
        <v>0</v>
      </c>
      <c r="CL11" s="282">
        <v>0</v>
      </c>
      <c r="CM11" s="276">
        <v>0</v>
      </c>
      <c r="CN11" s="280">
        <v>0</v>
      </c>
      <c r="CO11" s="277">
        <v>0</v>
      </c>
      <c r="CP11" s="279">
        <v>0</v>
      </c>
      <c r="CQ11" s="280">
        <v>3</v>
      </c>
      <c r="CR11" s="280">
        <v>0</v>
      </c>
      <c r="CS11" s="280">
        <v>1</v>
      </c>
      <c r="CT11" s="280">
        <v>1</v>
      </c>
      <c r="CU11" s="280">
        <v>2</v>
      </c>
      <c r="CV11" s="277">
        <v>7</v>
      </c>
      <c r="CW11" s="282">
        <v>7</v>
      </c>
    </row>
    <row r="12" spans="1:101" ht="21" customHeight="1" x14ac:dyDescent="0.2">
      <c r="B12" s="261" t="s">
        <v>9</v>
      </c>
      <c r="C12" s="276">
        <v>0</v>
      </c>
      <c r="D12" s="277">
        <v>0</v>
      </c>
      <c r="E12" s="278">
        <v>0</v>
      </c>
      <c r="F12" s="279">
        <v>0</v>
      </c>
      <c r="G12" s="280">
        <v>0</v>
      </c>
      <c r="H12" s="280">
        <v>0</v>
      </c>
      <c r="I12" s="280">
        <v>0</v>
      </c>
      <c r="J12" s="280">
        <v>0</v>
      </c>
      <c r="K12" s="280">
        <v>0</v>
      </c>
      <c r="L12" s="281">
        <v>0</v>
      </c>
      <c r="M12" s="282">
        <v>0</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3</v>
      </c>
      <c r="AD12" s="280">
        <v>26</v>
      </c>
      <c r="AE12" s="280">
        <v>13</v>
      </c>
      <c r="AF12" s="280">
        <v>12</v>
      </c>
      <c r="AG12" s="280">
        <v>2</v>
      </c>
      <c r="AH12" s="277">
        <v>96</v>
      </c>
      <c r="AI12" s="282">
        <v>96</v>
      </c>
      <c r="AJ12" s="276">
        <v>0</v>
      </c>
      <c r="AK12" s="280">
        <v>0</v>
      </c>
      <c r="AL12" s="277">
        <v>0</v>
      </c>
      <c r="AM12" s="279">
        <v>0</v>
      </c>
      <c r="AN12" s="280">
        <v>0</v>
      </c>
      <c r="AO12" s="280">
        <v>2</v>
      </c>
      <c r="AP12" s="280">
        <v>1</v>
      </c>
      <c r="AQ12" s="280">
        <v>1</v>
      </c>
      <c r="AR12" s="280">
        <v>0</v>
      </c>
      <c r="AS12" s="277">
        <v>4</v>
      </c>
      <c r="AT12" s="282">
        <v>4</v>
      </c>
      <c r="AU12" s="276">
        <v>1</v>
      </c>
      <c r="AV12" s="280">
        <v>0</v>
      </c>
      <c r="AW12" s="277">
        <v>1</v>
      </c>
      <c r="AX12" s="279">
        <v>0</v>
      </c>
      <c r="AY12" s="280">
        <v>4</v>
      </c>
      <c r="AZ12" s="280">
        <v>2</v>
      </c>
      <c r="BA12" s="280">
        <v>1</v>
      </c>
      <c r="BB12" s="280">
        <v>2</v>
      </c>
      <c r="BC12" s="280">
        <v>0</v>
      </c>
      <c r="BD12" s="277">
        <v>9</v>
      </c>
      <c r="BE12" s="282">
        <v>10</v>
      </c>
      <c r="BF12" s="276">
        <v>0</v>
      </c>
      <c r="BG12" s="280">
        <v>0</v>
      </c>
      <c r="BH12" s="277">
        <v>0</v>
      </c>
      <c r="BI12" s="279">
        <v>0</v>
      </c>
      <c r="BJ12" s="280">
        <v>3</v>
      </c>
      <c r="BK12" s="280">
        <v>3</v>
      </c>
      <c r="BL12" s="280">
        <v>4</v>
      </c>
      <c r="BM12" s="280">
        <v>3</v>
      </c>
      <c r="BN12" s="280">
        <v>5</v>
      </c>
      <c r="BO12" s="281">
        <v>18</v>
      </c>
      <c r="BP12" s="282">
        <v>18</v>
      </c>
      <c r="BQ12" s="276">
        <v>0</v>
      </c>
      <c r="BR12" s="280">
        <v>0</v>
      </c>
      <c r="BS12" s="277">
        <v>0</v>
      </c>
      <c r="BT12" s="279">
        <v>0</v>
      </c>
      <c r="BU12" s="280">
        <v>1</v>
      </c>
      <c r="BV12" s="280">
        <v>0</v>
      </c>
      <c r="BW12" s="280">
        <v>0</v>
      </c>
      <c r="BX12" s="280">
        <v>0</v>
      </c>
      <c r="BY12" s="280">
        <v>0</v>
      </c>
      <c r="BZ12" s="277">
        <v>1</v>
      </c>
      <c r="CA12" s="282">
        <v>1</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2</v>
      </c>
      <c r="CT12" s="280">
        <v>0</v>
      </c>
      <c r="CU12" s="280">
        <v>0</v>
      </c>
      <c r="CV12" s="277">
        <v>3</v>
      </c>
      <c r="CW12" s="282">
        <v>3</v>
      </c>
    </row>
    <row r="13" spans="1:101" ht="21" customHeight="1" x14ac:dyDescent="0.2">
      <c r="B13" s="261" t="s">
        <v>10</v>
      </c>
      <c r="C13" s="276">
        <v>0</v>
      </c>
      <c r="D13" s="277">
        <v>0</v>
      </c>
      <c r="E13" s="278">
        <v>0</v>
      </c>
      <c r="F13" s="279">
        <v>0</v>
      </c>
      <c r="G13" s="280">
        <v>4</v>
      </c>
      <c r="H13" s="280">
        <v>2</v>
      </c>
      <c r="I13" s="280">
        <v>0</v>
      </c>
      <c r="J13" s="280">
        <v>1</v>
      </c>
      <c r="K13" s="280">
        <v>1</v>
      </c>
      <c r="L13" s="281">
        <v>8</v>
      </c>
      <c r="M13" s="282">
        <v>8</v>
      </c>
      <c r="N13" s="276">
        <v>0</v>
      </c>
      <c r="O13" s="280">
        <v>0</v>
      </c>
      <c r="P13" s="277">
        <v>0</v>
      </c>
      <c r="Q13" s="279">
        <v>0</v>
      </c>
      <c r="R13" s="280">
        <v>1</v>
      </c>
      <c r="S13" s="280">
        <v>1</v>
      </c>
      <c r="T13" s="280">
        <v>3</v>
      </c>
      <c r="U13" s="280">
        <v>0</v>
      </c>
      <c r="V13" s="280">
        <v>0</v>
      </c>
      <c r="W13" s="277">
        <v>5</v>
      </c>
      <c r="X13" s="282">
        <v>5</v>
      </c>
      <c r="Y13" s="276">
        <v>0</v>
      </c>
      <c r="Z13" s="280">
        <v>0</v>
      </c>
      <c r="AA13" s="277">
        <v>0</v>
      </c>
      <c r="AB13" s="279">
        <v>0</v>
      </c>
      <c r="AC13" s="280">
        <v>47</v>
      </c>
      <c r="AD13" s="280">
        <v>24</v>
      </c>
      <c r="AE13" s="280">
        <v>7</v>
      </c>
      <c r="AF13" s="280">
        <v>3</v>
      </c>
      <c r="AG13" s="280">
        <v>1</v>
      </c>
      <c r="AH13" s="277">
        <v>82</v>
      </c>
      <c r="AI13" s="282">
        <v>82</v>
      </c>
      <c r="AJ13" s="276">
        <v>0</v>
      </c>
      <c r="AK13" s="280">
        <v>0</v>
      </c>
      <c r="AL13" s="277">
        <v>0</v>
      </c>
      <c r="AM13" s="279">
        <v>0</v>
      </c>
      <c r="AN13" s="280">
        <v>2</v>
      </c>
      <c r="AO13" s="280">
        <v>2</v>
      </c>
      <c r="AP13" s="280">
        <v>4</v>
      </c>
      <c r="AQ13" s="280">
        <v>0</v>
      </c>
      <c r="AR13" s="280">
        <v>1</v>
      </c>
      <c r="AS13" s="277">
        <v>9</v>
      </c>
      <c r="AT13" s="282">
        <v>9</v>
      </c>
      <c r="AU13" s="276">
        <v>0</v>
      </c>
      <c r="AV13" s="280">
        <v>0</v>
      </c>
      <c r="AW13" s="277">
        <v>0</v>
      </c>
      <c r="AX13" s="279">
        <v>0</v>
      </c>
      <c r="AY13" s="280">
        <v>3</v>
      </c>
      <c r="AZ13" s="280">
        <v>6</v>
      </c>
      <c r="BA13" s="280">
        <v>4</v>
      </c>
      <c r="BB13" s="280">
        <v>5</v>
      </c>
      <c r="BC13" s="280">
        <v>1</v>
      </c>
      <c r="BD13" s="277">
        <v>19</v>
      </c>
      <c r="BE13" s="282">
        <v>19</v>
      </c>
      <c r="BF13" s="276">
        <v>0</v>
      </c>
      <c r="BG13" s="280">
        <v>0</v>
      </c>
      <c r="BH13" s="277">
        <v>0</v>
      </c>
      <c r="BI13" s="279">
        <v>0</v>
      </c>
      <c r="BJ13" s="280">
        <v>4</v>
      </c>
      <c r="BK13" s="280">
        <v>12</v>
      </c>
      <c r="BL13" s="280">
        <v>6</v>
      </c>
      <c r="BM13" s="280">
        <v>7</v>
      </c>
      <c r="BN13" s="280">
        <v>3</v>
      </c>
      <c r="BO13" s="281">
        <v>32</v>
      </c>
      <c r="BP13" s="282">
        <v>32</v>
      </c>
      <c r="BQ13" s="276">
        <v>0</v>
      </c>
      <c r="BR13" s="280">
        <v>0</v>
      </c>
      <c r="BS13" s="277">
        <v>0</v>
      </c>
      <c r="BT13" s="279">
        <v>0</v>
      </c>
      <c r="BU13" s="280">
        <v>1</v>
      </c>
      <c r="BV13" s="280">
        <v>5</v>
      </c>
      <c r="BW13" s="280">
        <v>3</v>
      </c>
      <c r="BX13" s="280">
        <v>2</v>
      </c>
      <c r="BY13" s="280">
        <v>4</v>
      </c>
      <c r="BZ13" s="277">
        <v>15</v>
      </c>
      <c r="CA13" s="282">
        <v>15</v>
      </c>
      <c r="CB13" s="276">
        <v>0</v>
      </c>
      <c r="CC13" s="280">
        <v>0</v>
      </c>
      <c r="CD13" s="277">
        <v>0</v>
      </c>
      <c r="CE13" s="279">
        <v>0</v>
      </c>
      <c r="CF13" s="280">
        <v>0</v>
      </c>
      <c r="CG13" s="280">
        <v>1</v>
      </c>
      <c r="CH13" s="280">
        <v>1</v>
      </c>
      <c r="CI13" s="280">
        <v>1</v>
      </c>
      <c r="CJ13" s="280">
        <v>4</v>
      </c>
      <c r="CK13" s="277">
        <v>7</v>
      </c>
      <c r="CL13" s="282">
        <v>7</v>
      </c>
      <c r="CM13" s="276">
        <v>0</v>
      </c>
      <c r="CN13" s="280">
        <v>0</v>
      </c>
      <c r="CO13" s="277">
        <v>0</v>
      </c>
      <c r="CP13" s="279">
        <v>0</v>
      </c>
      <c r="CQ13" s="280">
        <v>2</v>
      </c>
      <c r="CR13" s="280">
        <v>2</v>
      </c>
      <c r="CS13" s="280">
        <v>3</v>
      </c>
      <c r="CT13" s="280">
        <v>2</v>
      </c>
      <c r="CU13" s="280">
        <v>1</v>
      </c>
      <c r="CV13" s="277">
        <v>10</v>
      </c>
      <c r="CW13" s="282">
        <v>10</v>
      </c>
    </row>
    <row r="14" spans="1:101" ht="21" customHeight="1" x14ac:dyDescent="0.2">
      <c r="B14" s="261" t="s">
        <v>11</v>
      </c>
      <c r="C14" s="276">
        <v>0</v>
      </c>
      <c r="D14" s="277">
        <v>0</v>
      </c>
      <c r="E14" s="278">
        <v>0</v>
      </c>
      <c r="F14" s="279">
        <v>0</v>
      </c>
      <c r="G14" s="280">
        <v>1</v>
      </c>
      <c r="H14" s="280">
        <v>0</v>
      </c>
      <c r="I14" s="280">
        <v>2</v>
      </c>
      <c r="J14" s="280">
        <v>0</v>
      </c>
      <c r="K14" s="280">
        <v>0</v>
      </c>
      <c r="L14" s="281">
        <v>3</v>
      </c>
      <c r="M14" s="282">
        <v>3</v>
      </c>
      <c r="N14" s="276">
        <v>0</v>
      </c>
      <c r="O14" s="280">
        <v>0</v>
      </c>
      <c r="P14" s="277">
        <v>0</v>
      </c>
      <c r="Q14" s="279">
        <v>0</v>
      </c>
      <c r="R14" s="280">
        <v>0</v>
      </c>
      <c r="S14" s="280">
        <v>0</v>
      </c>
      <c r="T14" s="280">
        <v>0</v>
      </c>
      <c r="U14" s="280">
        <v>1</v>
      </c>
      <c r="V14" s="280">
        <v>0</v>
      </c>
      <c r="W14" s="277">
        <v>1</v>
      </c>
      <c r="X14" s="282">
        <v>1</v>
      </c>
      <c r="Y14" s="276">
        <v>0</v>
      </c>
      <c r="Z14" s="280">
        <v>0</v>
      </c>
      <c r="AA14" s="277">
        <v>0</v>
      </c>
      <c r="AB14" s="279">
        <v>0</v>
      </c>
      <c r="AC14" s="280">
        <v>23</v>
      </c>
      <c r="AD14" s="280">
        <v>6</v>
      </c>
      <c r="AE14" s="280">
        <v>8</v>
      </c>
      <c r="AF14" s="280">
        <v>4</v>
      </c>
      <c r="AG14" s="280">
        <v>1</v>
      </c>
      <c r="AH14" s="277">
        <v>42</v>
      </c>
      <c r="AI14" s="282">
        <v>42</v>
      </c>
      <c r="AJ14" s="276">
        <v>0</v>
      </c>
      <c r="AK14" s="280">
        <v>0</v>
      </c>
      <c r="AL14" s="277">
        <v>0</v>
      </c>
      <c r="AM14" s="279">
        <v>0</v>
      </c>
      <c r="AN14" s="280">
        <v>1</v>
      </c>
      <c r="AO14" s="280">
        <v>2</v>
      </c>
      <c r="AP14" s="280">
        <v>1</v>
      </c>
      <c r="AQ14" s="280">
        <v>0</v>
      </c>
      <c r="AR14" s="280">
        <v>0</v>
      </c>
      <c r="AS14" s="277">
        <v>4</v>
      </c>
      <c r="AT14" s="282">
        <v>4</v>
      </c>
      <c r="AU14" s="276">
        <v>0</v>
      </c>
      <c r="AV14" s="280">
        <v>0</v>
      </c>
      <c r="AW14" s="277">
        <v>0</v>
      </c>
      <c r="AX14" s="279">
        <v>0</v>
      </c>
      <c r="AY14" s="280">
        <v>1</v>
      </c>
      <c r="AZ14" s="280">
        <v>3</v>
      </c>
      <c r="BA14" s="280">
        <v>3</v>
      </c>
      <c r="BB14" s="280">
        <v>2</v>
      </c>
      <c r="BC14" s="280">
        <v>1</v>
      </c>
      <c r="BD14" s="277">
        <v>10</v>
      </c>
      <c r="BE14" s="282">
        <v>10</v>
      </c>
      <c r="BF14" s="276">
        <v>0</v>
      </c>
      <c r="BG14" s="280">
        <v>0</v>
      </c>
      <c r="BH14" s="277">
        <v>0</v>
      </c>
      <c r="BI14" s="279">
        <v>0</v>
      </c>
      <c r="BJ14" s="280">
        <v>0</v>
      </c>
      <c r="BK14" s="280">
        <v>2</v>
      </c>
      <c r="BL14" s="280">
        <v>3</v>
      </c>
      <c r="BM14" s="280">
        <v>4</v>
      </c>
      <c r="BN14" s="280">
        <v>0</v>
      </c>
      <c r="BO14" s="281">
        <v>9</v>
      </c>
      <c r="BP14" s="282">
        <v>9</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1</v>
      </c>
      <c r="CS14" s="280">
        <v>0</v>
      </c>
      <c r="CT14" s="280">
        <v>1</v>
      </c>
      <c r="CU14" s="280">
        <v>0</v>
      </c>
      <c r="CV14" s="277">
        <v>2</v>
      </c>
      <c r="CW14" s="282">
        <v>2</v>
      </c>
    </row>
    <row r="15" spans="1:101" ht="21" customHeight="1" x14ac:dyDescent="0.2">
      <c r="B15" s="261" t="s">
        <v>12</v>
      </c>
      <c r="C15" s="276">
        <v>0</v>
      </c>
      <c r="D15" s="277">
        <v>0</v>
      </c>
      <c r="E15" s="278">
        <v>0</v>
      </c>
      <c r="F15" s="279">
        <v>0</v>
      </c>
      <c r="G15" s="280">
        <v>1</v>
      </c>
      <c r="H15" s="280">
        <v>1</v>
      </c>
      <c r="I15" s="280">
        <v>0</v>
      </c>
      <c r="J15" s="280">
        <v>1</v>
      </c>
      <c r="K15" s="280">
        <v>0</v>
      </c>
      <c r="L15" s="281">
        <v>3</v>
      </c>
      <c r="M15" s="282">
        <v>3</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1</v>
      </c>
      <c r="AD15" s="280">
        <v>21</v>
      </c>
      <c r="AE15" s="280">
        <v>16</v>
      </c>
      <c r="AF15" s="280">
        <v>2</v>
      </c>
      <c r="AG15" s="280">
        <v>1</v>
      </c>
      <c r="AH15" s="277">
        <v>71</v>
      </c>
      <c r="AI15" s="282">
        <v>71</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3</v>
      </c>
      <c r="AZ15" s="280">
        <v>1</v>
      </c>
      <c r="BA15" s="280">
        <v>5</v>
      </c>
      <c r="BB15" s="280">
        <v>4</v>
      </c>
      <c r="BC15" s="280">
        <v>1</v>
      </c>
      <c r="BD15" s="277">
        <v>14</v>
      </c>
      <c r="BE15" s="282">
        <v>14</v>
      </c>
      <c r="BF15" s="276">
        <v>0</v>
      </c>
      <c r="BG15" s="280">
        <v>0</v>
      </c>
      <c r="BH15" s="277">
        <v>0</v>
      </c>
      <c r="BI15" s="279">
        <v>0</v>
      </c>
      <c r="BJ15" s="280">
        <v>6</v>
      </c>
      <c r="BK15" s="280">
        <v>3</v>
      </c>
      <c r="BL15" s="280">
        <v>3</v>
      </c>
      <c r="BM15" s="280">
        <v>3</v>
      </c>
      <c r="BN15" s="280">
        <v>1</v>
      </c>
      <c r="BO15" s="281">
        <v>16</v>
      </c>
      <c r="BP15" s="282">
        <v>16</v>
      </c>
      <c r="BQ15" s="276">
        <v>0</v>
      </c>
      <c r="BR15" s="280">
        <v>0</v>
      </c>
      <c r="BS15" s="277">
        <v>0</v>
      </c>
      <c r="BT15" s="279">
        <v>0</v>
      </c>
      <c r="BU15" s="280">
        <v>0</v>
      </c>
      <c r="BV15" s="280">
        <v>3</v>
      </c>
      <c r="BW15" s="280">
        <v>0</v>
      </c>
      <c r="BX15" s="280">
        <v>3</v>
      </c>
      <c r="BY15" s="280">
        <v>0</v>
      </c>
      <c r="BZ15" s="277">
        <v>6</v>
      </c>
      <c r="CA15" s="282">
        <v>6</v>
      </c>
      <c r="CB15" s="276">
        <v>0</v>
      </c>
      <c r="CC15" s="280">
        <v>0</v>
      </c>
      <c r="CD15" s="277">
        <v>0</v>
      </c>
      <c r="CE15" s="279">
        <v>0</v>
      </c>
      <c r="CF15" s="280">
        <v>0</v>
      </c>
      <c r="CG15" s="280">
        <v>0</v>
      </c>
      <c r="CH15" s="280">
        <v>0</v>
      </c>
      <c r="CI15" s="280">
        <v>0</v>
      </c>
      <c r="CJ15" s="280">
        <v>1</v>
      </c>
      <c r="CK15" s="277">
        <v>1</v>
      </c>
      <c r="CL15" s="282">
        <v>1</v>
      </c>
      <c r="CM15" s="276">
        <v>0</v>
      </c>
      <c r="CN15" s="280">
        <v>0</v>
      </c>
      <c r="CO15" s="277">
        <v>0</v>
      </c>
      <c r="CP15" s="279">
        <v>0</v>
      </c>
      <c r="CQ15" s="280">
        <v>1</v>
      </c>
      <c r="CR15" s="280">
        <v>0</v>
      </c>
      <c r="CS15" s="280">
        <v>0</v>
      </c>
      <c r="CT15" s="280">
        <v>4</v>
      </c>
      <c r="CU15" s="280">
        <v>0</v>
      </c>
      <c r="CV15" s="277">
        <v>5</v>
      </c>
      <c r="CW15" s="282">
        <v>5</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0</v>
      </c>
      <c r="AD16" s="280">
        <v>10</v>
      </c>
      <c r="AE16" s="280">
        <v>4</v>
      </c>
      <c r="AF16" s="280">
        <v>2</v>
      </c>
      <c r="AG16" s="280">
        <v>1</v>
      </c>
      <c r="AH16" s="277">
        <v>27</v>
      </c>
      <c r="AI16" s="282">
        <v>27</v>
      </c>
      <c r="AJ16" s="276">
        <v>0</v>
      </c>
      <c r="AK16" s="280">
        <v>0</v>
      </c>
      <c r="AL16" s="277">
        <v>0</v>
      </c>
      <c r="AM16" s="279">
        <v>0</v>
      </c>
      <c r="AN16" s="280">
        <v>0</v>
      </c>
      <c r="AO16" s="280">
        <v>1</v>
      </c>
      <c r="AP16" s="280">
        <v>1</v>
      </c>
      <c r="AQ16" s="280">
        <v>1</v>
      </c>
      <c r="AR16" s="280">
        <v>0</v>
      </c>
      <c r="AS16" s="277">
        <v>3</v>
      </c>
      <c r="AT16" s="282">
        <v>3</v>
      </c>
      <c r="AU16" s="276">
        <v>0</v>
      </c>
      <c r="AV16" s="280">
        <v>0</v>
      </c>
      <c r="AW16" s="277">
        <v>0</v>
      </c>
      <c r="AX16" s="279">
        <v>0</v>
      </c>
      <c r="AY16" s="280">
        <v>2</v>
      </c>
      <c r="AZ16" s="280">
        <v>2</v>
      </c>
      <c r="BA16" s="280">
        <v>0</v>
      </c>
      <c r="BB16" s="280">
        <v>1</v>
      </c>
      <c r="BC16" s="280">
        <v>0</v>
      </c>
      <c r="BD16" s="277">
        <v>5</v>
      </c>
      <c r="BE16" s="282">
        <v>5</v>
      </c>
      <c r="BF16" s="276">
        <v>0</v>
      </c>
      <c r="BG16" s="280">
        <v>0</v>
      </c>
      <c r="BH16" s="277">
        <v>0</v>
      </c>
      <c r="BI16" s="279">
        <v>0</v>
      </c>
      <c r="BJ16" s="280">
        <v>1</v>
      </c>
      <c r="BK16" s="280">
        <v>0</v>
      </c>
      <c r="BL16" s="280">
        <v>0</v>
      </c>
      <c r="BM16" s="280">
        <v>1</v>
      </c>
      <c r="BN16" s="280">
        <v>0</v>
      </c>
      <c r="BO16" s="281">
        <v>2</v>
      </c>
      <c r="BP16" s="282">
        <v>2</v>
      </c>
      <c r="BQ16" s="276">
        <v>0</v>
      </c>
      <c r="BR16" s="280">
        <v>0</v>
      </c>
      <c r="BS16" s="277">
        <v>0</v>
      </c>
      <c r="BT16" s="279">
        <v>0</v>
      </c>
      <c r="BU16" s="280">
        <v>0</v>
      </c>
      <c r="BV16" s="280">
        <v>0</v>
      </c>
      <c r="BW16" s="280">
        <v>0</v>
      </c>
      <c r="BX16" s="280">
        <v>2</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0</v>
      </c>
      <c r="J17" s="280">
        <v>0</v>
      </c>
      <c r="K17" s="280">
        <v>0</v>
      </c>
      <c r="L17" s="281">
        <v>0</v>
      </c>
      <c r="M17" s="282">
        <v>0</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4</v>
      </c>
      <c r="AD17" s="280">
        <v>10</v>
      </c>
      <c r="AE17" s="280">
        <v>3</v>
      </c>
      <c r="AF17" s="280">
        <v>1</v>
      </c>
      <c r="AG17" s="280">
        <v>1</v>
      </c>
      <c r="AH17" s="277">
        <v>19</v>
      </c>
      <c r="AI17" s="282">
        <v>19</v>
      </c>
      <c r="AJ17" s="276">
        <v>0</v>
      </c>
      <c r="AK17" s="280">
        <v>0</v>
      </c>
      <c r="AL17" s="277">
        <v>0</v>
      </c>
      <c r="AM17" s="279">
        <v>0</v>
      </c>
      <c r="AN17" s="280">
        <v>0</v>
      </c>
      <c r="AO17" s="280">
        <v>1</v>
      </c>
      <c r="AP17" s="280">
        <v>0</v>
      </c>
      <c r="AQ17" s="280">
        <v>0</v>
      </c>
      <c r="AR17" s="280">
        <v>0</v>
      </c>
      <c r="AS17" s="277">
        <v>1</v>
      </c>
      <c r="AT17" s="282">
        <v>1</v>
      </c>
      <c r="AU17" s="276">
        <v>0</v>
      </c>
      <c r="AV17" s="280">
        <v>0</v>
      </c>
      <c r="AW17" s="277">
        <v>0</v>
      </c>
      <c r="AX17" s="279">
        <v>0</v>
      </c>
      <c r="AY17" s="280">
        <v>0</v>
      </c>
      <c r="AZ17" s="280">
        <v>2</v>
      </c>
      <c r="BA17" s="280">
        <v>0</v>
      </c>
      <c r="BB17" s="280">
        <v>1</v>
      </c>
      <c r="BC17" s="280">
        <v>1</v>
      </c>
      <c r="BD17" s="277">
        <v>4</v>
      </c>
      <c r="BE17" s="282">
        <v>4</v>
      </c>
      <c r="BF17" s="276">
        <v>0</v>
      </c>
      <c r="BG17" s="280">
        <v>0</v>
      </c>
      <c r="BH17" s="277">
        <v>0</v>
      </c>
      <c r="BI17" s="279">
        <v>0</v>
      </c>
      <c r="BJ17" s="280">
        <v>2</v>
      </c>
      <c r="BK17" s="280">
        <v>1</v>
      </c>
      <c r="BL17" s="280">
        <v>0</v>
      </c>
      <c r="BM17" s="280">
        <v>0</v>
      </c>
      <c r="BN17" s="280">
        <v>1</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2</v>
      </c>
      <c r="CJ17" s="280">
        <v>0</v>
      </c>
      <c r="CK17" s="277">
        <v>2</v>
      </c>
      <c r="CL17" s="282">
        <v>2</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2</v>
      </c>
      <c r="J18" s="280">
        <v>1</v>
      </c>
      <c r="K18" s="280">
        <v>0</v>
      </c>
      <c r="L18" s="281">
        <v>3</v>
      </c>
      <c r="M18" s="282">
        <v>3</v>
      </c>
      <c r="N18" s="276">
        <v>0</v>
      </c>
      <c r="O18" s="280">
        <v>0</v>
      </c>
      <c r="P18" s="277">
        <v>0</v>
      </c>
      <c r="Q18" s="279">
        <v>0</v>
      </c>
      <c r="R18" s="280">
        <v>0</v>
      </c>
      <c r="S18" s="280">
        <v>0</v>
      </c>
      <c r="T18" s="280">
        <v>0</v>
      </c>
      <c r="U18" s="280">
        <v>0</v>
      </c>
      <c r="V18" s="280">
        <v>0</v>
      </c>
      <c r="W18" s="277">
        <v>0</v>
      </c>
      <c r="X18" s="282">
        <v>0</v>
      </c>
      <c r="Y18" s="276">
        <v>0</v>
      </c>
      <c r="Z18" s="280">
        <v>0</v>
      </c>
      <c r="AA18" s="277">
        <v>0</v>
      </c>
      <c r="AB18" s="279">
        <v>0</v>
      </c>
      <c r="AC18" s="280">
        <v>9</v>
      </c>
      <c r="AD18" s="280">
        <v>10</v>
      </c>
      <c r="AE18" s="280">
        <v>4</v>
      </c>
      <c r="AF18" s="280">
        <v>1</v>
      </c>
      <c r="AG18" s="280">
        <v>0</v>
      </c>
      <c r="AH18" s="277">
        <v>24</v>
      </c>
      <c r="AI18" s="282">
        <v>24</v>
      </c>
      <c r="AJ18" s="276">
        <v>0</v>
      </c>
      <c r="AK18" s="280">
        <v>0</v>
      </c>
      <c r="AL18" s="277">
        <v>0</v>
      </c>
      <c r="AM18" s="279">
        <v>0</v>
      </c>
      <c r="AN18" s="280">
        <v>0</v>
      </c>
      <c r="AO18" s="280">
        <v>0</v>
      </c>
      <c r="AP18" s="280">
        <v>1</v>
      </c>
      <c r="AQ18" s="280">
        <v>0</v>
      </c>
      <c r="AR18" s="280">
        <v>0</v>
      </c>
      <c r="AS18" s="277">
        <v>1</v>
      </c>
      <c r="AT18" s="282">
        <v>1</v>
      </c>
      <c r="AU18" s="276">
        <v>0</v>
      </c>
      <c r="AV18" s="280">
        <v>0</v>
      </c>
      <c r="AW18" s="277">
        <v>0</v>
      </c>
      <c r="AX18" s="279">
        <v>0</v>
      </c>
      <c r="AY18" s="280">
        <v>0</v>
      </c>
      <c r="AZ18" s="280">
        <v>2</v>
      </c>
      <c r="BA18" s="280">
        <v>2</v>
      </c>
      <c r="BB18" s="280">
        <v>0</v>
      </c>
      <c r="BC18" s="280">
        <v>0</v>
      </c>
      <c r="BD18" s="277">
        <v>4</v>
      </c>
      <c r="BE18" s="282">
        <v>4</v>
      </c>
      <c r="BF18" s="276">
        <v>0</v>
      </c>
      <c r="BG18" s="280">
        <v>0</v>
      </c>
      <c r="BH18" s="277">
        <v>0</v>
      </c>
      <c r="BI18" s="279">
        <v>0</v>
      </c>
      <c r="BJ18" s="280">
        <v>1</v>
      </c>
      <c r="BK18" s="280">
        <v>4</v>
      </c>
      <c r="BL18" s="280">
        <v>4</v>
      </c>
      <c r="BM18" s="280">
        <v>2</v>
      </c>
      <c r="BN18" s="280">
        <v>3</v>
      </c>
      <c r="BO18" s="281">
        <v>14</v>
      </c>
      <c r="BP18" s="282">
        <v>14</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2</v>
      </c>
      <c r="CS18" s="280">
        <v>1</v>
      </c>
      <c r="CT18" s="280">
        <v>0</v>
      </c>
      <c r="CU18" s="280">
        <v>1</v>
      </c>
      <c r="CV18" s="277">
        <v>4</v>
      </c>
      <c r="CW18" s="282">
        <v>4</v>
      </c>
    </row>
    <row r="19" spans="2:101" ht="21" customHeight="1" x14ac:dyDescent="0.2">
      <c r="B19" s="261" t="s">
        <v>17</v>
      </c>
      <c r="C19" s="276">
        <v>0</v>
      </c>
      <c r="D19" s="277">
        <v>0</v>
      </c>
      <c r="E19" s="278">
        <v>0</v>
      </c>
      <c r="F19" s="279">
        <v>0</v>
      </c>
      <c r="G19" s="280">
        <v>0</v>
      </c>
      <c r="H19" s="280">
        <v>1</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9</v>
      </c>
      <c r="AD19" s="280">
        <v>18</v>
      </c>
      <c r="AE19" s="280">
        <v>6</v>
      </c>
      <c r="AF19" s="280">
        <v>3</v>
      </c>
      <c r="AG19" s="280">
        <v>3</v>
      </c>
      <c r="AH19" s="277">
        <v>49</v>
      </c>
      <c r="AI19" s="282">
        <v>49</v>
      </c>
      <c r="AJ19" s="276">
        <v>0</v>
      </c>
      <c r="AK19" s="280">
        <v>0</v>
      </c>
      <c r="AL19" s="277">
        <v>0</v>
      </c>
      <c r="AM19" s="279">
        <v>0</v>
      </c>
      <c r="AN19" s="280">
        <v>3</v>
      </c>
      <c r="AO19" s="280">
        <v>0</v>
      </c>
      <c r="AP19" s="280">
        <v>3</v>
      </c>
      <c r="AQ19" s="280">
        <v>0</v>
      </c>
      <c r="AR19" s="280">
        <v>0</v>
      </c>
      <c r="AS19" s="277">
        <v>6</v>
      </c>
      <c r="AT19" s="282">
        <v>6</v>
      </c>
      <c r="AU19" s="276">
        <v>0</v>
      </c>
      <c r="AV19" s="280">
        <v>0</v>
      </c>
      <c r="AW19" s="277">
        <v>0</v>
      </c>
      <c r="AX19" s="279">
        <v>0</v>
      </c>
      <c r="AY19" s="280">
        <v>1</v>
      </c>
      <c r="AZ19" s="280">
        <v>1</v>
      </c>
      <c r="BA19" s="280">
        <v>3</v>
      </c>
      <c r="BB19" s="280">
        <v>2</v>
      </c>
      <c r="BC19" s="280">
        <v>1</v>
      </c>
      <c r="BD19" s="277">
        <v>8</v>
      </c>
      <c r="BE19" s="282">
        <v>8</v>
      </c>
      <c r="BF19" s="276">
        <v>0</v>
      </c>
      <c r="BG19" s="280">
        <v>0</v>
      </c>
      <c r="BH19" s="277">
        <v>0</v>
      </c>
      <c r="BI19" s="279">
        <v>0</v>
      </c>
      <c r="BJ19" s="280">
        <v>0</v>
      </c>
      <c r="BK19" s="280">
        <v>8</v>
      </c>
      <c r="BL19" s="280">
        <v>3</v>
      </c>
      <c r="BM19" s="280">
        <v>1</v>
      </c>
      <c r="BN19" s="280">
        <v>0</v>
      </c>
      <c r="BO19" s="281">
        <v>12</v>
      </c>
      <c r="BP19" s="282">
        <v>12</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3</v>
      </c>
      <c r="CI19" s="280">
        <v>0</v>
      </c>
      <c r="CJ19" s="280">
        <v>0</v>
      </c>
      <c r="CK19" s="277">
        <v>3</v>
      </c>
      <c r="CL19" s="282">
        <v>3</v>
      </c>
      <c r="CM19" s="276">
        <v>0</v>
      </c>
      <c r="CN19" s="280">
        <v>0</v>
      </c>
      <c r="CO19" s="277">
        <v>0</v>
      </c>
      <c r="CP19" s="279">
        <v>0</v>
      </c>
      <c r="CQ19" s="280">
        <v>0</v>
      </c>
      <c r="CR19" s="280">
        <v>1</v>
      </c>
      <c r="CS19" s="280">
        <v>0</v>
      </c>
      <c r="CT19" s="280">
        <v>0</v>
      </c>
      <c r="CU19" s="280">
        <v>1</v>
      </c>
      <c r="CV19" s="277">
        <v>2</v>
      </c>
      <c r="CW19" s="282">
        <v>2</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2</v>
      </c>
      <c r="AD20" s="280">
        <v>14</v>
      </c>
      <c r="AE20" s="280">
        <v>3</v>
      </c>
      <c r="AF20" s="280">
        <v>2</v>
      </c>
      <c r="AG20" s="280">
        <v>0</v>
      </c>
      <c r="AH20" s="277">
        <v>41</v>
      </c>
      <c r="AI20" s="282">
        <v>41</v>
      </c>
      <c r="AJ20" s="276">
        <v>0</v>
      </c>
      <c r="AK20" s="280">
        <v>0</v>
      </c>
      <c r="AL20" s="277">
        <v>0</v>
      </c>
      <c r="AM20" s="279">
        <v>0</v>
      </c>
      <c r="AN20" s="280">
        <v>2</v>
      </c>
      <c r="AO20" s="280">
        <v>0</v>
      </c>
      <c r="AP20" s="280">
        <v>1</v>
      </c>
      <c r="AQ20" s="280">
        <v>0</v>
      </c>
      <c r="AR20" s="280">
        <v>1</v>
      </c>
      <c r="AS20" s="277">
        <v>4</v>
      </c>
      <c r="AT20" s="282">
        <v>4</v>
      </c>
      <c r="AU20" s="276">
        <v>2</v>
      </c>
      <c r="AV20" s="280">
        <v>0</v>
      </c>
      <c r="AW20" s="277">
        <v>2</v>
      </c>
      <c r="AX20" s="279">
        <v>0</v>
      </c>
      <c r="AY20" s="280">
        <v>5</v>
      </c>
      <c r="AZ20" s="280">
        <v>4</v>
      </c>
      <c r="BA20" s="280">
        <v>3</v>
      </c>
      <c r="BB20" s="280">
        <v>2</v>
      </c>
      <c r="BC20" s="280">
        <v>0</v>
      </c>
      <c r="BD20" s="277">
        <v>14</v>
      </c>
      <c r="BE20" s="282">
        <v>16</v>
      </c>
      <c r="BF20" s="276">
        <v>0</v>
      </c>
      <c r="BG20" s="280">
        <v>0</v>
      </c>
      <c r="BH20" s="277">
        <v>0</v>
      </c>
      <c r="BI20" s="279">
        <v>0</v>
      </c>
      <c r="BJ20" s="280">
        <v>4</v>
      </c>
      <c r="BK20" s="280">
        <v>4</v>
      </c>
      <c r="BL20" s="280">
        <v>3</v>
      </c>
      <c r="BM20" s="280">
        <v>4</v>
      </c>
      <c r="BN20" s="280">
        <v>5</v>
      </c>
      <c r="BO20" s="281">
        <v>20</v>
      </c>
      <c r="BP20" s="282">
        <v>20</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3</v>
      </c>
      <c r="CT20" s="280">
        <v>1</v>
      </c>
      <c r="CU20" s="280">
        <v>1</v>
      </c>
      <c r="CV20" s="277">
        <v>5</v>
      </c>
      <c r="CW20" s="282">
        <v>5</v>
      </c>
    </row>
    <row r="21" spans="2:101" ht="21" customHeight="1" x14ac:dyDescent="0.2">
      <c r="B21" s="261" t="s">
        <v>19</v>
      </c>
      <c r="C21" s="276">
        <v>0</v>
      </c>
      <c r="D21" s="277">
        <v>0</v>
      </c>
      <c r="E21" s="278">
        <v>0</v>
      </c>
      <c r="F21" s="279">
        <v>0</v>
      </c>
      <c r="G21" s="280">
        <v>1</v>
      </c>
      <c r="H21" s="280">
        <v>0</v>
      </c>
      <c r="I21" s="280">
        <v>0</v>
      </c>
      <c r="J21" s="280">
        <v>0</v>
      </c>
      <c r="K21" s="280">
        <v>0</v>
      </c>
      <c r="L21" s="281">
        <v>1</v>
      </c>
      <c r="M21" s="282">
        <v>1</v>
      </c>
      <c r="N21" s="276">
        <v>0</v>
      </c>
      <c r="O21" s="280">
        <v>0</v>
      </c>
      <c r="P21" s="277">
        <v>0</v>
      </c>
      <c r="Q21" s="279">
        <v>0</v>
      </c>
      <c r="R21" s="280">
        <v>0</v>
      </c>
      <c r="S21" s="280">
        <v>0</v>
      </c>
      <c r="T21" s="280">
        <v>0</v>
      </c>
      <c r="U21" s="280">
        <v>0</v>
      </c>
      <c r="V21" s="280">
        <v>0</v>
      </c>
      <c r="W21" s="277">
        <v>0</v>
      </c>
      <c r="X21" s="282">
        <v>0</v>
      </c>
      <c r="Y21" s="276">
        <v>0</v>
      </c>
      <c r="Z21" s="280">
        <v>0</v>
      </c>
      <c r="AA21" s="277">
        <v>0</v>
      </c>
      <c r="AB21" s="279">
        <v>0</v>
      </c>
      <c r="AC21" s="280">
        <v>4</v>
      </c>
      <c r="AD21" s="280">
        <v>3</v>
      </c>
      <c r="AE21" s="280">
        <v>0</v>
      </c>
      <c r="AF21" s="280">
        <v>1</v>
      </c>
      <c r="AG21" s="280">
        <v>1</v>
      </c>
      <c r="AH21" s="277">
        <v>9</v>
      </c>
      <c r="AI21" s="282">
        <v>9</v>
      </c>
      <c r="AJ21" s="276">
        <v>0</v>
      </c>
      <c r="AK21" s="280">
        <v>0</v>
      </c>
      <c r="AL21" s="277">
        <v>0</v>
      </c>
      <c r="AM21" s="279">
        <v>0</v>
      </c>
      <c r="AN21" s="280">
        <v>0</v>
      </c>
      <c r="AO21" s="280">
        <v>5</v>
      </c>
      <c r="AP21" s="280">
        <v>0</v>
      </c>
      <c r="AQ21" s="280">
        <v>0</v>
      </c>
      <c r="AR21" s="280">
        <v>0</v>
      </c>
      <c r="AS21" s="277">
        <v>5</v>
      </c>
      <c r="AT21" s="282">
        <v>5</v>
      </c>
      <c r="AU21" s="276">
        <v>0</v>
      </c>
      <c r="AV21" s="280">
        <v>1</v>
      </c>
      <c r="AW21" s="277">
        <v>1</v>
      </c>
      <c r="AX21" s="279">
        <v>0</v>
      </c>
      <c r="AY21" s="280">
        <v>2</v>
      </c>
      <c r="AZ21" s="280">
        <v>4</v>
      </c>
      <c r="BA21" s="280">
        <v>1</v>
      </c>
      <c r="BB21" s="280">
        <v>0</v>
      </c>
      <c r="BC21" s="280">
        <v>1</v>
      </c>
      <c r="BD21" s="277">
        <v>8</v>
      </c>
      <c r="BE21" s="282">
        <v>9</v>
      </c>
      <c r="BF21" s="276">
        <v>0</v>
      </c>
      <c r="BG21" s="280">
        <v>0</v>
      </c>
      <c r="BH21" s="277">
        <v>0</v>
      </c>
      <c r="BI21" s="279">
        <v>0</v>
      </c>
      <c r="BJ21" s="280">
        <v>3</v>
      </c>
      <c r="BK21" s="280">
        <v>1</v>
      </c>
      <c r="BL21" s="280">
        <v>0</v>
      </c>
      <c r="BM21" s="280">
        <v>1</v>
      </c>
      <c r="BN21" s="280">
        <v>0</v>
      </c>
      <c r="BO21" s="281">
        <v>5</v>
      </c>
      <c r="BP21" s="282">
        <v>5</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1</v>
      </c>
      <c r="CS21" s="280">
        <v>0</v>
      </c>
      <c r="CT21" s="280">
        <v>2</v>
      </c>
      <c r="CU21" s="280">
        <v>1</v>
      </c>
      <c r="CV21" s="277">
        <v>4</v>
      </c>
      <c r="CW21" s="282">
        <v>4</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4</v>
      </c>
      <c r="AD22" s="280">
        <v>8</v>
      </c>
      <c r="AE22" s="280">
        <v>3</v>
      </c>
      <c r="AF22" s="280">
        <v>2</v>
      </c>
      <c r="AG22" s="280">
        <v>0</v>
      </c>
      <c r="AH22" s="277">
        <v>27</v>
      </c>
      <c r="AI22" s="282">
        <v>27</v>
      </c>
      <c r="AJ22" s="276">
        <v>0</v>
      </c>
      <c r="AK22" s="280">
        <v>0</v>
      </c>
      <c r="AL22" s="277">
        <v>0</v>
      </c>
      <c r="AM22" s="279">
        <v>0</v>
      </c>
      <c r="AN22" s="280">
        <v>0</v>
      </c>
      <c r="AO22" s="280">
        <v>0</v>
      </c>
      <c r="AP22" s="280">
        <v>1</v>
      </c>
      <c r="AQ22" s="280">
        <v>0</v>
      </c>
      <c r="AR22" s="280">
        <v>0</v>
      </c>
      <c r="AS22" s="277">
        <v>1</v>
      </c>
      <c r="AT22" s="282">
        <v>1</v>
      </c>
      <c r="AU22" s="276">
        <v>0</v>
      </c>
      <c r="AV22" s="280">
        <v>0</v>
      </c>
      <c r="AW22" s="277">
        <v>0</v>
      </c>
      <c r="AX22" s="279">
        <v>0</v>
      </c>
      <c r="AY22" s="280">
        <v>0</v>
      </c>
      <c r="AZ22" s="280">
        <v>0</v>
      </c>
      <c r="BA22" s="280">
        <v>1</v>
      </c>
      <c r="BB22" s="280">
        <v>0</v>
      </c>
      <c r="BC22" s="280">
        <v>0</v>
      </c>
      <c r="BD22" s="277">
        <v>1</v>
      </c>
      <c r="BE22" s="282">
        <v>1</v>
      </c>
      <c r="BF22" s="276">
        <v>0</v>
      </c>
      <c r="BG22" s="280">
        <v>0</v>
      </c>
      <c r="BH22" s="277">
        <v>0</v>
      </c>
      <c r="BI22" s="279">
        <v>0</v>
      </c>
      <c r="BJ22" s="280">
        <v>1</v>
      </c>
      <c r="BK22" s="280">
        <v>1</v>
      </c>
      <c r="BL22" s="280">
        <v>1</v>
      </c>
      <c r="BM22" s="280">
        <v>3</v>
      </c>
      <c r="BN22" s="280">
        <v>0</v>
      </c>
      <c r="BO22" s="281">
        <v>6</v>
      </c>
      <c r="BP22" s="282">
        <v>6</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1</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2</v>
      </c>
      <c r="AD23" s="280">
        <v>8</v>
      </c>
      <c r="AE23" s="280">
        <v>2</v>
      </c>
      <c r="AF23" s="280">
        <v>3</v>
      </c>
      <c r="AG23" s="280">
        <v>1</v>
      </c>
      <c r="AH23" s="277">
        <v>26</v>
      </c>
      <c r="AI23" s="282">
        <v>26</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0</v>
      </c>
      <c r="AZ23" s="280">
        <v>0</v>
      </c>
      <c r="BA23" s="280">
        <v>2</v>
      </c>
      <c r="BB23" s="280">
        <v>0</v>
      </c>
      <c r="BC23" s="280">
        <v>0</v>
      </c>
      <c r="BD23" s="277">
        <v>2</v>
      </c>
      <c r="BE23" s="282">
        <v>2</v>
      </c>
      <c r="BF23" s="276">
        <v>0</v>
      </c>
      <c r="BG23" s="280">
        <v>0</v>
      </c>
      <c r="BH23" s="277">
        <v>0</v>
      </c>
      <c r="BI23" s="279">
        <v>0</v>
      </c>
      <c r="BJ23" s="280">
        <v>1</v>
      </c>
      <c r="BK23" s="280">
        <v>3</v>
      </c>
      <c r="BL23" s="280">
        <v>0</v>
      </c>
      <c r="BM23" s="280">
        <v>1</v>
      </c>
      <c r="BN23" s="280">
        <v>0</v>
      </c>
      <c r="BO23" s="281">
        <v>5</v>
      </c>
      <c r="BP23" s="282">
        <v>5</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0</v>
      </c>
      <c r="H24" s="280">
        <v>0</v>
      </c>
      <c r="I24" s="280">
        <v>1</v>
      </c>
      <c r="J24" s="280">
        <v>0</v>
      </c>
      <c r="K24" s="280">
        <v>0</v>
      </c>
      <c r="L24" s="281">
        <v>1</v>
      </c>
      <c r="M24" s="282">
        <v>1</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5</v>
      </c>
      <c r="AD24" s="280">
        <v>6</v>
      </c>
      <c r="AE24" s="280">
        <v>1</v>
      </c>
      <c r="AF24" s="280">
        <v>3</v>
      </c>
      <c r="AG24" s="280">
        <v>0</v>
      </c>
      <c r="AH24" s="277">
        <v>15</v>
      </c>
      <c r="AI24" s="282">
        <v>15</v>
      </c>
      <c r="AJ24" s="276">
        <v>0</v>
      </c>
      <c r="AK24" s="280">
        <v>0</v>
      </c>
      <c r="AL24" s="277">
        <v>0</v>
      </c>
      <c r="AM24" s="279">
        <v>0</v>
      </c>
      <c r="AN24" s="280">
        <v>0</v>
      </c>
      <c r="AO24" s="280">
        <v>0</v>
      </c>
      <c r="AP24" s="280">
        <v>1</v>
      </c>
      <c r="AQ24" s="280">
        <v>1</v>
      </c>
      <c r="AR24" s="280">
        <v>0</v>
      </c>
      <c r="AS24" s="277">
        <v>2</v>
      </c>
      <c r="AT24" s="282">
        <v>2</v>
      </c>
      <c r="AU24" s="276">
        <v>0</v>
      </c>
      <c r="AV24" s="280">
        <v>1</v>
      </c>
      <c r="AW24" s="277">
        <v>1</v>
      </c>
      <c r="AX24" s="279">
        <v>0</v>
      </c>
      <c r="AY24" s="280">
        <v>4</v>
      </c>
      <c r="AZ24" s="280">
        <v>3</v>
      </c>
      <c r="BA24" s="280">
        <v>0</v>
      </c>
      <c r="BB24" s="280">
        <v>0</v>
      </c>
      <c r="BC24" s="280">
        <v>0</v>
      </c>
      <c r="BD24" s="277">
        <v>7</v>
      </c>
      <c r="BE24" s="282">
        <v>8</v>
      </c>
      <c r="BF24" s="276">
        <v>0</v>
      </c>
      <c r="BG24" s="280">
        <v>0</v>
      </c>
      <c r="BH24" s="277">
        <v>0</v>
      </c>
      <c r="BI24" s="279">
        <v>0</v>
      </c>
      <c r="BJ24" s="280">
        <v>1</v>
      </c>
      <c r="BK24" s="280">
        <v>2</v>
      </c>
      <c r="BL24" s="280">
        <v>0</v>
      </c>
      <c r="BM24" s="280">
        <v>0</v>
      </c>
      <c r="BN24" s="280">
        <v>0</v>
      </c>
      <c r="BO24" s="281">
        <v>3</v>
      </c>
      <c r="BP24" s="282">
        <v>3</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3</v>
      </c>
      <c r="CJ24" s="280">
        <v>0</v>
      </c>
      <c r="CK24" s="277">
        <v>3</v>
      </c>
      <c r="CL24" s="282">
        <v>3</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3</v>
      </c>
      <c r="AD25" s="280">
        <v>1</v>
      </c>
      <c r="AE25" s="280">
        <v>0</v>
      </c>
      <c r="AF25" s="280">
        <v>1</v>
      </c>
      <c r="AG25" s="280">
        <v>0</v>
      </c>
      <c r="AH25" s="277">
        <v>5</v>
      </c>
      <c r="AI25" s="282">
        <v>5</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2</v>
      </c>
      <c r="BK25" s="280">
        <v>0</v>
      </c>
      <c r="BL25" s="280">
        <v>3</v>
      </c>
      <c r="BM25" s="280">
        <v>3</v>
      </c>
      <c r="BN25" s="280">
        <v>0</v>
      </c>
      <c r="BO25" s="281">
        <v>8</v>
      </c>
      <c r="BP25" s="282">
        <v>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0</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3</v>
      </c>
      <c r="AD26" s="280">
        <v>0</v>
      </c>
      <c r="AE26" s="280">
        <v>3</v>
      </c>
      <c r="AF26" s="280">
        <v>0</v>
      </c>
      <c r="AG26" s="280">
        <v>0</v>
      </c>
      <c r="AH26" s="277">
        <v>6</v>
      </c>
      <c r="AI26" s="282">
        <v>6</v>
      </c>
      <c r="AJ26" s="276">
        <v>0</v>
      </c>
      <c r="AK26" s="280">
        <v>0</v>
      </c>
      <c r="AL26" s="277">
        <v>0</v>
      </c>
      <c r="AM26" s="279">
        <v>0</v>
      </c>
      <c r="AN26" s="280">
        <v>0</v>
      </c>
      <c r="AO26" s="280">
        <v>0</v>
      </c>
      <c r="AP26" s="280">
        <v>1</v>
      </c>
      <c r="AQ26" s="280">
        <v>0</v>
      </c>
      <c r="AR26" s="280">
        <v>0</v>
      </c>
      <c r="AS26" s="277">
        <v>1</v>
      </c>
      <c r="AT26" s="282">
        <v>1</v>
      </c>
      <c r="AU26" s="276">
        <v>0</v>
      </c>
      <c r="AV26" s="280">
        <v>0</v>
      </c>
      <c r="AW26" s="277">
        <v>0</v>
      </c>
      <c r="AX26" s="279">
        <v>0</v>
      </c>
      <c r="AY26" s="280">
        <v>1</v>
      </c>
      <c r="AZ26" s="280">
        <v>1</v>
      </c>
      <c r="BA26" s="280">
        <v>0</v>
      </c>
      <c r="BB26" s="280">
        <v>0</v>
      </c>
      <c r="BC26" s="280">
        <v>0</v>
      </c>
      <c r="BD26" s="277">
        <v>2</v>
      </c>
      <c r="BE26" s="282">
        <v>2</v>
      </c>
      <c r="BF26" s="276">
        <v>0</v>
      </c>
      <c r="BG26" s="280">
        <v>0</v>
      </c>
      <c r="BH26" s="277">
        <v>0</v>
      </c>
      <c r="BI26" s="279">
        <v>0</v>
      </c>
      <c r="BJ26" s="280">
        <v>0</v>
      </c>
      <c r="BK26" s="280">
        <v>0</v>
      </c>
      <c r="BL26" s="280">
        <v>2</v>
      </c>
      <c r="BM26" s="280">
        <v>0</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7</v>
      </c>
      <c r="AD27" s="280">
        <v>0</v>
      </c>
      <c r="AE27" s="280">
        <v>0</v>
      </c>
      <c r="AF27" s="280">
        <v>0</v>
      </c>
      <c r="AG27" s="280">
        <v>0</v>
      </c>
      <c r="AH27" s="277">
        <v>7</v>
      </c>
      <c r="AI27" s="282">
        <v>7</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0</v>
      </c>
      <c r="AZ27" s="280">
        <v>0</v>
      </c>
      <c r="BA27" s="280">
        <v>0</v>
      </c>
      <c r="BB27" s="280">
        <v>0</v>
      </c>
      <c r="BC27" s="280">
        <v>0</v>
      </c>
      <c r="BD27" s="277">
        <v>0</v>
      </c>
      <c r="BE27" s="282">
        <v>1</v>
      </c>
      <c r="BF27" s="276">
        <v>0</v>
      </c>
      <c r="BG27" s="280">
        <v>0</v>
      </c>
      <c r="BH27" s="277">
        <v>0</v>
      </c>
      <c r="BI27" s="279">
        <v>0</v>
      </c>
      <c r="BJ27" s="280">
        <v>0</v>
      </c>
      <c r="BK27" s="280">
        <v>0</v>
      </c>
      <c r="BL27" s="280">
        <v>0</v>
      </c>
      <c r="BM27" s="280">
        <v>0</v>
      </c>
      <c r="BN27" s="280">
        <v>0</v>
      </c>
      <c r="BO27" s="281">
        <v>0</v>
      </c>
      <c r="BP27" s="282">
        <v>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2</v>
      </c>
      <c r="AD28" s="280">
        <v>5</v>
      </c>
      <c r="AE28" s="280">
        <v>1</v>
      </c>
      <c r="AF28" s="280">
        <v>0</v>
      </c>
      <c r="AG28" s="280">
        <v>0</v>
      </c>
      <c r="AH28" s="277">
        <v>8</v>
      </c>
      <c r="AI28" s="282">
        <v>8</v>
      </c>
      <c r="AJ28" s="276">
        <v>0</v>
      </c>
      <c r="AK28" s="280">
        <v>0</v>
      </c>
      <c r="AL28" s="277">
        <v>0</v>
      </c>
      <c r="AM28" s="279">
        <v>0</v>
      </c>
      <c r="AN28" s="280">
        <v>0</v>
      </c>
      <c r="AO28" s="280">
        <v>1</v>
      </c>
      <c r="AP28" s="280">
        <v>0</v>
      </c>
      <c r="AQ28" s="280">
        <v>0</v>
      </c>
      <c r="AR28" s="280">
        <v>0</v>
      </c>
      <c r="AS28" s="277">
        <v>1</v>
      </c>
      <c r="AT28" s="282">
        <v>1</v>
      </c>
      <c r="AU28" s="276">
        <v>0</v>
      </c>
      <c r="AV28" s="280">
        <v>0</v>
      </c>
      <c r="AW28" s="277">
        <v>0</v>
      </c>
      <c r="AX28" s="279">
        <v>0</v>
      </c>
      <c r="AY28" s="280">
        <v>0</v>
      </c>
      <c r="AZ28" s="280">
        <v>0</v>
      </c>
      <c r="BA28" s="280">
        <v>0</v>
      </c>
      <c r="BB28" s="280">
        <v>0</v>
      </c>
      <c r="BC28" s="280">
        <v>0</v>
      </c>
      <c r="BD28" s="277">
        <v>0</v>
      </c>
      <c r="BE28" s="282">
        <v>0</v>
      </c>
      <c r="BF28" s="276">
        <v>0</v>
      </c>
      <c r="BG28" s="280">
        <v>0</v>
      </c>
      <c r="BH28" s="277">
        <v>0</v>
      </c>
      <c r="BI28" s="279">
        <v>0</v>
      </c>
      <c r="BJ28" s="280">
        <v>0</v>
      </c>
      <c r="BK28" s="280">
        <v>0</v>
      </c>
      <c r="BL28" s="280">
        <v>1</v>
      </c>
      <c r="BM28" s="280">
        <v>1</v>
      </c>
      <c r="BN28" s="280">
        <v>0</v>
      </c>
      <c r="BO28" s="281">
        <v>2</v>
      </c>
      <c r="BP28" s="282">
        <v>2</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1</v>
      </c>
      <c r="AD29" s="280">
        <v>0</v>
      </c>
      <c r="AE29" s="280">
        <v>0</v>
      </c>
      <c r="AF29" s="280">
        <v>0</v>
      </c>
      <c r="AG29" s="280">
        <v>0</v>
      </c>
      <c r="AH29" s="277">
        <v>1</v>
      </c>
      <c r="AI29" s="282">
        <v>1</v>
      </c>
      <c r="AJ29" s="276">
        <v>0</v>
      </c>
      <c r="AK29" s="280">
        <v>0</v>
      </c>
      <c r="AL29" s="277">
        <v>0</v>
      </c>
      <c r="AM29" s="279">
        <v>0</v>
      </c>
      <c r="AN29" s="280">
        <v>2</v>
      </c>
      <c r="AO29" s="280">
        <v>1</v>
      </c>
      <c r="AP29" s="280">
        <v>0</v>
      </c>
      <c r="AQ29" s="280">
        <v>0</v>
      </c>
      <c r="AR29" s="280">
        <v>0</v>
      </c>
      <c r="AS29" s="277">
        <v>3</v>
      </c>
      <c r="AT29" s="282">
        <v>3</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1</v>
      </c>
      <c r="BL29" s="280">
        <v>1</v>
      </c>
      <c r="BM29" s="280">
        <v>1</v>
      </c>
      <c r="BN29" s="280">
        <v>0</v>
      </c>
      <c r="BO29" s="281">
        <v>3</v>
      </c>
      <c r="BP29" s="282">
        <v>3</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2</v>
      </c>
      <c r="CI29" s="280">
        <v>1</v>
      </c>
      <c r="CJ29" s="280">
        <v>2</v>
      </c>
      <c r="CK29" s="277">
        <v>5</v>
      </c>
      <c r="CL29" s="282">
        <v>5</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5</v>
      </c>
      <c r="AD30" s="280">
        <v>1</v>
      </c>
      <c r="AE30" s="280">
        <v>0</v>
      </c>
      <c r="AF30" s="280">
        <v>0</v>
      </c>
      <c r="AG30" s="280">
        <v>0</v>
      </c>
      <c r="AH30" s="277">
        <v>6</v>
      </c>
      <c r="AI30" s="282">
        <v>6</v>
      </c>
      <c r="AJ30" s="276">
        <v>0</v>
      </c>
      <c r="AK30" s="280">
        <v>0</v>
      </c>
      <c r="AL30" s="277">
        <v>0</v>
      </c>
      <c r="AM30" s="279">
        <v>0</v>
      </c>
      <c r="AN30" s="280">
        <v>0</v>
      </c>
      <c r="AO30" s="280">
        <v>0</v>
      </c>
      <c r="AP30" s="280">
        <v>0</v>
      </c>
      <c r="AQ30" s="280">
        <v>0</v>
      </c>
      <c r="AR30" s="280">
        <v>1</v>
      </c>
      <c r="AS30" s="277">
        <v>1</v>
      </c>
      <c r="AT30" s="282">
        <v>1</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1</v>
      </c>
      <c r="BO30" s="281">
        <v>1</v>
      </c>
      <c r="BP30" s="282">
        <v>1</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3</v>
      </c>
      <c r="AD31" s="280">
        <v>0</v>
      </c>
      <c r="AE31" s="280">
        <v>0</v>
      </c>
      <c r="AF31" s="280">
        <v>0</v>
      </c>
      <c r="AG31" s="280">
        <v>0</v>
      </c>
      <c r="AH31" s="277">
        <v>3</v>
      </c>
      <c r="AI31" s="282">
        <v>3</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0</v>
      </c>
      <c r="AZ31" s="280">
        <v>0</v>
      </c>
      <c r="BA31" s="280">
        <v>0</v>
      </c>
      <c r="BB31" s="280">
        <v>0</v>
      </c>
      <c r="BC31" s="280">
        <v>0</v>
      </c>
      <c r="BD31" s="277">
        <v>0</v>
      </c>
      <c r="BE31" s="282">
        <v>0</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v>
      </c>
      <c r="AD32" s="280">
        <v>0</v>
      </c>
      <c r="AE32" s="280">
        <v>0</v>
      </c>
      <c r="AF32" s="280">
        <v>0</v>
      </c>
      <c r="AG32" s="280">
        <v>0</v>
      </c>
      <c r="AH32" s="277">
        <v>2</v>
      </c>
      <c r="AI32" s="282">
        <v>2</v>
      </c>
      <c r="AJ32" s="276">
        <v>1</v>
      </c>
      <c r="AK32" s="280">
        <v>0</v>
      </c>
      <c r="AL32" s="277">
        <v>1</v>
      </c>
      <c r="AM32" s="279">
        <v>0</v>
      </c>
      <c r="AN32" s="280">
        <v>0</v>
      </c>
      <c r="AO32" s="280">
        <v>0</v>
      </c>
      <c r="AP32" s="280">
        <v>0</v>
      </c>
      <c r="AQ32" s="280">
        <v>0</v>
      </c>
      <c r="AR32" s="280">
        <v>0</v>
      </c>
      <c r="AS32" s="277">
        <v>0</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1</v>
      </c>
      <c r="BL32" s="280">
        <v>0</v>
      </c>
      <c r="BM32" s="280">
        <v>1</v>
      </c>
      <c r="BN32" s="280">
        <v>0</v>
      </c>
      <c r="BO32" s="281">
        <v>2</v>
      </c>
      <c r="BP32" s="282">
        <v>2</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2</v>
      </c>
      <c r="AD33" s="280">
        <v>2</v>
      </c>
      <c r="AE33" s="280">
        <v>0</v>
      </c>
      <c r="AF33" s="280">
        <v>0</v>
      </c>
      <c r="AG33" s="280">
        <v>0</v>
      </c>
      <c r="AH33" s="277">
        <v>4</v>
      </c>
      <c r="AI33" s="282">
        <v>4</v>
      </c>
      <c r="AJ33" s="276">
        <v>0</v>
      </c>
      <c r="AK33" s="280">
        <v>0</v>
      </c>
      <c r="AL33" s="277">
        <v>0</v>
      </c>
      <c r="AM33" s="279">
        <v>0</v>
      </c>
      <c r="AN33" s="280">
        <v>0</v>
      </c>
      <c r="AO33" s="280">
        <v>0</v>
      </c>
      <c r="AP33" s="280">
        <v>1</v>
      </c>
      <c r="AQ33" s="280">
        <v>0</v>
      </c>
      <c r="AR33" s="280">
        <v>0</v>
      </c>
      <c r="AS33" s="277">
        <v>1</v>
      </c>
      <c r="AT33" s="282">
        <v>1</v>
      </c>
      <c r="AU33" s="276">
        <v>0</v>
      </c>
      <c r="AV33" s="280">
        <v>0</v>
      </c>
      <c r="AW33" s="277">
        <v>0</v>
      </c>
      <c r="AX33" s="279">
        <v>0</v>
      </c>
      <c r="AY33" s="280">
        <v>1</v>
      </c>
      <c r="AZ33" s="280">
        <v>0</v>
      </c>
      <c r="BA33" s="280">
        <v>0</v>
      </c>
      <c r="BB33" s="280">
        <v>0</v>
      </c>
      <c r="BC33" s="280">
        <v>0</v>
      </c>
      <c r="BD33" s="277">
        <v>1</v>
      </c>
      <c r="BE33" s="282">
        <v>1</v>
      </c>
      <c r="BF33" s="276">
        <v>0</v>
      </c>
      <c r="BG33" s="280">
        <v>0</v>
      </c>
      <c r="BH33" s="277">
        <v>0</v>
      </c>
      <c r="BI33" s="279">
        <v>0</v>
      </c>
      <c r="BJ33" s="280">
        <v>0</v>
      </c>
      <c r="BK33" s="280">
        <v>2</v>
      </c>
      <c r="BL33" s="280">
        <v>0</v>
      </c>
      <c r="BM33" s="280">
        <v>1</v>
      </c>
      <c r="BN33" s="280">
        <v>0</v>
      </c>
      <c r="BO33" s="281">
        <v>3</v>
      </c>
      <c r="BP33" s="282">
        <v>3</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2</v>
      </c>
      <c r="AD34" s="280">
        <v>2</v>
      </c>
      <c r="AE34" s="280">
        <v>0</v>
      </c>
      <c r="AF34" s="280">
        <v>0</v>
      </c>
      <c r="AG34" s="280">
        <v>1</v>
      </c>
      <c r="AH34" s="277">
        <v>5</v>
      </c>
      <c r="AI34" s="282">
        <v>5</v>
      </c>
      <c r="AJ34" s="276">
        <v>0</v>
      </c>
      <c r="AK34" s="280">
        <v>0</v>
      </c>
      <c r="AL34" s="277">
        <v>0</v>
      </c>
      <c r="AM34" s="279">
        <v>0</v>
      </c>
      <c r="AN34" s="280">
        <v>0</v>
      </c>
      <c r="AO34" s="280">
        <v>0</v>
      </c>
      <c r="AP34" s="280">
        <v>0</v>
      </c>
      <c r="AQ34" s="280">
        <v>1</v>
      </c>
      <c r="AR34" s="280">
        <v>0</v>
      </c>
      <c r="AS34" s="277">
        <v>1</v>
      </c>
      <c r="AT34" s="282">
        <v>1</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0</v>
      </c>
      <c r="BL34" s="280">
        <v>1</v>
      </c>
      <c r="BM34" s="280">
        <v>0</v>
      </c>
      <c r="BN34" s="280">
        <v>0</v>
      </c>
      <c r="BO34" s="281">
        <v>1</v>
      </c>
      <c r="BP34" s="282">
        <v>1</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0</v>
      </c>
      <c r="CH34" s="280">
        <v>1</v>
      </c>
      <c r="CI34" s="280">
        <v>0</v>
      </c>
      <c r="CJ34" s="280">
        <v>0</v>
      </c>
      <c r="CK34" s="277">
        <v>1</v>
      </c>
      <c r="CL34" s="282">
        <v>1</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1</v>
      </c>
      <c r="AF35" s="280">
        <v>0</v>
      </c>
      <c r="AG35" s="280">
        <v>0</v>
      </c>
      <c r="AH35" s="277">
        <v>2</v>
      </c>
      <c r="AI35" s="282">
        <v>2</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1</v>
      </c>
      <c r="CR35" s="280">
        <v>0</v>
      </c>
      <c r="CS35" s="280">
        <v>1</v>
      </c>
      <c r="CT35" s="280">
        <v>0</v>
      </c>
      <c r="CU35" s="280">
        <v>0</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2</v>
      </c>
      <c r="AD36" s="280">
        <v>0</v>
      </c>
      <c r="AE36" s="280">
        <v>0</v>
      </c>
      <c r="AF36" s="280">
        <v>0</v>
      </c>
      <c r="AG36" s="280">
        <v>0</v>
      </c>
      <c r="AH36" s="277">
        <v>2</v>
      </c>
      <c r="AI36" s="282">
        <v>2</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row>
    <row r="37" spans="2:101" ht="21" customHeight="1" x14ac:dyDescent="0.2">
      <c r="B37" s="261" t="s">
        <v>35</v>
      </c>
      <c r="C37" s="276">
        <v>0</v>
      </c>
      <c r="D37" s="277">
        <v>0</v>
      </c>
      <c r="E37" s="278">
        <v>0</v>
      </c>
      <c r="F37" s="279">
        <v>0</v>
      </c>
      <c r="G37" s="280">
        <v>0</v>
      </c>
      <c r="H37" s="280">
        <v>1</v>
      </c>
      <c r="I37" s="280">
        <v>0</v>
      </c>
      <c r="J37" s="280">
        <v>0</v>
      </c>
      <c r="K37" s="280">
        <v>0</v>
      </c>
      <c r="L37" s="281">
        <v>1</v>
      </c>
      <c r="M37" s="282">
        <v>1</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1</v>
      </c>
      <c r="BA37" s="280">
        <v>1</v>
      </c>
      <c r="BB37" s="280">
        <v>0</v>
      </c>
      <c r="BC37" s="280">
        <v>0</v>
      </c>
      <c r="BD37" s="277">
        <v>2</v>
      </c>
      <c r="BE37" s="282">
        <v>2</v>
      </c>
      <c r="BF37" s="276">
        <v>0</v>
      </c>
      <c r="BG37" s="280">
        <v>0</v>
      </c>
      <c r="BH37" s="277">
        <v>0</v>
      </c>
      <c r="BI37" s="279">
        <v>0</v>
      </c>
      <c r="BJ37" s="280">
        <v>0</v>
      </c>
      <c r="BK37" s="280">
        <v>1</v>
      </c>
      <c r="BL37" s="280">
        <v>0</v>
      </c>
      <c r="BM37" s="280">
        <v>0</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4</v>
      </c>
      <c r="AD38" s="280">
        <v>4</v>
      </c>
      <c r="AE38" s="280">
        <v>0</v>
      </c>
      <c r="AF38" s="280">
        <v>0</v>
      </c>
      <c r="AG38" s="280">
        <v>1</v>
      </c>
      <c r="AH38" s="277">
        <v>9</v>
      </c>
      <c r="AI38" s="282">
        <v>9</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0</v>
      </c>
      <c r="BK38" s="280">
        <v>1</v>
      </c>
      <c r="BL38" s="280">
        <v>0</v>
      </c>
      <c r="BM38" s="280">
        <v>0</v>
      </c>
      <c r="BN38" s="280">
        <v>0</v>
      </c>
      <c r="BO38" s="281">
        <v>1</v>
      </c>
      <c r="BP38" s="282">
        <v>1</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4</v>
      </c>
      <c r="J1" s="524"/>
      <c r="K1" s="248">
        <f>第１表!G2</f>
        <v>11</v>
      </c>
      <c r="L1" s="529">
        <f>IF(K1&lt;3,K1+12-2,K1-2)</f>
        <v>9</v>
      </c>
      <c r="M1" s="529"/>
    </row>
    <row r="2" spans="1:101" s="291" customFormat="1" ht="24" customHeight="1" thickBot="1" x14ac:dyDescent="0.25">
      <c r="A2" s="44"/>
      <c r="B2" s="290" t="s">
        <v>155</v>
      </c>
    </row>
    <row r="3" spans="1:101" ht="21"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350" t="s">
        <v>43</v>
      </c>
      <c r="D5" s="265" t="s">
        <v>44</v>
      </c>
      <c r="E5" s="266" t="s">
        <v>45</v>
      </c>
      <c r="F5" s="267" t="s">
        <v>83</v>
      </c>
      <c r="G5" s="259" t="s">
        <v>47</v>
      </c>
      <c r="H5" s="259" t="s">
        <v>48</v>
      </c>
      <c r="I5" s="259" t="s">
        <v>49</v>
      </c>
      <c r="J5" s="259" t="s">
        <v>50</v>
      </c>
      <c r="K5" s="259" t="s">
        <v>51</v>
      </c>
      <c r="L5" s="268" t="s">
        <v>45</v>
      </c>
      <c r="M5" s="531"/>
      <c r="N5" s="350" t="s">
        <v>43</v>
      </c>
      <c r="O5" s="259" t="s">
        <v>44</v>
      </c>
      <c r="P5" s="265" t="s">
        <v>45</v>
      </c>
      <c r="Q5" s="267" t="s">
        <v>83</v>
      </c>
      <c r="R5" s="259" t="s">
        <v>47</v>
      </c>
      <c r="S5" s="259" t="s">
        <v>48</v>
      </c>
      <c r="T5" s="259" t="s">
        <v>49</v>
      </c>
      <c r="U5" s="259" t="s">
        <v>50</v>
      </c>
      <c r="V5" s="259" t="s">
        <v>51</v>
      </c>
      <c r="W5" s="265" t="s">
        <v>45</v>
      </c>
      <c r="X5" s="531"/>
      <c r="Y5" s="350" t="s">
        <v>43</v>
      </c>
      <c r="Z5" s="259" t="s">
        <v>44</v>
      </c>
      <c r="AA5" s="265" t="s">
        <v>45</v>
      </c>
      <c r="AB5" s="267" t="s">
        <v>83</v>
      </c>
      <c r="AC5" s="259" t="s">
        <v>47</v>
      </c>
      <c r="AD5" s="259" t="s">
        <v>48</v>
      </c>
      <c r="AE5" s="259" t="s">
        <v>49</v>
      </c>
      <c r="AF5" s="259" t="s">
        <v>50</v>
      </c>
      <c r="AG5" s="259" t="s">
        <v>51</v>
      </c>
      <c r="AH5" s="265" t="s">
        <v>45</v>
      </c>
      <c r="AI5" s="531"/>
      <c r="AJ5" s="350" t="s">
        <v>43</v>
      </c>
      <c r="AK5" s="259" t="s">
        <v>44</v>
      </c>
      <c r="AL5" s="265" t="s">
        <v>45</v>
      </c>
      <c r="AM5" s="267" t="s">
        <v>83</v>
      </c>
      <c r="AN5" s="259" t="s">
        <v>47</v>
      </c>
      <c r="AO5" s="259" t="s">
        <v>48</v>
      </c>
      <c r="AP5" s="259" t="s">
        <v>49</v>
      </c>
      <c r="AQ5" s="259" t="s">
        <v>50</v>
      </c>
      <c r="AR5" s="259" t="s">
        <v>51</v>
      </c>
      <c r="AS5" s="265" t="s">
        <v>45</v>
      </c>
      <c r="AT5" s="531"/>
      <c r="AU5" s="350" t="s">
        <v>43</v>
      </c>
      <c r="AV5" s="259" t="s">
        <v>44</v>
      </c>
      <c r="AW5" s="265" t="s">
        <v>45</v>
      </c>
      <c r="AX5" s="267" t="s">
        <v>83</v>
      </c>
      <c r="AY5" s="259" t="s">
        <v>47</v>
      </c>
      <c r="AZ5" s="259" t="s">
        <v>48</v>
      </c>
      <c r="BA5" s="259" t="s">
        <v>49</v>
      </c>
      <c r="BB5" s="259" t="s">
        <v>50</v>
      </c>
      <c r="BC5" s="259" t="s">
        <v>51</v>
      </c>
      <c r="BD5" s="265" t="s">
        <v>45</v>
      </c>
      <c r="BE5" s="564"/>
      <c r="BF5" s="350" t="s">
        <v>43</v>
      </c>
      <c r="BG5" s="259" t="s">
        <v>44</v>
      </c>
      <c r="BH5" s="265" t="s">
        <v>45</v>
      </c>
      <c r="BI5" s="267" t="s">
        <v>83</v>
      </c>
      <c r="BJ5" s="259" t="s">
        <v>47</v>
      </c>
      <c r="BK5" s="259" t="s">
        <v>48</v>
      </c>
      <c r="BL5" s="259" t="s">
        <v>49</v>
      </c>
      <c r="BM5" s="259" t="s">
        <v>50</v>
      </c>
      <c r="BN5" s="259" t="s">
        <v>51</v>
      </c>
      <c r="BO5" s="265" t="s">
        <v>45</v>
      </c>
      <c r="BP5" s="564"/>
      <c r="BQ5" s="350" t="s">
        <v>43</v>
      </c>
      <c r="BR5" s="259" t="s">
        <v>44</v>
      </c>
      <c r="BS5" s="265" t="s">
        <v>45</v>
      </c>
      <c r="BT5" s="267" t="s">
        <v>83</v>
      </c>
      <c r="BU5" s="259" t="s">
        <v>47</v>
      </c>
      <c r="BV5" s="259" t="s">
        <v>48</v>
      </c>
      <c r="BW5" s="259" t="s">
        <v>49</v>
      </c>
      <c r="BX5" s="259" t="s">
        <v>50</v>
      </c>
      <c r="BY5" s="259" t="s">
        <v>51</v>
      </c>
      <c r="BZ5" s="265" t="s">
        <v>45</v>
      </c>
      <c r="CA5" s="564"/>
      <c r="CB5" s="350" t="s">
        <v>43</v>
      </c>
      <c r="CC5" s="259" t="s">
        <v>44</v>
      </c>
      <c r="CD5" s="265" t="s">
        <v>45</v>
      </c>
      <c r="CE5" s="267" t="s">
        <v>83</v>
      </c>
      <c r="CF5" s="259" t="s">
        <v>47</v>
      </c>
      <c r="CG5" s="259" t="s">
        <v>48</v>
      </c>
      <c r="CH5" s="259" t="s">
        <v>49</v>
      </c>
      <c r="CI5" s="259" t="s">
        <v>50</v>
      </c>
      <c r="CJ5" s="259" t="s">
        <v>51</v>
      </c>
      <c r="CK5" s="265" t="s">
        <v>45</v>
      </c>
      <c r="CL5" s="564"/>
      <c r="CM5" s="350"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26</v>
      </c>
      <c r="H6" s="273">
        <v>34</v>
      </c>
      <c r="I6" s="273">
        <v>23</v>
      </c>
      <c r="J6" s="273">
        <v>26</v>
      </c>
      <c r="K6" s="273">
        <v>21</v>
      </c>
      <c r="L6" s="274">
        <v>130</v>
      </c>
      <c r="M6" s="275">
        <v>130</v>
      </c>
      <c r="N6" s="269">
        <v>0</v>
      </c>
      <c r="O6" s="273">
        <v>0</v>
      </c>
      <c r="P6" s="270">
        <v>0</v>
      </c>
      <c r="Q6" s="272">
        <v>0</v>
      </c>
      <c r="R6" s="273">
        <v>10</v>
      </c>
      <c r="S6" s="273">
        <v>41</v>
      </c>
      <c r="T6" s="273">
        <v>31</v>
      </c>
      <c r="U6" s="273">
        <v>22</v>
      </c>
      <c r="V6" s="273">
        <v>23</v>
      </c>
      <c r="W6" s="270">
        <v>127</v>
      </c>
      <c r="X6" s="275">
        <v>127</v>
      </c>
      <c r="Y6" s="269">
        <v>0</v>
      </c>
      <c r="Z6" s="273">
        <v>1</v>
      </c>
      <c r="AA6" s="270">
        <v>1</v>
      </c>
      <c r="AB6" s="272">
        <v>0</v>
      </c>
      <c r="AC6" s="273">
        <v>762</v>
      </c>
      <c r="AD6" s="273">
        <v>647</v>
      </c>
      <c r="AE6" s="273">
        <v>297</v>
      </c>
      <c r="AF6" s="273">
        <v>136</v>
      </c>
      <c r="AG6" s="273">
        <v>53</v>
      </c>
      <c r="AH6" s="270">
        <v>1895</v>
      </c>
      <c r="AI6" s="275">
        <v>1896</v>
      </c>
      <c r="AJ6" s="269">
        <v>3</v>
      </c>
      <c r="AK6" s="273">
        <v>0</v>
      </c>
      <c r="AL6" s="270">
        <v>3</v>
      </c>
      <c r="AM6" s="272">
        <v>0</v>
      </c>
      <c r="AN6" s="273">
        <v>48</v>
      </c>
      <c r="AO6" s="273">
        <v>68</v>
      </c>
      <c r="AP6" s="273">
        <v>62</v>
      </c>
      <c r="AQ6" s="273">
        <v>26</v>
      </c>
      <c r="AR6" s="273">
        <v>27</v>
      </c>
      <c r="AS6" s="270">
        <v>231</v>
      </c>
      <c r="AT6" s="275">
        <v>234</v>
      </c>
      <c r="AU6" s="269">
        <v>10</v>
      </c>
      <c r="AV6" s="273">
        <v>14</v>
      </c>
      <c r="AW6" s="270">
        <v>24</v>
      </c>
      <c r="AX6" s="272">
        <v>0</v>
      </c>
      <c r="AY6" s="273">
        <v>69</v>
      </c>
      <c r="AZ6" s="273">
        <v>43</v>
      </c>
      <c r="BA6" s="273">
        <v>52</v>
      </c>
      <c r="BB6" s="273">
        <v>36</v>
      </c>
      <c r="BC6" s="273">
        <v>18</v>
      </c>
      <c r="BD6" s="270">
        <v>218</v>
      </c>
      <c r="BE6" s="275">
        <v>242</v>
      </c>
      <c r="BF6" s="269">
        <v>0</v>
      </c>
      <c r="BG6" s="273">
        <v>0</v>
      </c>
      <c r="BH6" s="270">
        <v>0</v>
      </c>
      <c r="BI6" s="272">
        <v>0</v>
      </c>
      <c r="BJ6" s="273">
        <v>69</v>
      </c>
      <c r="BK6" s="273">
        <v>105</v>
      </c>
      <c r="BL6" s="273">
        <v>135</v>
      </c>
      <c r="BM6" s="273">
        <v>97</v>
      </c>
      <c r="BN6" s="273">
        <v>71</v>
      </c>
      <c r="BO6" s="274">
        <v>477</v>
      </c>
      <c r="BP6" s="275">
        <v>477</v>
      </c>
      <c r="BQ6" s="269">
        <v>0</v>
      </c>
      <c r="BR6" s="273">
        <v>0</v>
      </c>
      <c r="BS6" s="270">
        <v>0</v>
      </c>
      <c r="BT6" s="272">
        <v>0</v>
      </c>
      <c r="BU6" s="273">
        <v>4</v>
      </c>
      <c r="BV6" s="273">
        <v>7</v>
      </c>
      <c r="BW6" s="273">
        <v>6</v>
      </c>
      <c r="BX6" s="273">
        <v>5</v>
      </c>
      <c r="BY6" s="273">
        <v>4</v>
      </c>
      <c r="BZ6" s="270">
        <v>26</v>
      </c>
      <c r="CA6" s="275">
        <v>26</v>
      </c>
      <c r="CB6" s="269">
        <v>0</v>
      </c>
      <c r="CC6" s="273">
        <v>0</v>
      </c>
      <c r="CD6" s="270">
        <v>0</v>
      </c>
      <c r="CE6" s="272">
        <v>0</v>
      </c>
      <c r="CF6" s="273">
        <v>1</v>
      </c>
      <c r="CG6" s="273">
        <v>3</v>
      </c>
      <c r="CH6" s="273">
        <v>12</v>
      </c>
      <c r="CI6" s="273">
        <v>16</v>
      </c>
      <c r="CJ6" s="273">
        <v>8</v>
      </c>
      <c r="CK6" s="270">
        <v>40</v>
      </c>
      <c r="CL6" s="275">
        <v>40</v>
      </c>
      <c r="CM6" s="269">
        <v>0</v>
      </c>
      <c r="CN6" s="273">
        <v>0</v>
      </c>
      <c r="CO6" s="270">
        <v>0</v>
      </c>
      <c r="CP6" s="272">
        <v>0</v>
      </c>
      <c r="CQ6" s="273">
        <v>7</v>
      </c>
      <c r="CR6" s="273">
        <v>15</v>
      </c>
      <c r="CS6" s="273">
        <v>17</v>
      </c>
      <c r="CT6" s="273">
        <v>18</v>
      </c>
      <c r="CU6" s="273">
        <v>36</v>
      </c>
      <c r="CV6" s="270">
        <v>93</v>
      </c>
      <c r="CW6" s="275">
        <v>93</v>
      </c>
    </row>
    <row r="7" spans="1:101" ht="21" customHeight="1" x14ac:dyDescent="0.2">
      <c r="B7" s="261" t="s">
        <v>5</v>
      </c>
      <c r="C7" s="276">
        <v>0</v>
      </c>
      <c r="D7" s="277">
        <v>0</v>
      </c>
      <c r="E7" s="278">
        <v>0</v>
      </c>
      <c r="F7" s="279">
        <v>0</v>
      </c>
      <c r="G7" s="280">
        <v>9</v>
      </c>
      <c r="H7" s="280">
        <v>17</v>
      </c>
      <c r="I7" s="280">
        <v>9</v>
      </c>
      <c r="J7" s="280">
        <v>8</v>
      </c>
      <c r="K7" s="280">
        <v>9</v>
      </c>
      <c r="L7" s="281">
        <v>52</v>
      </c>
      <c r="M7" s="282">
        <v>52</v>
      </c>
      <c r="N7" s="276">
        <v>0</v>
      </c>
      <c r="O7" s="280">
        <v>0</v>
      </c>
      <c r="P7" s="277">
        <v>0</v>
      </c>
      <c r="Q7" s="279">
        <v>0</v>
      </c>
      <c r="R7" s="280">
        <v>6</v>
      </c>
      <c r="S7" s="280">
        <v>32</v>
      </c>
      <c r="T7" s="280">
        <v>24</v>
      </c>
      <c r="U7" s="280">
        <v>14</v>
      </c>
      <c r="V7" s="280">
        <v>18</v>
      </c>
      <c r="W7" s="277">
        <v>94</v>
      </c>
      <c r="X7" s="282">
        <v>94</v>
      </c>
      <c r="Y7" s="276">
        <v>0</v>
      </c>
      <c r="Z7" s="280">
        <v>0</v>
      </c>
      <c r="AA7" s="277">
        <v>0</v>
      </c>
      <c r="AB7" s="279">
        <v>0</v>
      </c>
      <c r="AC7" s="280">
        <v>279</v>
      </c>
      <c r="AD7" s="280">
        <v>351</v>
      </c>
      <c r="AE7" s="280">
        <v>129</v>
      </c>
      <c r="AF7" s="280">
        <v>68</v>
      </c>
      <c r="AG7" s="280">
        <v>28</v>
      </c>
      <c r="AH7" s="277">
        <v>855</v>
      </c>
      <c r="AI7" s="282">
        <v>855</v>
      </c>
      <c r="AJ7" s="276">
        <v>3</v>
      </c>
      <c r="AK7" s="280">
        <v>0</v>
      </c>
      <c r="AL7" s="277">
        <v>3</v>
      </c>
      <c r="AM7" s="279">
        <v>0</v>
      </c>
      <c r="AN7" s="280">
        <v>29</v>
      </c>
      <c r="AO7" s="280">
        <v>38</v>
      </c>
      <c r="AP7" s="280">
        <v>29</v>
      </c>
      <c r="AQ7" s="280">
        <v>15</v>
      </c>
      <c r="AR7" s="280">
        <v>17</v>
      </c>
      <c r="AS7" s="277">
        <v>128</v>
      </c>
      <c r="AT7" s="282">
        <v>131</v>
      </c>
      <c r="AU7" s="276">
        <v>5</v>
      </c>
      <c r="AV7" s="280">
        <v>4</v>
      </c>
      <c r="AW7" s="277">
        <v>9</v>
      </c>
      <c r="AX7" s="279">
        <v>0</v>
      </c>
      <c r="AY7" s="280">
        <v>26</v>
      </c>
      <c r="AZ7" s="280">
        <v>20</v>
      </c>
      <c r="BA7" s="280">
        <v>25</v>
      </c>
      <c r="BB7" s="280">
        <v>19</v>
      </c>
      <c r="BC7" s="280">
        <v>6</v>
      </c>
      <c r="BD7" s="277">
        <v>96</v>
      </c>
      <c r="BE7" s="282">
        <v>105</v>
      </c>
      <c r="BF7" s="276">
        <v>0</v>
      </c>
      <c r="BG7" s="280">
        <v>0</v>
      </c>
      <c r="BH7" s="277">
        <v>0</v>
      </c>
      <c r="BI7" s="279">
        <v>0</v>
      </c>
      <c r="BJ7" s="280">
        <v>28</v>
      </c>
      <c r="BK7" s="280">
        <v>40</v>
      </c>
      <c r="BL7" s="280">
        <v>55</v>
      </c>
      <c r="BM7" s="280">
        <v>36</v>
      </c>
      <c r="BN7" s="280">
        <v>21</v>
      </c>
      <c r="BO7" s="281">
        <v>180</v>
      </c>
      <c r="BP7" s="282">
        <v>180</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0</v>
      </c>
      <c r="CI7" s="280">
        <v>2</v>
      </c>
      <c r="CJ7" s="280">
        <v>1</v>
      </c>
      <c r="CK7" s="277">
        <v>4</v>
      </c>
      <c r="CL7" s="282">
        <v>4</v>
      </c>
      <c r="CM7" s="276">
        <v>0</v>
      </c>
      <c r="CN7" s="280">
        <v>0</v>
      </c>
      <c r="CO7" s="277">
        <v>0</v>
      </c>
      <c r="CP7" s="279">
        <v>0</v>
      </c>
      <c r="CQ7" s="280">
        <v>3</v>
      </c>
      <c r="CR7" s="280">
        <v>7</v>
      </c>
      <c r="CS7" s="280">
        <v>7</v>
      </c>
      <c r="CT7" s="280">
        <v>4</v>
      </c>
      <c r="CU7" s="280">
        <v>16</v>
      </c>
      <c r="CV7" s="277">
        <v>37</v>
      </c>
      <c r="CW7" s="282">
        <v>37</v>
      </c>
    </row>
    <row r="8" spans="1:101" ht="21" customHeight="1" x14ac:dyDescent="0.2">
      <c r="B8" s="261" t="s">
        <v>6</v>
      </c>
      <c r="C8" s="276">
        <v>0</v>
      </c>
      <c r="D8" s="277">
        <v>0</v>
      </c>
      <c r="E8" s="278">
        <v>0</v>
      </c>
      <c r="F8" s="279">
        <v>0</v>
      </c>
      <c r="G8" s="280">
        <v>8</v>
      </c>
      <c r="H8" s="280">
        <v>8</v>
      </c>
      <c r="I8" s="280">
        <v>7</v>
      </c>
      <c r="J8" s="280">
        <v>9</v>
      </c>
      <c r="K8" s="280">
        <v>6</v>
      </c>
      <c r="L8" s="281">
        <v>38</v>
      </c>
      <c r="M8" s="282">
        <v>38</v>
      </c>
      <c r="N8" s="276">
        <v>0</v>
      </c>
      <c r="O8" s="280">
        <v>0</v>
      </c>
      <c r="P8" s="277">
        <v>0</v>
      </c>
      <c r="Q8" s="279">
        <v>0</v>
      </c>
      <c r="R8" s="280">
        <v>2</v>
      </c>
      <c r="S8" s="280">
        <v>8</v>
      </c>
      <c r="T8" s="280">
        <v>5</v>
      </c>
      <c r="U8" s="280">
        <v>6</v>
      </c>
      <c r="V8" s="280">
        <v>5</v>
      </c>
      <c r="W8" s="277">
        <v>26</v>
      </c>
      <c r="X8" s="282">
        <v>26</v>
      </c>
      <c r="Y8" s="276">
        <v>0</v>
      </c>
      <c r="Z8" s="280">
        <v>0</v>
      </c>
      <c r="AA8" s="277">
        <v>0</v>
      </c>
      <c r="AB8" s="279">
        <v>0</v>
      </c>
      <c r="AC8" s="280">
        <v>139</v>
      </c>
      <c r="AD8" s="280">
        <v>70</v>
      </c>
      <c r="AE8" s="280">
        <v>41</v>
      </c>
      <c r="AF8" s="280">
        <v>19</v>
      </c>
      <c r="AG8" s="280">
        <v>7</v>
      </c>
      <c r="AH8" s="277">
        <v>276</v>
      </c>
      <c r="AI8" s="282">
        <v>276</v>
      </c>
      <c r="AJ8" s="276">
        <v>0</v>
      </c>
      <c r="AK8" s="280">
        <v>0</v>
      </c>
      <c r="AL8" s="277">
        <v>0</v>
      </c>
      <c r="AM8" s="279">
        <v>0</v>
      </c>
      <c r="AN8" s="280">
        <v>10</v>
      </c>
      <c r="AO8" s="280">
        <v>12</v>
      </c>
      <c r="AP8" s="280">
        <v>19</v>
      </c>
      <c r="AQ8" s="280">
        <v>5</v>
      </c>
      <c r="AR8" s="280">
        <v>5</v>
      </c>
      <c r="AS8" s="277">
        <v>51</v>
      </c>
      <c r="AT8" s="282">
        <v>51</v>
      </c>
      <c r="AU8" s="276">
        <v>1</v>
      </c>
      <c r="AV8" s="280">
        <v>4</v>
      </c>
      <c r="AW8" s="277">
        <v>5</v>
      </c>
      <c r="AX8" s="279">
        <v>0</v>
      </c>
      <c r="AY8" s="280">
        <v>12</v>
      </c>
      <c r="AZ8" s="280">
        <v>4</v>
      </c>
      <c r="BA8" s="280">
        <v>9</v>
      </c>
      <c r="BB8" s="280">
        <v>2</v>
      </c>
      <c r="BC8" s="280">
        <v>1</v>
      </c>
      <c r="BD8" s="277">
        <v>28</v>
      </c>
      <c r="BE8" s="282">
        <v>33</v>
      </c>
      <c r="BF8" s="276">
        <v>0</v>
      </c>
      <c r="BG8" s="280">
        <v>0</v>
      </c>
      <c r="BH8" s="277">
        <v>0</v>
      </c>
      <c r="BI8" s="279">
        <v>0</v>
      </c>
      <c r="BJ8" s="280">
        <v>14</v>
      </c>
      <c r="BK8" s="280">
        <v>23</v>
      </c>
      <c r="BL8" s="280">
        <v>25</v>
      </c>
      <c r="BM8" s="280">
        <v>17</v>
      </c>
      <c r="BN8" s="280">
        <v>19</v>
      </c>
      <c r="BO8" s="281">
        <v>98</v>
      </c>
      <c r="BP8" s="282">
        <v>98</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1</v>
      </c>
      <c r="CG8" s="280">
        <v>0</v>
      </c>
      <c r="CH8" s="280">
        <v>8</v>
      </c>
      <c r="CI8" s="280">
        <v>5</v>
      </c>
      <c r="CJ8" s="280">
        <v>3</v>
      </c>
      <c r="CK8" s="277">
        <v>17</v>
      </c>
      <c r="CL8" s="282">
        <v>17</v>
      </c>
      <c r="CM8" s="276">
        <v>0</v>
      </c>
      <c r="CN8" s="280">
        <v>0</v>
      </c>
      <c r="CO8" s="277">
        <v>0</v>
      </c>
      <c r="CP8" s="279">
        <v>0</v>
      </c>
      <c r="CQ8" s="280">
        <v>2</v>
      </c>
      <c r="CR8" s="280">
        <v>4</v>
      </c>
      <c r="CS8" s="280">
        <v>5</v>
      </c>
      <c r="CT8" s="280">
        <v>8</v>
      </c>
      <c r="CU8" s="280">
        <v>6</v>
      </c>
      <c r="CV8" s="277">
        <v>25</v>
      </c>
      <c r="CW8" s="282">
        <v>25</v>
      </c>
    </row>
    <row r="9" spans="1:101" ht="21" customHeight="1" x14ac:dyDescent="0.2">
      <c r="B9" s="261" t="s">
        <v>14</v>
      </c>
      <c r="C9" s="276">
        <v>0</v>
      </c>
      <c r="D9" s="277">
        <v>0</v>
      </c>
      <c r="E9" s="278">
        <v>0</v>
      </c>
      <c r="F9" s="279">
        <v>0</v>
      </c>
      <c r="G9" s="280">
        <v>1</v>
      </c>
      <c r="H9" s="280">
        <v>0</v>
      </c>
      <c r="I9" s="280">
        <v>1</v>
      </c>
      <c r="J9" s="280">
        <v>1</v>
      </c>
      <c r="K9" s="280">
        <v>3</v>
      </c>
      <c r="L9" s="281">
        <v>6</v>
      </c>
      <c r="M9" s="282">
        <v>6</v>
      </c>
      <c r="N9" s="276">
        <v>0</v>
      </c>
      <c r="O9" s="280">
        <v>0</v>
      </c>
      <c r="P9" s="277">
        <v>0</v>
      </c>
      <c r="Q9" s="279">
        <v>0</v>
      </c>
      <c r="R9" s="280">
        <v>0</v>
      </c>
      <c r="S9" s="280">
        <v>0</v>
      </c>
      <c r="T9" s="280">
        <v>0</v>
      </c>
      <c r="U9" s="280">
        <v>1</v>
      </c>
      <c r="V9" s="280">
        <v>0</v>
      </c>
      <c r="W9" s="277">
        <v>1</v>
      </c>
      <c r="X9" s="282">
        <v>1</v>
      </c>
      <c r="Y9" s="276">
        <v>0</v>
      </c>
      <c r="Z9" s="280">
        <v>0</v>
      </c>
      <c r="AA9" s="277">
        <v>0</v>
      </c>
      <c r="AB9" s="279">
        <v>0</v>
      </c>
      <c r="AC9" s="280">
        <v>46</v>
      </c>
      <c r="AD9" s="280">
        <v>49</v>
      </c>
      <c r="AE9" s="280">
        <v>22</v>
      </c>
      <c r="AF9" s="280">
        <v>8</v>
      </c>
      <c r="AG9" s="280">
        <v>3</v>
      </c>
      <c r="AH9" s="277">
        <v>128</v>
      </c>
      <c r="AI9" s="282">
        <v>128</v>
      </c>
      <c r="AJ9" s="276">
        <v>0</v>
      </c>
      <c r="AK9" s="280">
        <v>0</v>
      </c>
      <c r="AL9" s="277">
        <v>0</v>
      </c>
      <c r="AM9" s="279">
        <v>0</v>
      </c>
      <c r="AN9" s="280">
        <v>1</v>
      </c>
      <c r="AO9" s="280">
        <v>0</v>
      </c>
      <c r="AP9" s="280">
        <v>1</v>
      </c>
      <c r="AQ9" s="280">
        <v>1</v>
      </c>
      <c r="AR9" s="280">
        <v>1</v>
      </c>
      <c r="AS9" s="277">
        <v>4</v>
      </c>
      <c r="AT9" s="282">
        <v>4</v>
      </c>
      <c r="AU9" s="276">
        <v>0</v>
      </c>
      <c r="AV9" s="280">
        <v>0</v>
      </c>
      <c r="AW9" s="277">
        <v>0</v>
      </c>
      <c r="AX9" s="279">
        <v>0</v>
      </c>
      <c r="AY9" s="280">
        <v>2</v>
      </c>
      <c r="AZ9" s="280">
        <v>7</v>
      </c>
      <c r="BA9" s="280">
        <v>4</v>
      </c>
      <c r="BB9" s="280">
        <v>2</v>
      </c>
      <c r="BC9" s="280">
        <v>2</v>
      </c>
      <c r="BD9" s="277">
        <v>17</v>
      </c>
      <c r="BE9" s="282">
        <v>17</v>
      </c>
      <c r="BF9" s="276">
        <v>0</v>
      </c>
      <c r="BG9" s="280">
        <v>0</v>
      </c>
      <c r="BH9" s="277">
        <v>0</v>
      </c>
      <c r="BI9" s="279">
        <v>0</v>
      </c>
      <c r="BJ9" s="280">
        <v>9</v>
      </c>
      <c r="BK9" s="280">
        <v>8</v>
      </c>
      <c r="BL9" s="280">
        <v>10</v>
      </c>
      <c r="BM9" s="280">
        <v>7</v>
      </c>
      <c r="BN9" s="280">
        <v>5</v>
      </c>
      <c r="BO9" s="281">
        <v>39</v>
      </c>
      <c r="BP9" s="282">
        <v>39</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1</v>
      </c>
      <c r="CH9" s="280">
        <v>1</v>
      </c>
      <c r="CI9" s="280">
        <v>0</v>
      </c>
      <c r="CJ9" s="280">
        <v>0</v>
      </c>
      <c r="CK9" s="277">
        <v>2</v>
      </c>
      <c r="CL9" s="282">
        <v>2</v>
      </c>
      <c r="CM9" s="276">
        <v>0</v>
      </c>
      <c r="CN9" s="280">
        <v>0</v>
      </c>
      <c r="CO9" s="277">
        <v>0</v>
      </c>
      <c r="CP9" s="279">
        <v>0</v>
      </c>
      <c r="CQ9" s="280">
        <v>1</v>
      </c>
      <c r="CR9" s="280">
        <v>1</v>
      </c>
      <c r="CS9" s="280">
        <v>1</v>
      </c>
      <c r="CT9" s="280">
        <v>0</v>
      </c>
      <c r="CU9" s="280">
        <v>1</v>
      </c>
      <c r="CV9" s="277">
        <v>4</v>
      </c>
      <c r="CW9" s="282">
        <v>4</v>
      </c>
    </row>
    <row r="10" spans="1:101" ht="21" customHeight="1" x14ac:dyDescent="0.2">
      <c r="B10" s="261" t="s">
        <v>7</v>
      </c>
      <c r="C10" s="276">
        <v>0</v>
      </c>
      <c r="D10" s="277">
        <v>0</v>
      </c>
      <c r="E10" s="278">
        <v>0</v>
      </c>
      <c r="F10" s="279">
        <v>0</v>
      </c>
      <c r="G10" s="280">
        <v>0</v>
      </c>
      <c r="H10" s="280">
        <v>1</v>
      </c>
      <c r="I10" s="280">
        <v>2</v>
      </c>
      <c r="J10" s="280">
        <v>0</v>
      </c>
      <c r="K10" s="280">
        <v>0</v>
      </c>
      <c r="L10" s="281">
        <v>3</v>
      </c>
      <c r="M10" s="282">
        <v>3</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25</v>
      </c>
      <c r="AD10" s="280">
        <v>22</v>
      </c>
      <c r="AE10" s="280">
        <v>15</v>
      </c>
      <c r="AF10" s="280">
        <v>4</v>
      </c>
      <c r="AG10" s="280">
        <v>1</v>
      </c>
      <c r="AH10" s="277">
        <v>67</v>
      </c>
      <c r="AI10" s="282">
        <v>67</v>
      </c>
      <c r="AJ10" s="276">
        <v>0</v>
      </c>
      <c r="AK10" s="280">
        <v>0</v>
      </c>
      <c r="AL10" s="277">
        <v>0</v>
      </c>
      <c r="AM10" s="279">
        <v>0</v>
      </c>
      <c r="AN10" s="280">
        <v>1</v>
      </c>
      <c r="AO10" s="280">
        <v>7</v>
      </c>
      <c r="AP10" s="280">
        <v>3</v>
      </c>
      <c r="AQ10" s="280">
        <v>3</v>
      </c>
      <c r="AR10" s="280">
        <v>1</v>
      </c>
      <c r="AS10" s="277">
        <v>15</v>
      </c>
      <c r="AT10" s="282">
        <v>15</v>
      </c>
      <c r="AU10" s="276">
        <v>0</v>
      </c>
      <c r="AV10" s="280">
        <v>0</v>
      </c>
      <c r="AW10" s="277">
        <v>0</v>
      </c>
      <c r="AX10" s="279">
        <v>0</v>
      </c>
      <c r="AY10" s="280">
        <v>1</v>
      </c>
      <c r="AZ10" s="280">
        <v>2</v>
      </c>
      <c r="BA10" s="280">
        <v>1</v>
      </c>
      <c r="BB10" s="280">
        <v>0</v>
      </c>
      <c r="BC10" s="280">
        <v>0</v>
      </c>
      <c r="BD10" s="277">
        <v>4</v>
      </c>
      <c r="BE10" s="282">
        <v>4</v>
      </c>
      <c r="BF10" s="276">
        <v>0</v>
      </c>
      <c r="BG10" s="280">
        <v>0</v>
      </c>
      <c r="BH10" s="277">
        <v>0</v>
      </c>
      <c r="BI10" s="279">
        <v>0</v>
      </c>
      <c r="BJ10" s="280">
        <v>4</v>
      </c>
      <c r="BK10" s="280">
        <v>1</v>
      </c>
      <c r="BL10" s="280">
        <v>7</v>
      </c>
      <c r="BM10" s="280">
        <v>3</v>
      </c>
      <c r="BN10" s="280">
        <v>1</v>
      </c>
      <c r="BO10" s="281">
        <v>16</v>
      </c>
      <c r="BP10" s="282">
        <v>16</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0</v>
      </c>
      <c r="CS10" s="280">
        <v>0</v>
      </c>
      <c r="CT10" s="280">
        <v>0</v>
      </c>
      <c r="CU10" s="280">
        <v>0</v>
      </c>
      <c r="CV10" s="277">
        <v>0</v>
      </c>
      <c r="CW10" s="282">
        <v>0</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36</v>
      </c>
      <c r="AD11" s="280">
        <v>18</v>
      </c>
      <c r="AE11" s="280">
        <v>8</v>
      </c>
      <c r="AF11" s="280">
        <v>2</v>
      </c>
      <c r="AG11" s="280">
        <v>2</v>
      </c>
      <c r="AH11" s="277">
        <v>66</v>
      </c>
      <c r="AI11" s="282">
        <v>66</v>
      </c>
      <c r="AJ11" s="276">
        <v>0</v>
      </c>
      <c r="AK11" s="280">
        <v>0</v>
      </c>
      <c r="AL11" s="277">
        <v>0</v>
      </c>
      <c r="AM11" s="279">
        <v>0</v>
      </c>
      <c r="AN11" s="280">
        <v>0</v>
      </c>
      <c r="AO11" s="280">
        <v>1</v>
      </c>
      <c r="AP11" s="280">
        <v>0</v>
      </c>
      <c r="AQ11" s="280">
        <v>0</v>
      </c>
      <c r="AR11" s="280">
        <v>0</v>
      </c>
      <c r="AS11" s="277">
        <v>1</v>
      </c>
      <c r="AT11" s="282">
        <v>1</v>
      </c>
      <c r="AU11" s="276">
        <v>0</v>
      </c>
      <c r="AV11" s="280">
        <v>0</v>
      </c>
      <c r="AW11" s="277">
        <v>0</v>
      </c>
      <c r="AX11" s="279">
        <v>0</v>
      </c>
      <c r="AY11" s="280">
        <v>2</v>
      </c>
      <c r="AZ11" s="280">
        <v>0</v>
      </c>
      <c r="BA11" s="280">
        <v>1</v>
      </c>
      <c r="BB11" s="280">
        <v>1</v>
      </c>
      <c r="BC11" s="280">
        <v>0</v>
      </c>
      <c r="BD11" s="277">
        <v>4</v>
      </c>
      <c r="BE11" s="282">
        <v>4</v>
      </c>
      <c r="BF11" s="276">
        <v>0</v>
      </c>
      <c r="BG11" s="280">
        <v>0</v>
      </c>
      <c r="BH11" s="277">
        <v>0</v>
      </c>
      <c r="BI11" s="279">
        <v>0</v>
      </c>
      <c r="BJ11" s="280">
        <v>0</v>
      </c>
      <c r="BK11" s="280">
        <v>2</v>
      </c>
      <c r="BL11" s="280">
        <v>0</v>
      </c>
      <c r="BM11" s="280">
        <v>3</v>
      </c>
      <c r="BN11" s="280">
        <v>1</v>
      </c>
      <c r="BO11" s="281">
        <v>6</v>
      </c>
      <c r="BP11" s="282">
        <v>6</v>
      </c>
      <c r="BQ11" s="276">
        <v>0</v>
      </c>
      <c r="BR11" s="280">
        <v>0</v>
      </c>
      <c r="BS11" s="277">
        <v>0</v>
      </c>
      <c r="BT11" s="279">
        <v>0</v>
      </c>
      <c r="BU11" s="280">
        <v>0</v>
      </c>
      <c r="BV11" s="280">
        <v>0</v>
      </c>
      <c r="BW11" s="280">
        <v>0</v>
      </c>
      <c r="BX11" s="280">
        <v>1</v>
      </c>
      <c r="BY11" s="280">
        <v>0</v>
      </c>
      <c r="BZ11" s="277">
        <v>1</v>
      </c>
      <c r="CA11" s="282">
        <v>1</v>
      </c>
      <c r="CB11" s="276">
        <v>0</v>
      </c>
      <c r="CC11" s="280">
        <v>0</v>
      </c>
      <c r="CD11" s="277">
        <v>0</v>
      </c>
      <c r="CE11" s="279">
        <v>0</v>
      </c>
      <c r="CF11" s="280">
        <v>0</v>
      </c>
      <c r="CG11" s="280">
        <v>0</v>
      </c>
      <c r="CH11" s="280">
        <v>0</v>
      </c>
      <c r="CI11" s="280">
        <v>0</v>
      </c>
      <c r="CJ11" s="280">
        <v>1</v>
      </c>
      <c r="CK11" s="277">
        <v>1</v>
      </c>
      <c r="CL11" s="282">
        <v>1</v>
      </c>
      <c r="CM11" s="276">
        <v>0</v>
      </c>
      <c r="CN11" s="280">
        <v>0</v>
      </c>
      <c r="CO11" s="277">
        <v>0</v>
      </c>
      <c r="CP11" s="279">
        <v>0</v>
      </c>
      <c r="CQ11" s="280">
        <v>0</v>
      </c>
      <c r="CR11" s="280">
        <v>0</v>
      </c>
      <c r="CS11" s="280">
        <v>0</v>
      </c>
      <c r="CT11" s="280">
        <v>0</v>
      </c>
      <c r="CU11" s="280">
        <v>0</v>
      </c>
      <c r="CV11" s="277">
        <v>0</v>
      </c>
      <c r="CW11" s="282">
        <v>0</v>
      </c>
    </row>
    <row r="12" spans="1:101" ht="21" customHeight="1" x14ac:dyDescent="0.2">
      <c r="B12" s="261" t="s">
        <v>9</v>
      </c>
      <c r="C12" s="276">
        <v>0</v>
      </c>
      <c r="D12" s="277">
        <v>0</v>
      </c>
      <c r="E12" s="278">
        <v>0</v>
      </c>
      <c r="F12" s="279">
        <v>0</v>
      </c>
      <c r="G12" s="280">
        <v>1</v>
      </c>
      <c r="H12" s="280">
        <v>1</v>
      </c>
      <c r="I12" s="280">
        <v>1</v>
      </c>
      <c r="J12" s="280">
        <v>2</v>
      </c>
      <c r="K12" s="280">
        <v>1</v>
      </c>
      <c r="L12" s="281">
        <v>6</v>
      </c>
      <c r="M12" s="282">
        <v>6</v>
      </c>
      <c r="N12" s="276">
        <v>0</v>
      </c>
      <c r="O12" s="280">
        <v>0</v>
      </c>
      <c r="P12" s="277">
        <v>0</v>
      </c>
      <c r="Q12" s="279">
        <v>0</v>
      </c>
      <c r="R12" s="280">
        <v>0</v>
      </c>
      <c r="S12" s="280">
        <v>0</v>
      </c>
      <c r="T12" s="280">
        <v>0</v>
      </c>
      <c r="U12" s="280">
        <v>0</v>
      </c>
      <c r="V12" s="280">
        <v>0</v>
      </c>
      <c r="W12" s="277">
        <v>0</v>
      </c>
      <c r="X12" s="282">
        <v>0</v>
      </c>
      <c r="Y12" s="276">
        <v>0</v>
      </c>
      <c r="Z12" s="280">
        <v>1</v>
      </c>
      <c r="AA12" s="277">
        <v>1</v>
      </c>
      <c r="AB12" s="279">
        <v>0</v>
      </c>
      <c r="AC12" s="280">
        <v>42</v>
      </c>
      <c r="AD12" s="280">
        <v>25</v>
      </c>
      <c r="AE12" s="280">
        <v>19</v>
      </c>
      <c r="AF12" s="280">
        <v>7</v>
      </c>
      <c r="AG12" s="280">
        <v>2</v>
      </c>
      <c r="AH12" s="277">
        <v>95</v>
      </c>
      <c r="AI12" s="282">
        <v>96</v>
      </c>
      <c r="AJ12" s="276">
        <v>0</v>
      </c>
      <c r="AK12" s="280">
        <v>0</v>
      </c>
      <c r="AL12" s="277">
        <v>0</v>
      </c>
      <c r="AM12" s="279">
        <v>0</v>
      </c>
      <c r="AN12" s="280">
        <v>2</v>
      </c>
      <c r="AO12" s="280">
        <v>0</v>
      </c>
      <c r="AP12" s="280">
        <v>1</v>
      </c>
      <c r="AQ12" s="280">
        <v>1</v>
      </c>
      <c r="AR12" s="280">
        <v>1</v>
      </c>
      <c r="AS12" s="277">
        <v>5</v>
      </c>
      <c r="AT12" s="282">
        <v>5</v>
      </c>
      <c r="AU12" s="276">
        <v>1</v>
      </c>
      <c r="AV12" s="280">
        <v>1</v>
      </c>
      <c r="AW12" s="277">
        <v>2</v>
      </c>
      <c r="AX12" s="279">
        <v>0</v>
      </c>
      <c r="AY12" s="280">
        <v>6</v>
      </c>
      <c r="AZ12" s="280">
        <v>2</v>
      </c>
      <c r="BA12" s="280">
        <v>1</v>
      </c>
      <c r="BB12" s="280">
        <v>4</v>
      </c>
      <c r="BC12" s="280">
        <v>1</v>
      </c>
      <c r="BD12" s="277">
        <v>14</v>
      </c>
      <c r="BE12" s="282">
        <v>16</v>
      </c>
      <c r="BF12" s="276">
        <v>0</v>
      </c>
      <c r="BG12" s="280">
        <v>0</v>
      </c>
      <c r="BH12" s="277">
        <v>0</v>
      </c>
      <c r="BI12" s="279">
        <v>0</v>
      </c>
      <c r="BJ12" s="280">
        <v>0</v>
      </c>
      <c r="BK12" s="280">
        <v>8</v>
      </c>
      <c r="BL12" s="280">
        <v>7</v>
      </c>
      <c r="BM12" s="280">
        <v>2</v>
      </c>
      <c r="BN12" s="280">
        <v>0</v>
      </c>
      <c r="BO12" s="281">
        <v>17</v>
      </c>
      <c r="BP12" s="282">
        <v>17</v>
      </c>
      <c r="BQ12" s="276">
        <v>0</v>
      </c>
      <c r="BR12" s="280">
        <v>0</v>
      </c>
      <c r="BS12" s="277">
        <v>0</v>
      </c>
      <c r="BT12" s="279">
        <v>0</v>
      </c>
      <c r="BU12" s="280">
        <v>0</v>
      </c>
      <c r="BV12" s="280">
        <v>3</v>
      </c>
      <c r="BW12" s="280">
        <v>0</v>
      </c>
      <c r="BX12" s="280">
        <v>1</v>
      </c>
      <c r="BY12" s="280">
        <v>0</v>
      </c>
      <c r="BZ12" s="277">
        <v>4</v>
      </c>
      <c r="CA12" s="282">
        <v>4</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3</v>
      </c>
      <c r="CT12" s="280">
        <v>2</v>
      </c>
      <c r="CU12" s="280">
        <v>2</v>
      </c>
      <c r="CV12" s="277">
        <v>8</v>
      </c>
      <c r="CW12" s="282">
        <v>8</v>
      </c>
    </row>
    <row r="13" spans="1:101" ht="21" customHeight="1" x14ac:dyDescent="0.2">
      <c r="B13" s="261" t="s">
        <v>10</v>
      </c>
      <c r="C13" s="276">
        <v>0</v>
      </c>
      <c r="D13" s="277">
        <v>0</v>
      </c>
      <c r="E13" s="278">
        <v>0</v>
      </c>
      <c r="F13" s="279">
        <v>0</v>
      </c>
      <c r="G13" s="280">
        <v>2</v>
      </c>
      <c r="H13" s="280">
        <v>1</v>
      </c>
      <c r="I13" s="280">
        <v>2</v>
      </c>
      <c r="J13" s="280">
        <v>1</v>
      </c>
      <c r="K13" s="280">
        <v>0</v>
      </c>
      <c r="L13" s="281">
        <v>6</v>
      </c>
      <c r="M13" s="282">
        <v>6</v>
      </c>
      <c r="N13" s="276">
        <v>0</v>
      </c>
      <c r="O13" s="280">
        <v>0</v>
      </c>
      <c r="P13" s="277">
        <v>0</v>
      </c>
      <c r="Q13" s="279">
        <v>0</v>
      </c>
      <c r="R13" s="280">
        <v>1</v>
      </c>
      <c r="S13" s="280">
        <v>0</v>
      </c>
      <c r="T13" s="280">
        <v>1</v>
      </c>
      <c r="U13" s="280">
        <v>0</v>
      </c>
      <c r="V13" s="280">
        <v>0</v>
      </c>
      <c r="W13" s="277">
        <v>2</v>
      </c>
      <c r="X13" s="282">
        <v>2</v>
      </c>
      <c r="Y13" s="276">
        <v>0</v>
      </c>
      <c r="Z13" s="280">
        <v>0</v>
      </c>
      <c r="AA13" s="277">
        <v>0</v>
      </c>
      <c r="AB13" s="279">
        <v>0</v>
      </c>
      <c r="AC13" s="280">
        <v>39</v>
      </c>
      <c r="AD13" s="280">
        <v>19</v>
      </c>
      <c r="AE13" s="280">
        <v>10</v>
      </c>
      <c r="AF13" s="280">
        <v>1</v>
      </c>
      <c r="AG13" s="280">
        <v>1</v>
      </c>
      <c r="AH13" s="277">
        <v>70</v>
      </c>
      <c r="AI13" s="282">
        <v>70</v>
      </c>
      <c r="AJ13" s="276">
        <v>0</v>
      </c>
      <c r="AK13" s="280">
        <v>0</v>
      </c>
      <c r="AL13" s="277">
        <v>0</v>
      </c>
      <c r="AM13" s="279">
        <v>0</v>
      </c>
      <c r="AN13" s="280">
        <v>1</v>
      </c>
      <c r="AO13" s="280">
        <v>3</v>
      </c>
      <c r="AP13" s="280">
        <v>3</v>
      </c>
      <c r="AQ13" s="280">
        <v>1</v>
      </c>
      <c r="AR13" s="280">
        <v>1</v>
      </c>
      <c r="AS13" s="277">
        <v>9</v>
      </c>
      <c r="AT13" s="282">
        <v>9</v>
      </c>
      <c r="AU13" s="276">
        <v>2</v>
      </c>
      <c r="AV13" s="280">
        <v>2</v>
      </c>
      <c r="AW13" s="277">
        <v>4</v>
      </c>
      <c r="AX13" s="279">
        <v>0</v>
      </c>
      <c r="AY13" s="280">
        <v>5</v>
      </c>
      <c r="AZ13" s="280">
        <v>1</v>
      </c>
      <c r="BA13" s="280">
        <v>1</v>
      </c>
      <c r="BB13" s="280">
        <v>1</v>
      </c>
      <c r="BC13" s="280">
        <v>5</v>
      </c>
      <c r="BD13" s="277">
        <v>13</v>
      </c>
      <c r="BE13" s="282">
        <v>17</v>
      </c>
      <c r="BF13" s="276">
        <v>0</v>
      </c>
      <c r="BG13" s="280">
        <v>0</v>
      </c>
      <c r="BH13" s="277">
        <v>0</v>
      </c>
      <c r="BI13" s="279">
        <v>0</v>
      </c>
      <c r="BJ13" s="280">
        <v>1</v>
      </c>
      <c r="BK13" s="280">
        <v>6</v>
      </c>
      <c r="BL13" s="280">
        <v>7</v>
      </c>
      <c r="BM13" s="280">
        <v>8</v>
      </c>
      <c r="BN13" s="280">
        <v>8</v>
      </c>
      <c r="BO13" s="281">
        <v>30</v>
      </c>
      <c r="BP13" s="282">
        <v>30</v>
      </c>
      <c r="BQ13" s="276">
        <v>0</v>
      </c>
      <c r="BR13" s="280">
        <v>0</v>
      </c>
      <c r="BS13" s="277">
        <v>0</v>
      </c>
      <c r="BT13" s="279">
        <v>0</v>
      </c>
      <c r="BU13" s="280">
        <v>4</v>
      </c>
      <c r="BV13" s="280">
        <v>2</v>
      </c>
      <c r="BW13" s="280">
        <v>4</v>
      </c>
      <c r="BX13" s="280">
        <v>1</v>
      </c>
      <c r="BY13" s="280">
        <v>4</v>
      </c>
      <c r="BZ13" s="277">
        <v>15</v>
      </c>
      <c r="CA13" s="282">
        <v>15</v>
      </c>
      <c r="CB13" s="276">
        <v>0</v>
      </c>
      <c r="CC13" s="280">
        <v>0</v>
      </c>
      <c r="CD13" s="277">
        <v>0</v>
      </c>
      <c r="CE13" s="279">
        <v>0</v>
      </c>
      <c r="CF13" s="280">
        <v>0</v>
      </c>
      <c r="CG13" s="280">
        <v>0</v>
      </c>
      <c r="CH13" s="280">
        <v>0</v>
      </c>
      <c r="CI13" s="280">
        <v>3</v>
      </c>
      <c r="CJ13" s="280">
        <v>0</v>
      </c>
      <c r="CK13" s="277">
        <v>3</v>
      </c>
      <c r="CL13" s="282">
        <v>3</v>
      </c>
      <c r="CM13" s="276">
        <v>0</v>
      </c>
      <c r="CN13" s="280">
        <v>0</v>
      </c>
      <c r="CO13" s="277">
        <v>0</v>
      </c>
      <c r="CP13" s="279">
        <v>0</v>
      </c>
      <c r="CQ13" s="280">
        <v>1</v>
      </c>
      <c r="CR13" s="280">
        <v>1</v>
      </c>
      <c r="CS13" s="280">
        <v>0</v>
      </c>
      <c r="CT13" s="280">
        <v>0</v>
      </c>
      <c r="CU13" s="280">
        <v>3</v>
      </c>
      <c r="CV13" s="277">
        <v>5</v>
      </c>
      <c r="CW13" s="282">
        <v>5</v>
      </c>
    </row>
    <row r="14" spans="1:101" ht="21" customHeight="1" x14ac:dyDescent="0.2">
      <c r="B14" s="261" t="s">
        <v>11</v>
      </c>
      <c r="C14" s="276">
        <v>0</v>
      </c>
      <c r="D14" s="277">
        <v>0</v>
      </c>
      <c r="E14" s="278">
        <v>0</v>
      </c>
      <c r="F14" s="279">
        <v>0</v>
      </c>
      <c r="G14" s="280">
        <v>1</v>
      </c>
      <c r="H14" s="280">
        <v>1</v>
      </c>
      <c r="I14" s="280">
        <v>1</v>
      </c>
      <c r="J14" s="280">
        <v>1</v>
      </c>
      <c r="K14" s="280">
        <v>0</v>
      </c>
      <c r="L14" s="281">
        <v>4</v>
      </c>
      <c r="M14" s="282">
        <v>4</v>
      </c>
      <c r="N14" s="276">
        <v>0</v>
      </c>
      <c r="O14" s="280">
        <v>0</v>
      </c>
      <c r="P14" s="277">
        <v>0</v>
      </c>
      <c r="Q14" s="279">
        <v>0</v>
      </c>
      <c r="R14" s="280">
        <v>1</v>
      </c>
      <c r="S14" s="280">
        <v>1</v>
      </c>
      <c r="T14" s="280">
        <v>0</v>
      </c>
      <c r="U14" s="280">
        <v>0</v>
      </c>
      <c r="V14" s="280">
        <v>0</v>
      </c>
      <c r="W14" s="277">
        <v>2</v>
      </c>
      <c r="X14" s="282">
        <v>2</v>
      </c>
      <c r="Y14" s="276">
        <v>0</v>
      </c>
      <c r="Z14" s="280">
        <v>0</v>
      </c>
      <c r="AA14" s="277">
        <v>0</v>
      </c>
      <c r="AB14" s="279">
        <v>0</v>
      </c>
      <c r="AC14" s="280">
        <v>23</v>
      </c>
      <c r="AD14" s="280">
        <v>6</v>
      </c>
      <c r="AE14" s="280">
        <v>7</v>
      </c>
      <c r="AF14" s="280">
        <v>5</v>
      </c>
      <c r="AG14" s="280">
        <v>1</v>
      </c>
      <c r="AH14" s="277">
        <v>42</v>
      </c>
      <c r="AI14" s="282">
        <v>42</v>
      </c>
      <c r="AJ14" s="276">
        <v>0</v>
      </c>
      <c r="AK14" s="280">
        <v>0</v>
      </c>
      <c r="AL14" s="277">
        <v>0</v>
      </c>
      <c r="AM14" s="279">
        <v>0</v>
      </c>
      <c r="AN14" s="280">
        <v>0</v>
      </c>
      <c r="AO14" s="280">
        <v>0</v>
      </c>
      <c r="AP14" s="280">
        <v>0</v>
      </c>
      <c r="AQ14" s="280">
        <v>0</v>
      </c>
      <c r="AR14" s="280">
        <v>0</v>
      </c>
      <c r="AS14" s="277">
        <v>0</v>
      </c>
      <c r="AT14" s="282">
        <v>0</v>
      </c>
      <c r="AU14" s="276">
        <v>0</v>
      </c>
      <c r="AV14" s="280">
        <v>1</v>
      </c>
      <c r="AW14" s="277">
        <v>1</v>
      </c>
      <c r="AX14" s="279">
        <v>0</v>
      </c>
      <c r="AY14" s="280">
        <v>0</v>
      </c>
      <c r="AZ14" s="280">
        <v>1</v>
      </c>
      <c r="BA14" s="280">
        <v>1</v>
      </c>
      <c r="BB14" s="280">
        <v>0</v>
      </c>
      <c r="BC14" s="280">
        <v>0</v>
      </c>
      <c r="BD14" s="277">
        <v>2</v>
      </c>
      <c r="BE14" s="282">
        <v>3</v>
      </c>
      <c r="BF14" s="276">
        <v>0</v>
      </c>
      <c r="BG14" s="280">
        <v>0</v>
      </c>
      <c r="BH14" s="277">
        <v>0</v>
      </c>
      <c r="BI14" s="279">
        <v>0</v>
      </c>
      <c r="BJ14" s="280">
        <v>0</v>
      </c>
      <c r="BK14" s="280">
        <v>3</v>
      </c>
      <c r="BL14" s="280">
        <v>0</v>
      </c>
      <c r="BM14" s="280">
        <v>4</v>
      </c>
      <c r="BN14" s="280">
        <v>0</v>
      </c>
      <c r="BO14" s="281">
        <v>7</v>
      </c>
      <c r="BP14" s="282">
        <v>7</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0</v>
      </c>
      <c r="CS14" s="280">
        <v>0</v>
      </c>
      <c r="CT14" s="280">
        <v>0</v>
      </c>
      <c r="CU14" s="280">
        <v>0</v>
      </c>
      <c r="CV14" s="277">
        <v>0</v>
      </c>
      <c r="CW14" s="282">
        <v>0</v>
      </c>
    </row>
    <row r="15" spans="1:101" ht="21" customHeight="1" x14ac:dyDescent="0.2">
      <c r="B15" s="261" t="s">
        <v>12</v>
      </c>
      <c r="C15" s="276">
        <v>0</v>
      </c>
      <c r="D15" s="277">
        <v>0</v>
      </c>
      <c r="E15" s="278">
        <v>0</v>
      </c>
      <c r="F15" s="279">
        <v>0</v>
      </c>
      <c r="G15" s="280">
        <v>1</v>
      </c>
      <c r="H15" s="280">
        <v>0</v>
      </c>
      <c r="I15" s="280">
        <v>0</v>
      </c>
      <c r="J15" s="280">
        <v>0</v>
      </c>
      <c r="K15" s="280">
        <v>0</v>
      </c>
      <c r="L15" s="281">
        <v>1</v>
      </c>
      <c r="M15" s="282">
        <v>1</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16</v>
      </c>
      <c r="AD15" s="280">
        <v>12</v>
      </c>
      <c r="AE15" s="280">
        <v>6</v>
      </c>
      <c r="AF15" s="280">
        <v>8</v>
      </c>
      <c r="AG15" s="280">
        <v>1</v>
      </c>
      <c r="AH15" s="277">
        <v>43</v>
      </c>
      <c r="AI15" s="282">
        <v>43</v>
      </c>
      <c r="AJ15" s="276">
        <v>0</v>
      </c>
      <c r="AK15" s="280">
        <v>0</v>
      </c>
      <c r="AL15" s="277">
        <v>0</v>
      </c>
      <c r="AM15" s="279">
        <v>0</v>
      </c>
      <c r="AN15" s="280">
        <v>0</v>
      </c>
      <c r="AO15" s="280">
        <v>1</v>
      </c>
      <c r="AP15" s="280">
        <v>0</v>
      </c>
      <c r="AQ15" s="280">
        <v>0</v>
      </c>
      <c r="AR15" s="280">
        <v>0</v>
      </c>
      <c r="AS15" s="277">
        <v>1</v>
      </c>
      <c r="AT15" s="282">
        <v>1</v>
      </c>
      <c r="AU15" s="276">
        <v>0</v>
      </c>
      <c r="AV15" s="280">
        <v>0</v>
      </c>
      <c r="AW15" s="277">
        <v>0</v>
      </c>
      <c r="AX15" s="279">
        <v>0</v>
      </c>
      <c r="AY15" s="280">
        <v>1</v>
      </c>
      <c r="AZ15" s="280">
        <v>1</v>
      </c>
      <c r="BA15" s="280">
        <v>1</v>
      </c>
      <c r="BB15" s="280">
        <v>3</v>
      </c>
      <c r="BC15" s="280">
        <v>0</v>
      </c>
      <c r="BD15" s="277">
        <v>6</v>
      </c>
      <c r="BE15" s="282">
        <v>6</v>
      </c>
      <c r="BF15" s="276">
        <v>0</v>
      </c>
      <c r="BG15" s="280">
        <v>0</v>
      </c>
      <c r="BH15" s="277">
        <v>0</v>
      </c>
      <c r="BI15" s="279">
        <v>0</v>
      </c>
      <c r="BJ15" s="280">
        <v>3</v>
      </c>
      <c r="BK15" s="280">
        <v>1</v>
      </c>
      <c r="BL15" s="280">
        <v>1</v>
      </c>
      <c r="BM15" s="280">
        <v>3</v>
      </c>
      <c r="BN15" s="280">
        <v>1</v>
      </c>
      <c r="BO15" s="281">
        <v>9</v>
      </c>
      <c r="BP15" s="282">
        <v>9</v>
      </c>
      <c r="BQ15" s="276">
        <v>0</v>
      </c>
      <c r="BR15" s="280">
        <v>0</v>
      </c>
      <c r="BS15" s="277">
        <v>0</v>
      </c>
      <c r="BT15" s="279">
        <v>0</v>
      </c>
      <c r="BU15" s="280">
        <v>0</v>
      </c>
      <c r="BV15" s="280">
        <v>2</v>
      </c>
      <c r="BW15" s="280">
        <v>0</v>
      </c>
      <c r="BX15" s="280">
        <v>2</v>
      </c>
      <c r="BY15" s="280">
        <v>0</v>
      </c>
      <c r="BZ15" s="277">
        <v>4</v>
      </c>
      <c r="CA15" s="282">
        <v>4</v>
      </c>
      <c r="CB15" s="276">
        <v>0</v>
      </c>
      <c r="CC15" s="280">
        <v>0</v>
      </c>
      <c r="CD15" s="277">
        <v>0</v>
      </c>
      <c r="CE15" s="279">
        <v>0</v>
      </c>
      <c r="CF15" s="280">
        <v>0</v>
      </c>
      <c r="CG15" s="280">
        <v>0</v>
      </c>
      <c r="CH15" s="280">
        <v>1</v>
      </c>
      <c r="CI15" s="280">
        <v>0</v>
      </c>
      <c r="CJ15" s="280">
        <v>1</v>
      </c>
      <c r="CK15" s="277">
        <v>2</v>
      </c>
      <c r="CL15" s="282">
        <v>2</v>
      </c>
      <c r="CM15" s="276">
        <v>0</v>
      </c>
      <c r="CN15" s="280">
        <v>0</v>
      </c>
      <c r="CO15" s="277">
        <v>0</v>
      </c>
      <c r="CP15" s="279">
        <v>0</v>
      </c>
      <c r="CQ15" s="280">
        <v>0</v>
      </c>
      <c r="CR15" s="280">
        <v>0</v>
      </c>
      <c r="CS15" s="280">
        <v>0</v>
      </c>
      <c r="CT15" s="280">
        <v>3</v>
      </c>
      <c r="CU15" s="280">
        <v>4</v>
      </c>
      <c r="CV15" s="277">
        <v>7</v>
      </c>
      <c r="CW15" s="282">
        <v>7</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1</v>
      </c>
      <c r="AD16" s="280">
        <v>8</v>
      </c>
      <c r="AE16" s="280">
        <v>4</v>
      </c>
      <c r="AF16" s="280">
        <v>1</v>
      </c>
      <c r="AG16" s="280">
        <v>1</v>
      </c>
      <c r="AH16" s="277">
        <v>25</v>
      </c>
      <c r="AI16" s="282">
        <v>25</v>
      </c>
      <c r="AJ16" s="276">
        <v>0</v>
      </c>
      <c r="AK16" s="280">
        <v>0</v>
      </c>
      <c r="AL16" s="277">
        <v>0</v>
      </c>
      <c r="AM16" s="279">
        <v>0</v>
      </c>
      <c r="AN16" s="280">
        <v>0</v>
      </c>
      <c r="AO16" s="280">
        <v>0</v>
      </c>
      <c r="AP16" s="280">
        <v>0</v>
      </c>
      <c r="AQ16" s="280">
        <v>0</v>
      </c>
      <c r="AR16" s="280">
        <v>0</v>
      </c>
      <c r="AS16" s="277">
        <v>0</v>
      </c>
      <c r="AT16" s="282">
        <v>0</v>
      </c>
      <c r="AU16" s="276">
        <v>0</v>
      </c>
      <c r="AV16" s="280">
        <v>0</v>
      </c>
      <c r="AW16" s="277">
        <v>0</v>
      </c>
      <c r="AX16" s="279">
        <v>0</v>
      </c>
      <c r="AY16" s="280">
        <v>0</v>
      </c>
      <c r="AZ16" s="280">
        <v>1</v>
      </c>
      <c r="BA16" s="280">
        <v>1</v>
      </c>
      <c r="BB16" s="280">
        <v>0</v>
      </c>
      <c r="BC16" s="280">
        <v>0</v>
      </c>
      <c r="BD16" s="277">
        <v>2</v>
      </c>
      <c r="BE16" s="282">
        <v>2</v>
      </c>
      <c r="BF16" s="276">
        <v>0</v>
      </c>
      <c r="BG16" s="280">
        <v>0</v>
      </c>
      <c r="BH16" s="277">
        <v>0</v>
      </c>
      <c r="BI16" s="279">
        <v>0</v>
      </c>
      <c r="BJ16" s="280">
        <v>0</v>
      </c>
      <c r="BK16" s="280">
        <v>1</v>
      </c>
      <c r="BL16" s="280">
        <v>2</v>
      </c>
      <c r="BM16" s="280">
        <v>0</v>
      </c>
      <c r="BN16" s="280">
        <v>0</v>
      </c>
      <c r="BO16" s="281">
        <v>3</v>
      </c>
      <c r="BP16" s="282">
        <v>3</v>
      </c>
      <c r="BQ16" s="276">
        <v>0</v>
      </c>
      <c r="BR16" s="280">
        <v>0</v>
      </c>
      <c r="BS16" s="277">
        <v>0</v>
      </c>
      <c r="BT16" s="279">
        <v>0</v>
      </c>
      <c r="BU16" s="280">
        <v>0</v>
      </c>
      <c r="BV16" s="280">
        <v>0</v>
      </c>
      <c r="BW16" s="280">
        <v>2</v>
      </c>
      <c r="BX16" s="280">
        <v>0</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1</v>
      </c>
      <c r="I17" s="280">
        <v>0</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8</v>
      </c>
      <c r="AD17" s="280">
        <v>9</v>
      </c>
      <c r="AE17" s="280">
        <v>1</v>
      </c>
      <c r="AF17" s="280">
        <v>0</v>
      </c>
      <c r="AG17" s="280">
        <v>1</v>
      </c>
      <c r="AH17" s="277">
        <v>19</v>
      </c>
      <c r="AI17" s="282">
        <v>19</v>
      </c>
      <c r="AJ17" s="276">
        <v>0</v>
      </c>
      <c r="AK17" s="280">
        <v>0</v>
      </c>
      <c r="AL17" s="277">
        <v>0</v>
      </c>
      <c r="AM17" s="279">
        <v>0</v>
      </c>
      <c r="AN17" s="280">
        <v>0</v>
      </c>
      <c r="AO17" s="280">
        <v>0</v>
      </c>
      <c r="AP17" s="280">
        <v>0</v>
      </c>
      <c r="AQ17" s="280">
        <v>0</v>
      </c>
      <c r="AR17" s="280">
        <v>0</v>
      </c>
      <c r="AS17" s="277">
        <v>0</v>
      </c>
      <c r="AT17" s="282">
        <v>0</v>
      </c>
      <c r="AU17" s="276">
        <v>0</v>
      </c>
      <c r="AV17" s="280">
        <v>0</v>
      </c>
      <c r="AW17" s="277">
        <v>0</v>
      </c>
      <c r="AX17" s="279">
        <v>0</v>
      </c>
      <c r="AY17" s="280">
        <v>0</v>
      </c>
      <c r="AZ17" s="280">
        <v>0</v>
      </c>
      <c r="BA17" s="280">
        <v>0</v>
      </c>
      <c r="BB17" s="280">
        <v>0</v>
      </c>
      <c r="BC17" s="280">
        <v>0</v>
      </c>
      <c r="BD17" s="277">
        <v>0</v>
      </c>
      <c r="BE17" s="282">
        <v>0</v>
      </c>
      <c r="BF17" s="276">
        <v>0</v>
      </c>
      <c r="BG17" s="280">
        <v>0</v>
      </c>
      <c r="BH17" s="277">
        <v>0</v>
      </c>
      <c r="BI17" s="279">
        <v>0</v>
      </c>
      <c r="BJ17" s="280">
        <v>0</v>
      </c>
      <c r="BK17" s="280">
        <v>2</v>
      </c>
      <c r="BL17" s="280">
        <v>0</v>
      </c>
      <c r="BM17" s="280">
        <v>1</v>
      </c>
      <c r="BN17" s="280">
        <v>1</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1</v>
      </c>
      <c r="CI17" s="280">
        <v>0</v>
      </c>
      <c r="CJ17" s="280">
        <v>0</v>
      </c>
      <c r="CK17" s="277">
        <v>1</v>
      </c>
      <c r="CL17" s="282">
        <v>1</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0</v>
      </c>
      <c r="J18" s="280">
        <v>0</v>
      </c>
      <c r="K18" s="280">
        <v>2</v>
      </c>
      <c r="L18" s="281">
        <v>2</v>
      </c>
      <c r="M18" s="282">
        <v>2</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8</v>
      </c>
      <c r="AD18" s="280">
        <v>8</v>
      </c>
      <c r="AE18" s="280">
        <v>4</v>
      </c>
      <c r="AF18" s="280">
        <v>0</v>
      </c>
      <c r="AG18" s="280">
        <v>1</v>
      </c>
      <c r="AH18" s="277">
        <v>21</v>
      </c>
      <c r="AI18" s="282">
        <v>21</v>
      </c>
      <c r="AJ18" s="276">
        <v>0</v>
      </c>
      <c r="AK18" s="280">
        <v>0</v>
      </c>
      <c r="AL18" s="277">
        <v>0</v>
      </c>
      <c r="AM18" s="279">
        <v>0</v>
      </c>
      <c r="AN18" s="280">
        <v>1</v>
      </c>
      <c r="AO18" s="280">
        <v>1</v>
      </c>
      <c r="AP18" s="280">
        <v>1</v>
      </c>
      <c r="AQ18" s="280">
        <v>0</v>
      </c>
      <c r="AR18" s="280">
        <v>0</v>
      </c>
      <c r="AS18" s="277">
        <v>3</v>
      </c>
      <c r="AT18" s="282">
        <v>3</v>
      </c>
      <c r="AU18" s="276">
        <v>0</v>
      </c>
      <c r="AV18" s="280">
        <v>0</v>
      </c>
      <c r="AW18" s="277">
        <v>0</v>
      </c>
      <c r="AX18" s="279">
        <v>0</v>
      </c>
      <c r="AY18" s="280">
        <v>0</v>
      </c>
      <c r="AZ18" s="280">
        <v>0</v>
      </c>
      <c r="BA18" s="280">
        <v>0</v>
      </c>
      <c r="BB18" s="280">
        <v>0</v>
      </c>
      <c r="BC18" s="280">
        <v>1</v>
      </c>
      <c r="BD18" s="277">
        <v>1</v>
      </c>
      <c r="BE18" s="282">
        <v>1</v>
      </c>
      <c r="BF18" s="276">
        <v>0</v>
      </c>
      <c r="BG18" s="280">
        <v>0</v>
      </c>
      <c r="BH18" s="277">
        <v>0</v>
      </c>
      <c r="BI18" s="279">
        <v>0</v>
      </c>
      <c r="BJ18" s="280">
        <v>1</v>
      </c>
      <c r="BK18" s="280">
        <v>0</v>
      </c>
      <c r="BL18" s="280">
        <v>3</v>
      </c>
      <c r="BM18" s="280">
        <v>2</v>
      </c>
      <c r="BN18" s="280">
        <v>1</v>
      </c>
      <c r="BO18" s="281">
        <v>7</v>
      </c>
      <c r="BP18" s="282">
        <v>7</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0</v>
      </c>
      <c r="CS18" s="280">
        <v>0</v>
      </c>
      <c r="CT18" s="280">
        <v>0</v>
      </c>
      <c r="CU18" s="280">
        <v>0</v>
      </c>
      <c r="CV18" s="277">
        <v>0</v>
      </c>
      <c r="CW18" s="282">
        <v>0</v>
      </c>
    </row>
    <row r="19" spans="2:101" ht="21" customHeight="1" x14ac:dyDescent="0.2">
      <c r="B19" s="261" t="s">
        <v>17</v>
      </c>
      <c r="C19" s="276">
        <v>0</v>
      </c>
      <c r="D19" s="277">
        <v>0</v>
      </c>
      <c r="E19" s="278">
        <v>0</v>
      </c>
      <c r="F19" s="279">
        <v>0</v>
      </c>
      <c r="G19" s="280">
        <v>0</v>
      </c>
      <c r="H19" s="280">
        <v>0</v>
      </c>
      <c r="I19" s="280">
        <v>0</v>
      </c>
      <c r="J19" s="280">
        <v>0</v>
      </c>
      <c r="K19" s="280">
        <v>0</v>
      </c>
      <c r="L19" s="281">
        <v>0</v>
      </c>
      <c r="M19" s="282">
        <v>0</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0</v>
      </c>
      <c r="AD19" s="280">
        <v>14</v>
      </c>
      <c r="AE19" s="280">
        <v>9</v>
      </c>
      <c r="AF19" s="280">
        <v>5</v>
      </c>
      <c r="AG19" s="280">
        <v>2</v>
      </c>
      <c r="AH19" s="277">
        <v>40</v>
      </c>
      <c r="AI19" s="282">
        <v>40</v>
      </c>
      <c r="AJ19" s="276">
        <v>0</v>
      </c>
      <c r="AK19" s="280">
        <v>0</v>
      </c>
      <c r="AL19" s="277">
        <v>0</v>
      </c>
      <c r="AM19" s="279">
        <v>0</v>
      </c>
      <c r="AN19" s="280">
        <v>0</v>
      </c>
      <c r="AO19" s="280">
        <v>0</v>
      </c>
      <c r="AP19" s="280">
        <v>0</v>
      </c>
      <c r="AQ19" s="280">
        <v>0</v>
      </c>
      <c r="AR19" s="280">
        <v>0</v>
      </c>
      <c r="AS19" s="277">
        <v>0</v>
      </c>
      <c r="AT19" s="282">
        <v>0</v>
      </c>
      <c r="AU19" s="276">
        <v>0</v>
      </c>
      <c r="AV19" s="280">
        <v>0</v>
      </c>
      <c r="AW19" s="277">
        <v>0</v>
      </c>
      <c r="AX19" s="279">
        <v>0</v>
      </c>
      <c r="AY19" s="280">
        <v>1</v>
      </c>
      <c r="AZ19" s="280">
        <v>1</v>
      </c>
      <c r="BA19" s="280">
        <v>1</v>
      </c>
      <c r="BB19" s="280">
        <v>1</v>
      </c>
      <c r="BC19" s="280">
        <v>1</v>
      </c>
      <c r="BD19" s="277">
        <v>5</v>
      </c>
      <c r="BE19" s="282">
        <v>5</v>
      </c>
      <c r="BF19" s="276">
        <v>0</v>
      </c>
      <c r="BG19" s="280">
        <v>0</v>
      </c>
      <c r="BH19" s="277">
        <v>0</v>
      </c>
      <c r="BI19" s="279">
        <v>0</v>
      </c>
      <c r="BJ19" s="280">
        <v>2</v>
      </c>
      <c r="BK19" s="280">
        <v>4</v>
      </c>
      <c r="BL19" s="280">
        <v>3</v>
      </c>
      <c r="BM19" s="280">
        <v>4</v>
      </c>
      <c r="BN19" s="280">
        <v>5</v>
      </c>
      <c r="BO19" s="281">
        <v>18</v>
      </c>
      <c r="BP19" s="282">
        <v>18</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1</v>
      </c>
      <c r="CI19" s="280">
        <v>1</v>
      </c>
      <c r="CJ19" s="280">
        <v>2</v>
      </c>
      <c r="CK19" s="277">
        <v>4</v>
      </c>
      <c r="CL19" s="282">
        <v>4</v>
      </c>
      <c r="CM19" s="276">
        <v>0</v>
      </c>
      <c r="CN19" s="280">
        <v>0</v>
      </c>
      <c r="CO19" s="277">
        <v>0</v>
      </c>
      <c r="CP19" s="279">
        <v>0</v>
      </c>
      <c r="CQ19" s="280">
        <v>0</v>
      </c>
      <c r="CR19" s="280">
        <v>0</v>
      </c>
      <c r="CS19" s="280">
        <v>0</v>
      </c>
      <c r="CT19" s="280">
        <v>0</v>
      </c>
      <c r="CU19" s="280">
        <v>0</v>
      </c>
      <c r="CV19" s="277">
        <v>0</v>
      </c>
      <c r="CW19" s="282">
        <v>0</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19</v>
      </c>
      <c r="AD20" s="280">
        <v>7</v>
      </c>
      <c r="AE20" s="280">
        <v>8</v>
      </c>
      <c r="AF20" s="280">
        <v>1</v>
      </c>
      <c r="AG20" s="280">
        <v>0</v>
      </c>
      <c r="AH20" s="277">
        <v>35</v>
      </c>
      <c r="AI20" s="282">
        <v>35</v>
      </c>
      <c r="AJ20" s="276">
        <v>0</v>
      </c>
      <c r="AK20" s="280">
        <v>0</v>
      </c>
      <c r="AL20" s="277">
        <v>0</v>
      </c>
      <c r="AM20" s="279">
        <v>0</v>
      </c>
      <c r="AN20" s="280">
        <v>1</v>
      </c>
      <c r="AO20" s="280">
        <v>0</v>
      </c>
      <c r="AP20" s="280">
        <v>2</v>
      </c>
      <c r="AQ20" s="280">
        <v>0</v>
      </c>
      <c r="AR20" s="280">
        <v>0</v>
      </c>
      <c r="AS20" s="277">
        <v>3</v>
      </c>
      <c r="AT20" s="282">
        <v>3</v>
      </c>
      <c r="AU20" s="276">
        <v>0</v>
      </c>
      <c r="AV20" s="280">
        <v>0</v>
      </c>
      <c r="AW20" s="277">
        <v>0</v>
      </c>
      <c r="AX20" s="279">
        <v>0</v>
      </c>
      <c r="AY20" s="280">
        <v>1</v>
      </c>
      <c r="AZ20" s="280">
        <v>0</v>
      </c>
      <c r="BA20" s="280">
        <v>0</v>
      </c>
      <c r="BB20" s="280">
        <v>0</v>
      </c>
      <c r="BC20" s="280">
        <v>0</v>
      </c>
      <c r="BD20" s="277">
        <v>1</v>
      </c>
      <c r="BE20" s="282">
        <v>1</v>
      </c>
      <c r="BF20" s="276">
        <v>0</v>
      </c>
      <c r="BG20" s="280">
        <v>0</v>
      </c>
      <c r="BH20" s="277">
        <v>0</v>
      </c>
      <c r="BI20" s="279">
        <v>0</v>
      </c>
      <c r="BJ20" s="280">
        <v>0</v>
      </c>
      <c r="BK20" s="280">
        <v>2</v>
      </c>
      <c r="BL20" s="280">
        <v>5</v>
      </c>
      <c r="BM20" s="280">
        <v>0</v>
      </c>
      <c r="BN20" s="280">
        <v>1</v>
      </c>
      <c r="BO20" s="281">
        <v>8</v>
      </c>
      <c r="BP20" s="282">
        <v>8</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1</v>
      </c>
      <c r="CJ20" s="280">
        <v>0</v>
      </c>
      <c r="CK20" s="277">
        <v>1</v>
      </c>
      <c r="CL20" s="282">
        <v>1</v>
      </c>
      <c r="CM20" s="276">
        <v>0</v>
      </c>
      <c r="CN20" s="280">
        <v>0</v>
      </c>
      <c r="CO20" s="277">
        <v>0</v>
      </c>
      <c r="CP20" s="279">
        <v>0</v>
      </c>
      <c r="CQ20" s="280">
        <v>0</v>
      </c>
      <c r="CR20" s="280">
        <v>0</v>
      </c>
      <c r="CS20" s="280">
        <v>0</v>
      </c>
      <c r="CT20" s="280">
        <v>1</v>
      </c>
      <c r="CU20" s="280">
        <v>3</v>
      </c>
      <c r="CV20" s="277">
        <v>4</v>
      </c>
      <c r="CW20" s="282">
        <v>4</v>
      </c>
    </row>
    <row r="21" spans="2:101" ht="21" customHeight="1" x14ac:dyDescent="0.2">
      <c r="B21" s="261" t="s">
        <v>19</v>
      </c>
      <c r="C21" s="276">
        <v>0</v>
      </c>
      <c r="D21" s="277">
        <v>0</v>
      </c>
      <c r="E21" s="278">
        <v>0</v>
      </c>
      <c r="F21" s="279">
        <v>0</v>
      </c>
      <c r="G21" s="280">
        <v>0</v>
      </c>
      <c r="H21" s="280">
        <v>1</v>
      </c>
      <c r="I21" s="280">
        <v>0</v>
      </c>
      <c r="J21" s="280">
        <v>2</v>
      </c>
      <c r="K21" s="280">
        <v>0</v>
      </c>
      <c r="L21" s="281">
        <v>3</v>
      </c>
      <c r="M21" s="282">
        <v>3</v>
      </c>
      <c r="N21" s="276">
        <v>0</v>
      </c>
      <c r="O21" s="280">
        <v>0</v>
      </c>
      <c r="P21" s="277">
        <v>0</v>
      </c>
      <c r="Q21" s="279">
        <v>0</v>
      </c>
      <c r="R21" s="280">
        <v>0</v>
      </c>
      <c r="S21" s="280">
        <v>0</v>
      </c>
      <c r="T21" s="280">
        <v>0</v>
      </c>
      <c r="U21" s="280">
        <v>1</v>
      </c>
      <c r="V21" s="280">
        <v>0</v>
      </c>
      <c r="W21" s="277">
        <v>1</v>
      </c>
      <c r="X21" s="282">
        <v>1</v>
      </c>
      <c r="Y21" s="276">
        <v>0</v>
      </c>
      <c r="Z21" s="280">
        <v>0</v>
      </c>
      <c r="AA21" s="277">
        <v>0</v>
      </c>
      <c r="AB21" s="279">
        <v>0</v>
      </c>
      <c r="AC21" s="280">
        <v>8</v>
      </c>
      <c r="AD21" s="280">
        <v>6</v>
      </c>
      <c r="AE21" s="280">
        <v>1</v>
      </c>
      <c r="AF21" s="280">
        <v>1</v>
      </c>
      <c r="AG21" s="280">
        <v>0</v>
      </c>
      <c r="AH21" s="277">
        <v>16</v>
      </c>
      <c r="AI21" s="282">
        <v>16</v>
      </c>
      <c r="AJ21" s="276">
        <v>0</v>
      </c>
      <c r="AK21" s="280">
        <v>0</v>
      </c>
      <c r="AL21" s="277">
        <v>0</v>
      </c>
      <c r="AM21" s="279">
        <v>0</v>
      </c>
      <c r="AN21" s="280">
        <v>1</v>
      </c>
      <c r="AO21" s="280">
        <v>2</v>
      </c>
      <c r="AP21" s="280">
        <v>0</v>
      </c>
      <c r="AQ21" s="280">
        <v>0</v>
      </c>
      <c r="AR21" s="280">
        <v>0</v>
      </c>
      <c r="AS21" s="277">
        <v>3</v>
      </c>
      <c r="AT21" s="282">
        <v>3</v>
      </c>
      <c r="AU21" s="276">
        <v>0</v>
      </c>
      <c r="AV21" s="280">
        <v>0</v>
      </c>
      <c r="AW21" s="277">
        <v>0</v>
      </c>
      <c r="AX21" s="279">
        <v>0</v>
      </c>
      <c r="AY21" s="280">
        <v>1</v>
      </c>
      <c r="AZ21" s="280">
        <v>0</v>
      </c>
      <c r="BA21" s="280">
        <v>1</v>
      </c>
      <c r="BB21" s="280">
        <v>1</v>
      </c>
      <c r="BC21" s="280">
        <v>0</v>
      </c>
      <c r="BD21" s="277">
        <v>3</v>
      </c>
      <c r="BE21" s="282">
        <v>3</v>
      </c>
      <c r="BF21" s="276">
        <v>0</v>
      </c>
      <c r="BG21" s="280">
        <v>0</v>
      </c>
      <c r="BH21" s="277">
        <v>0</v>
      </c>
      <c r="BI21" s="279">
        <v>0</v>
      </c>
      <c r="BJ21" s="280">
        <v>0</v>
      </c>
      <c r="BK21" s="280">
        <v>0</v>
      </c>
      <c r="BL21" s="280">
        <v>0</v>
      </c>
      <c r="BM21" s="280">
        <v>1</v>
      </c>
      <c r="BN21" s="280">
        <v>0</v>
      </c>
      <c r="BO21" s="281">
        <v>1</v>
      </c>
      <c r="BP21" s="282">
        <v>1</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9</v>
      </c>
      <c r="AD22" s="280">
        <v>5</v>
      </c>
      <c r="AE22" s="280">
        <v>1</v>
      </c>
      <c r="AF22" s="280">
        <v>0</v>
      </c>
      <c r="AG22" s="280">
        <v>0</v>
      </c>
      <c r="AH22" s="277">
        <v>15</v>
      </c>
      <c r="AI22" s="282">
        <v>15</v>
      </c>
      <c r="AJ22" s="276">
        <v>0</v>
      </c>
      <c r="AK22" s="280">
        <v>0</v>
      </c>
      <c r="AL22" s="277">
        <v>0</v>
      </c>
      <c r="AM22" s="279">
        <v>0</v>
      </c>
      <c r="AN22" s="280">
        <v>0</v>
      </c>
      <c r="AO22" s="280">
        <v>0</v>
      </c>
      <c r="AP22" s="280">
        <v>0</v>
      </c>
      <c r="AQ22" s="280">
        <v>0</v>
      </c>
      <c r="AR22" s="280">
        <v>0</v>
      </c>
      <c r="AS22" s="277">
        <v>0</v>
      </c>
      <c r="AT22" s="282">
        <v>0</v>
      </c>
      <c r="AU22" s="276">
        <v>0</v>
      </c>
      <c r="AV22" s="280">
        <v>1</v>
      </c>
      <c r="AW22" s="277">
        <v>1</v>
      </c>
      <c r="AX22" s="279">
        <v>0</v>
      </c>
      <c r="AY22" s="280">
        <v>1</v>
      </c>
      <c r="AZ22" s="280">
        <v>0</v>
      </c>
      <c r="BA22" s="280">
        <v>2</v>
      </c>
      <c r="BB22" s="280">
        <v>0</v>
      </c>
      <c r="BC22" s="280">
        <v>0</v>
      </c>
      <c r="BD22" s="277">
        <v>3</v>
      </c>
      <c r="BE22" s="282">
        <v>4</v>
      </c>
      <c r="BF22" s="276">
        <v>0</v>
      </c>
      <c r="BG22" s="280">
        <v>0</v>
      </c>
      <c r="BH22" s="277">
        <v>0</v>
      </c>
      <c r="BI22" s="279">
        <v>0</v>
      </c>
      <c r="BJ22" s="280">
        <v>1</v>
      </c>
      <c r="BK22" s="280">
        <v>1</v>
      </c>
      <c r="BL22" s="280">
        <v>1</v>
      </c>
      <c r="BM22" s="280">
        <v>0</v>
      </c>
      <c r="BN22" s="280">
        <v>1</v>
      </c>
      <c r="BO22" s="281">
        <v>4</v>
      </c>
      <c r="BP22" s="282">
        <v>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0</v>
      </c>
      <c r="I23" s="280">
        <v>0</v>
      </c>
      <c r="J23" s="280">
        <v>0</v>
      </c>
      <c r="K23" s="280">
        <v>0</v>
      </c>
      <c r="L23" s="281">
        <v>0</v>
      </c>
      <c r="M23" s="282">
        <v>0</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2</v>
      </c>
      <c r="AD23" s="280">
        <v>4</v>
      </c>
      <c r="AE23" s="280">
        <v>2</v>
      </c>
      <c r="AF23" s="280">
        <v>1</v>
      </c>
      <c r="AG23" s="280">
        <v>0</v>
      </c>
      <c r="AH23" s="277">
        <v>19</v>
      </c>
      <c r="AI23" s="282">
        <v>19</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1</v>
      </c>
      <c r="AZ23" s="280">
        <v>0</v>
      </c>
      <c r="BA23" s="280">
        <v>0</v>
      </c>
      <c r="BB23" s="280">
        <v>1</v>
      </c>
      <c r="BC23" s="280">
        <v>0</v>
      </c>
      <c r="BD23" s="277">
        <v>2</v>
      </c>
      <c r="BE23" s="282">
        <v>2</v>
      </c>
      <c r="BF23" s="276">
        <v>0</v>
      </c>
      <c r="BG23" s="280">
        <v>0</v>
      </c>
      <c r="BH23" s="277">
        <v>0</v>
      </c>
      <c r="BI23" s="279">
        <v>0</v>
      </c>
      <c r="BJ23" s="280">
        <v>1</v>
      </c>
      <c r="BK23" s="280">
        <v>1</v>
      </c>
      <c r="BL23" s="280">
        <v>1</v>
      </c>
      <c r="BM23" s="280">
        <v>2</v>
      </c>
      <c r="BN23" s="280">
        <v>1</v>
      </c>
      <c r="BO23" s="281">
        <v>6</v>
      </c>
      <c r="BP23" s="282">
        <v>6</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1</v>
      </c>
      <c r="CT23" s="280">
        <v>0</v>
      </c>
      <c r="CU23" s="280">
        <v>0</v>
      </c>
      <c r="CV23" s="277">
        <v>1</v>
      </c>
      <c r="CW23" s="282">
        <v>1</v>
      </c>
    </row>
    <row r="24" spans="2:101" ht="21" customHeight="1" x14ac:dyDescent="0.2">
      <c r="B24" s="261" t="s">
        <v>22</v>
      </c>
      <c r="C24" s="276">
        <v>0</v>
      </c>
      <c r="D24" s="277">
        <v>0</v>
      </c>
      <c r="E24" s="278">
        <v>0</v>
      </c>
      <c r="F24" s="279">
        <v>0</v>
      </c>
      <c r="G24" s="280">
        <v>3</v>
      </c>
      <c r="H24" s="280">
        <v>1</v>
      </c>
      <c r="I24" s="280">
        <v>0</v>
      </c>
      <c r="J24" s="280">
        <v>0</v>
      </c>
      <c r="K24" s="280">
        <v>0</v>
      </c>
      <c r="L24" s="281">
        <v>4</v>
      </c>
      <c r="M24" s="282">
        <v>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9</v>
      </c>
      <c r="AD24" s="280">
        <v>3</v>
      </c>
      <c r="AE24" s="280">
        <v>0</v>
      </c>
      <c r="AF24" s="280">
        <v>1</v>
      </c>
      <c r="AG24" s="280">
        <v>0</v>
      </c>
      <c r="AH24" s="277">
        <v>13</v>
      </c>
      <c r="AI24" s="282">
        <v>13</v>
      </c>
      <c r="AJ24" s="276">
        <v>0</v>
      </c>
      <c r="AK24" s="280">
        <v>0</v>
      </c>
      <c r="AL24" s="277">
        <v>0</v>
      </c>
      <c r="AM24" s="279">
        <v>0</v>
      </c>
      <c r="AN24" s="280">
        <v>0</v>
      </c>
      <c r="AO24" s="280">
        <v>0</v>
      </c>
      <c r="AP24" s="280">
        <v>1</v>
      </c>
      <c r="AQ24" s="280">
        <v>0</v>
      </c>
      <c r="AR24" s="280">
        <v>0</v>
      </c>
      <c r="AS24" s="277">
        <v>1</v>
      </c>
      <c r="AT24" s="282">
        <v>1</v>
      </c>
      <c r="AU24" s="276">
        <v>1</v>
      </c>
      <c r="AV24" s="280">
        <v>0</v>
      </c>
      <c r="AW24" s="277">
        <v>1</v>
      </c>
      <c r="AX24" s="279">
        <v>0</v>
      </c>
      <c r="AY24" s="280">
        <v>0</v>
      </c>
      <c r="AZ24" s="280">
        <v>2</v>
      </c>
      <c r="BA24" s="280">
        <v>0</v>
      </c>
      <c r="BB24" s="280">
        <v>0</v>
      </c>
      <c r="BC24" s="280">
        <v>0</v>
      </c>
      <c r="BD24" s="277">
        <v>2</v>
      </c>
      <c r="BE24" s="282">
        <v>3</v>
      </c>
      <c r="BF24" s="276">
        <v>0</v>
      </c>
      <c r="BG24" s="280">
        <v>0</v>
      </c>
      <c r="BH24" s="277">
        <v>0</v>
      </c>
      <c r="BI24" s="279">
        <v>0</v>
      </c>
      <c r="BJ24" s="280">
        <v>1</v>
      </c>
      <c r="BK24" s="280">
        <v>0</v>
      </c>
      <c r="BL24" s="280">
        <v>1</v>
      </c>
      <c r="BM24" s="280">
        <v>0</v>
      </c>
      <c r="BN24" s="280">
        <v>0</v>
      </c>
      <c r="BO24" s="281">
        <v>2</v>
      </c>
      <c r="BP24" s="282">
        <v>2</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2</v>
      </c>
      <c r="CJ24" s="280">
        <v>0</v>
      </c>
      <c r="CK24" s="277">
        <v>2</v>
      </c>
      <c r="CL24" s="282">
        <v>2</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2</v>
      </c>
      <c r="AD25" s="280">
        <v>3</v>
      </c>
      <c r="AE25" s="280">
        <v>1</v>
      </c>
      <c r="AF25" s="280">
        <v>0</v>
      </c>
      <c r="AG25" s="280">
        <v>1</v>
      </c>
      <c r="AH25" s="277">
        <v>7</v>
      </c>
      <c r="AI25" s="282">
        <v>7</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1</v>
      </c>
      <c r="BK25" s="280">
        <v>1</v>
      </c>
      <c r="BL25" s="280">
        <v>2</v>
      </c>
      <c r="BM25" s="280">
        <v>0</v>
      </c>
      <c r="BN25" s="280">
        <v>0</v>
      </c>
      <c r="BO25" s="281">
        <v>4</v>
      </c>
      <c r="BP25" s="282">
        <v>4</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0</v>
      </c>
      <c r="J26" s="280">
        <v>1</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0</v>
      </c>
      <c r="AD26" s="280">
        <v>0</v>
      </c>
      <c r="AE26" s="280">
        <v>2</v>
      </c>
      <c r="AF26" s="280">
        <v>0</v>
      </c>
      <c r="AG26" s="280">
        <v>0</v>
      </c>
      <c r="AH26" s="277">
        <v>2</v>
      </c>
      <c r="AI26" s="282">
        <v>2</v>
      </c>
      <c r="AJ26" s="276">
        <v>0</v>
      </c>
      <c r="AK26" s="280">
        <v>0</v>
      </c>
      <c r="AL26" s="277">
        <v>0</v>
      </c>
      <c r="AM26" s="279">
        <v>0</v>
      </c>
      <c r="AN26" s="280">
        <v>0</v>
      </c>
      <c r="AO26" s="280">
        <v>1</v>
      </c>
      <c r="AP26" s="280">
        <v>0</v>
      </c>
      <c r="AQ26" s="280">
        <v>0</v>
      </c>
      <c r="AR26" s="280">
        <v>1</v>
      </c>
      <c r="AS26" s="277">
        <v>2</v>
      </c>
      <c r="AT26" s="282">
        <v>2</v>
      </c>
      <c r="AU26" s="276">
        <v>0</v>
      </c>
      <c r="AV26" s="280">
        <v>1</v>
      </c>
      <c r="AW26" s="277">
        <v>1</v>
      </c>
      <c r="AX26" s="279">
        <v>0</v>
      </c>
      <c r="AY26" s="280">
        <v>3</v>
      </c>
      <c r="AZ26" s="280">
        <v>0</v>
      </c>
      <c r="BA26" s="280">
        <v>2</v>
      </c>
      <c r="BB26" s="280">
        <v>0</v>
      </c>
      <c r="BC26" s="280">
        <v>1</v>
      </c>
      <c r="BD26" s="277">
        <v>6</v>
      </c>
      <c r="BE26" s="282">
        <v>7</v>
      </c>
      <c r="BF26" s="276">
        <v>0</v>
      </c>
      <c r="BG26" s="280">
        <v>0</v>
      </c>
      <c r="BH26" s="277">
        <v>0</v>
      </c>
      <c r="BI26" s="279">
        <v>0</v>
      </c>
      <c r="BJ26" s="280">
        <v>0</v>
      </c>
      <c r="BK26" s="280">
        <v>0</v>
      </c>
      <c r="BL26" s="280">
        <v>1</v>
      </c>
      <c r="BM26" s="280">
        <v>1</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3</v>
      </c>
      <c r="AD27" s="280">
        <v>1</v>
      </c>
      <c r="AE27" s="280">
        <v>1</v>
      </c>
      <c r="AF27" s="280">
        <v>0</v>
      </c>
      <c r="AG27" s="280">
        <v>0</v>
      </c>
      <c r="AH27" s="277">
        <v>5</v>
      </c>
      <c r="AI27" s="282">
        <v>5</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0</v>
      </c>
      <c r="AZ27" s="280">
        <v>0</v>
      </c>
      <c r="BA27" s="280">
        <v>0</v>
      </c>
      <c r="BB27" s="280">
        <v>0</v>
      </c>
      <c r="BC27" s="280">
        <v>0</v>
      </c>
      <c r="BD27" s="277">
        <v>0</v>
      </c>
      <c r="BE27" s="282">
        <v>0</v>
      </c>
      <c r="BF27" s="276">
        <v>0</v>
      </c>
      <c r="BG27" s="280">
        <v>0</v>
      </c>
      <c r="BH27" s="277">
        <v>0</v>
      </c>
      <c r="BI27" s="279">
        <v>0</v>
      </c>
      <c r="BJ27" s="280">
        <v>1</v>
      </c>
      <c r="BK27" s="280">
        <v>1</v>
      </c>
      <c r="BL27" s="280">
        <v>1</v>
      </c>
      <c r="BM27" s="280">
        <v>0</v>
      </c>
      <c r="BN27" s="280">
        <v>0</v>
      </c>
      <c r="BO27" s="281">
        <v>3</v>
      </c>
      <c r="BP27" s="282">
        <v>3</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v>
      </c>
      <c r="AD28" s="280">
        <v>0</v>
      </c>
      <c r="AE28" s="280">
        <v>2</v>
      </c>
      <c r="AF28" s="280">
        <v>0</v>
      </c>
      <c r="AG28" s="280">
        <v>0</v>
      </c>
      <c r="AH28" s="277">
        <v>6</v>
      </c>
      <c r="AI28" s="282">
        <v>6</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1</v>
      </c>
      <c r="AZ28" s="280">
        <v>0</v>
      </c>
      <c r="BA28" s="280">
        <v>0</v>
      </c>
      <c r="BB28" s="280">
        <v>0</v>
      </c>
      <c r="BC28" s="280">
        <v>0</v>
      </c>
      <c r="BD28" s="277">
        <v>1</v>
      </c>
      <c r="BE28" s="282">
        <v>1</v>
      </c>
      <c r="BF28" s="276">
        <v>0</v>
      </c>
      <c r="BG28" s="280">
        <v>0</v>
      </c>
      <c r="BH28" s="277">
        <v>0</v>
      </c>
      <c r="BI28" s="279">
        <v>0</v>
      </c>
      <c r="BJ28" s="280">
        <v>0</v>
      </c>
      <c r="BK28" s="280">
        <v>0</v>
      </c>
      <c r="BL28" s="280">
        <v>1</v>
      </c>
      <c r="BM28" s="280">
        <v>1</v>
      </c>
      <c r="BN28" s="280">
        <v>2</v>
      </c>
      <c r="BO28" s="281">
        <v>4</v>
      </c>
      <c r="BP28" s="282">
        <v>4</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0</v>
      </c>
      <c r="J29" s="280">
        <v>0</v>
      </c>
      <c r="K29" s="280">
        <v>0</v>
      </c>
      <c r="L29" s="281">
        <v>0</v>
      </c>
      <c r="M29" s="282">
        <v>0</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2</v>
      </c>
      <c r="AD29" s="280">
        <v>0</v>
      </c>
      <c r="AE29" s="280">
        <v>0</v>
      </c>
      <c r="AF29" s="280">
        <v>0</v>
      </c>
      <c r="AG29" s="280">
        <v>0</v>
      </c>
      <c r="AH29" s="277">
        <v>2</v>
      </c>
      <c r="AI29" s="282">
        <v>2</v>
      </c>
      <c r="AJ29" s="276">
        <v>0</v>
      </c>
      <c r="AK29" s="280">
        <v>0</v>
      </c>
      <c r="AL29" s="277">
        <v>0</v>
      </c>
      <c r="AM29" s="279">
        <v>0</v>
      </c>
      <c r="AN29" s="280">
        <v>0</v>
      </c>
      <c r="AO29" s="280">
        <v>1</v>
      </c>
      <c r="AP29" s="280">
        <v>1</v>
      </c>
      <c r="AQ29" s="280">
        <v>0</v>
      </c>
      <c r="AR29" s="280">
        <v>0</v>
      </c>
      <c r="AS29" s="277">
        <v>2</v>
      </c>
      <c r="AT29" s="282">
        <v>2</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0</v>
      </c>
      <c r="BM29" s="280">
        <v>0</v>
      </c>
      <c r="BN29" s="280">
        <v>0</v>
      </c>
      <c r="BO29" s="281">
        <v>0</v>
      </c>
      <c r="BP29" s="282">
        <v>0</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0</v>
      </c>
      <c r="BO30" s="281">
        <v>0</v>
      </c>
      <c r="BP30" s="282">
        <v>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v>
      </c>
      <c r="AE31" s="280">
        <v>0</v>
      </c>
      <c r="AF31" s="280">
        <v>0</v>
      </c>
      <c r="AG31" s="280">
        <v>0</v>
      </c>
      <c r="AH31" s="277">
        <v>1</v>
      </c>
      <c r="AI31" s="282">
        <v>1</v>
      </c>
      <c r="AJ31" s="276">
        <v>0</v>
      </c>
      <c r="AK31" s="280">
        <v>0</v>
      </c>
      <c r="AL31" s="277">
        <v>0</v>
      </c>
      <c r="AM31" s="279">
        <v>0</v>
      </c>
      <c r="AN31" s="280">
        <v>0</v>
      </c>
      <c r="AO31" s="280">
        <v>0</v>
      </c>
      <c r="AP31" s="280">
        <v>1</v>
      </c>
      <c r="AQ31" s="280">
        <v>0</v>
      </c>
      <c r="AR31" s="280">
        <v>0</v>
      </c>
      <c r="AS31" s="277">
        <v>1</v>
      </c>
      <c r="AT31" s="282">
        <v>1</v>
      </c>
      <c r="AU31" s="276">
        <v>0</v>
      </c>
      <c r="AV31" s="280">
        <v>0</v>
      </c>
      <c r="AW31" s="277">
        <v>0</v>
      </c>
      <c r="AX31" s="279">
        <v>0</v>
      </c>
      <c r="AY31" s="280">
        <v>3</v>
      </c>
      <c r="AZ31" s="280">
        <v>0</v>
      </c>
      <c r="BA31" s="280">
        <v>1</v>
      </c>
      <c r="BB31" s="280">
        <v>0</v>
      </c>
      <c r="BC31" s="280">
        <v>0</v>
      </c>
      <c r="BD31" s="277">
        <v>4</v>
      </c>
      <c r="BE31" s="282">
        <v>4</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1</v>
      </c>
      <c r="AP32" s="280">
        <v>0</v>
      </c>
      <c r="AQ32" s="280">
        <v>0</v>
      </c>
      <c r="AR32" s="280">
        <v>0</v>
      </c>
      <c r="AS32" s="277">
        <v>1</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0</v>
      </c>
      <c r="BN32" s="280">
        <v>0</v>
      </c>
      <c r="BO32" s="281">
        <v>0</v>
      </c>
      <c r="BP32" s="282">
        <v>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1</v>
      </c>
      <c r="I33" s="280">
        <v>0</v>
      </c>
      <c r="J33" s="280">
        <v>0</v>
      </c>
      <c r="K33" s="280">
        <v>0</v>
      </c>
      <c r="L33" s="281">
        <v>1</v>
      </c>
      <c r="M33" s="282">
        <v>1</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2</v>
      </c>
      <c r="AD33" s="280">
        <v>1</v>
      </c>
      <c r="AE33" s="280">
        <v>1</v>
      </c>
      <c r="AF33" s="280">
        <v>0</v>
      </c>
      <c r="AG33" s="280">
        <v>0</v>
      </c>
      <c r="AH33" s="277">
        <v>4</v>
      </c>
      <c r="AI33" s="282">
        <v>4</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0</v>
      </c>
      <c r="BB33" s="280">
        <v>0</v>
      </c>
      <c r="BC33" s="280">
        <v>0</v>
      </c>
      <c r="BD33" s="277">
        <v>1</v>
      </c>
      <c r="BE33" s="282">
        <v>1</v>
      </c>
      <c r="BF33" s="276">
        <v>0</v>
      </c>
      <c r="BG33" s="280">
        <v>0</v>
      </c>
      <c r="BH33" s="277">
        <v>0</v>
      </c>
      <c r="BI33" s="279">
        <v>0</v>
      </c>
      <c r="BJ33" s="280">
        <v>0</v>
      </c>
      <c r="BK33" s="280">
        <v>0</v>
      </c>
      <c r="BL33" s="280">
        <v>0</v>
      </c>
      <c r="BM33" s="280">
        <v>0</v>
      </c>
      <c r="BN33" s="280">
        <v>1</v>
      </c>
      <c r="BO33" s="281">
        <v>1</v>
      </c>
      <c r="BP33" s="282">
        <v>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1</v>
      </c>
      <c r="I34" s="280">
        <v>0</v>
      </c>
      <c r="J34" s="280">
        <v>0</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1</v>
      </c>
      <c r="AD34" s="280">
        <v>2</v>
      </c>
      <c r="AE34" s="280">
        <v>1</v>
      </c>
      <c r="AF34" s="280">
        <v>1</v>
      </c>
      <c r="AG34" s="280">
        <v>0</v>
      </c>
      <c r="AH34" s="277">
        <v>5</v>
      </c>
      <c r="AI34" s="282">
        <v>5</v>
      </c>
      <c r="AJ34" s="276">
        <v>0</v>
      </c>
      <c r="AK34" s="280">
        <v>0</v>
      </c>
      <c r="AL34" s="277">
        <v>0</v>
      </c>
      <c r="AM34" s="279">
        <v>0</v>
      </c>
      <c r="AN34" s="280">
        <v>1</v>
      </c>
      <c r="AO34" s="280">
        <v>0</v>
      </c>
      <c r="AP34" s="280">
        <v>0</v>
      </c>
      <c r="AQ34" s="280">
        <v>0</v>
      </c>
      <c r="AR34" s="280">
        <v>0</v>
      </c>
      <c r="AS34" s="277">
        <v>1</v>
      </c>
      <c r="AT34" s="282">
        <v>1</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1</v>
      </c>
      <c r="BK34" s="280">
        <v>0</v>
      </c>
      <c r="BL34" s="280">
        <v>1</v>
      </c>
      <c r="BM34" s="280">
        <v>0</v>
      </c>
      <c r="BN34" s="280">
        <v>1</v>
      </c>
      <c r="BO34" s="281">
        <v>3</v>
      </c>
      <c r="BP34" s="282">
        <v>3</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0</v>
      </c>
      <c r="CI34" s="280">
        <v>1</v>
      </c>
      <c r="CJ34" s="280">
        <v>0</v>
      </c>
      <c r="CK34" s="277">
        <v>2</v>
      </c>
      <c r="CL34" s="282">
        <v>2</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v>
      </c>
      <c r="AD35" s="280">
        <v>0</v>
      </c>
      <c r="AE35" s="280">
        <v>2</v>
      </c>
      <c r="AF35" s="280">
        <v>0</v>
      </c>
      <c r="AG35" s="280">
        <v>0</v>
      </c>
      <c r="AH35" s="277">
        <v>4</v>
      </c>
      <c r="AI35" s="282">
        <v>4</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1</v>
      </c>
      <c r="CV35" s="277">
        <v>1</v>
      </c>
      <c r="CW35" s="282">
        <v>1</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0</v>
      </c>
      <c r="CV36" s="277">
        <v>1</v>
      </c>
      <c r="CW36" s="282">
        <v>1</v>
      </c>
    </row>
    <row r="37" spans="2:101" ht="21" customHeight="1" x14ac:dyDescent="0.2">
      <c r="B37" s="261" t="s">
        <v>35</v>
      </c>
      <c r="C37" s="276">
        <v>0</v>
      </c>
      <c r="D37" s="277">
        <v>0</v>
      </c>
      <c r="E37" s="278">
        <v>0</v>
      </c>
      <c r="F37" s="279">
        <v>0</v>
      </c>
      <c r="G37" s="280">
        <v>0</v>
      </c>
      <c r="H37" s="280">
        <v>0</v>
      </c>
      <c r="I37" s="280">
        <v>0</v>
      </c>
      <c r="J37" s="280">
        <v>0</v>
      </c>
      <c r="K37" s="280">
        <v>0</v>
      </c>
      <c r="L37" s="281">
        <v>0</v>
      </c>
      <c r="M37" s="282">
        <v>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v>
      </c>
      <c r="AD37" s="280">
        <v>1</v>
      </c>
      <c r="AE37" s="280">
        <v>0</v>
      </c>
      <c r="AF37" s="280">
        <v>0</v>
      </c>
      <c r="AG37" s="280">
        <v>0</v>
      </c>
      <c r="AH37" s="277">
        <v>2</v>
      </c>
      <c r="AI37" s="282">
        <v>2</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1</v>
      </c>
      <c r="BC37" s="280">
        <v>0</v>
      </c>
      <c r="BD37" s="277">
        <v>1</v>
      </c>
      <c r="BE37" s="282">
        <v>1</v>
      </c>
      <c r="BF37" s="276">
        <v>0</v>
      </c>
      <c r="BG37" s="280">
        <v>0</v>
      </c>
      <c r="BH37" s="277">
        <v>0</v>
      </c>
      <c r="BI37" s="279">
        <v>0</v>
      </c>
      <c r="BJ37" s="280">
        <v>0</v>
      </c>
      <c r="BK37" s="280">
        <v>0</v>
      </c>
      <c r="BL37" s="280">
        <v>0</v>
      </c>
      <c r="BM37" s="280">
        <v>1</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1</v>
      </c>
      <c r="AD38" s="280">
        <v>1</v>
      </c>
      <c r="AE38" s="280">
        <v>0</v>
      </c>
      <c r="AF38" s="280">
        <v>2</v>
      </c>
      <c r="AG38" s="280">
        <v>0</v>
      </c>
      <c r="AH38" s="277">
        <v>4</v>
      </c>
      <c r="AI38" s="282">
        <v>4</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1</v>
      </c>
      <c r="AZ38" s="280">
        <v>0</v>
      </c>
      <c r="BA38" s="280">
        <v>0</v>
      </c>
      <c r="BB38" s="280">
        <v>0</v>
      </c>
      <c r="BC38" s="280">
        <v>0</v>
      </c>
      <c r="BD38" s="277">
        <v>1</v>
      </c>
      <c r="BE38" s="282">
        <v>1</v>
      </c>
      <c r="BF38" s="276">
        <v>0</v>
      </c>
      <c r="BG38" s="280">
        <v>0</v>
      </c>
      <c r="BH38" s="277">
        <v>0</v>
      </c>
      <c r="BI38" s="279">
        <v>0</v>
      </c>
      <c r="BJ38" s="280">
        <v>1</v>
      </c>
      <c r="BK38" s="280">
        <v>0</v>
      </c>
      <c r="BL38" s="280">
        <v>1</v>
      </c>
      <c r="BM38" s="280">
        <v>1</v>
      </c>
      <c r="BN38" s="280">
        <v>0</v>
      </c>
      <c r="BO38" s="281">
        <v>3</v>
      </c>
      <c r="BP38" s="282">
        <v>3</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8" style="255" customWidth="1"/>
    <col min="18" max="16384" width="9" style="255"/>
  </cols>
  <sheetData>
    <row r="1" spans="2:24" ht="24" customHeight="1" x14ac:dyDescent="0.2">
      <c r="B1" s="290" t="s">
        <v>125</v>
      </c>
      <c r="H1" s="524">
        <f>第１表!F2</f>
        <v>4</v>
      </c>
      <c r="I1" s="524"/>
      <c r="J1" s="248">
        <f>第１表!G2</f>
        <v>11</v>
      </c>
      <c r="K1" s="529">
        <f>IF(J1&lt;3,J1+12-2,J1-2)</f>
        <v>9</v>
      </c>
      <c r="L1" s="529"/>
    </row>
    <row r="2" spans="2:24" ht="24" customHeight="1" thickBot="1" x14ac:dyDescent="0.25">
      <c r="B2" s="290" t="s">
        <v>133</v>
      </c>
    </row>
    <row r="3" spans="2:24" ht="21"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101542</v>
      </c>
      <c r="H6" s="273">
        <v>100414</v>
      </c>
      <c r="I6" s="273">
        <v>60168</v>
      </c>
      <c r="J6" s="273">
        <v>31865</v>
      </c>
      <c r="K6" s="273">
        <v>13977</v>
      </c>
      <c r="L6" s="270">
        <v>307966</v>
      </c>
      <c r="M6" s="275">
        <v>307966</v>
      </c>
      <c r="N6" s="273">
        <v>43</v>
      </c>
      <c r="O6" s="273">
        <v>43</v>
      </c>
      <c r="P6" s="270">
        <v>86</v>
      </c>
      <c r="Q6" s="272">
        <v>0</v>
      </c>
      <c r="R6" s="273">
        <v>6746</v>
      </c>
      <c r="S6" s="273">
        <v>9138</v>
      </c>
      <c r="T6" s="273">
        <v>12349</v>
      </c>
      <c r="U6" s="273">
        <v>6475</v>
      </c>
      <c r="V6" s="273">
        <v>5366</v>
      </c>
      <c r="W6" s="270">
        <v>40074</v>
      </c>
      <c r="X6" s="275">
        <v>40160</v>
      </c>
    </row>
    <row r="7" spans="2:24" ht="21" customHeight="1" x14ac:dyDescent="0.2">
      <c r="B7" s="256" t="s">
        <v>5</v>
      </c>
      <c r="C7" s="280">
        <v>0</v>
      </c>
      <c r="D7" s="280">
        <v>0</v>
      </c>
      <c r="E7" s="277">
        <v>0</v>
      </c>
      <c r="F7" s="279">
        <v>0</v>
      </c>
      <c r="G7" s="280">
        <v>34339</v>
      </c>
      <c r="H7" s="280">
        <v>45789</v>
      </c>
      <c r="I7" s="280">
        <v>26768</v>
      </c>
      <c r="J7" s="280">
        <v>14474</v>
      </c>
      <c r="K7" s="280">
        <v>6706</v>
      </c>
      <c r="L7" s="277">
        <v>128076</v>
      </c>
      <c r="M7" s="282">
        <v>128076</v>
      </c>
      <c r="N7" s="280">
        <v>15</v>
      </c>
      <c r="O7" s="280">
        <v>14</v>
      </c>
      <c r="P7" s="277">
        <v>29</v>
      </c>
      <c r="Q7" s="279">
        <v>0</v>
      </c>
      <c r="R7" s="280">
        <v>3174</v>
      </c>
      <c r="S7" s="280">
        <v>4893</v>
      </c>
      <c r="T7" s="280">
        <v>6602</v>
      </c>
      <c r="U7" s="280">
        <v>3548</v>
      </c>
      <c r="V7" s="280">
        <v>3103</v>
      </c>
      <c r="W7" s="277">
        <v>21320</v>
      </c>
      <c r="X7" s="282">
        <v>21349</v>
      </c>
    </row>
    <row r="8" spans="2:24" ht="21" customHeight="1" x14ac:dyDescent="0.2">
      <c r="B8" s="256" t="s">
        <v>6</v>
      </c>
      <c r="C8" s="280">
        <v>0</v>
      </c>
      <c r="D8" s="280">
        <v>0</v>
      </c>
      <c r="E8" s="277">
        <v>0</v>
      </c>
      <c r="F8" s="279">
        <v>0</v>
      </c>
      <c r="G8" s="280">
        <v>15141</v>
      </c>
      <c r="H8" s="280">
        <v>11017</v>
      </c>
      <c r="I8" s="280">
        <v>7103</v>
      </c>
      <c r="J8" s="280">
        <v>4098</v>
      </c>
      <c r="K8" s="280">
        <v>1748</v>
      </c>
      <c r="L8" s="277">
        <v>39107</v>
      </c>
      <c r="M8" s="282">
        <v>39107</v>
      </c>
      <c r="N8" s="280">
        <v>11</v>
      </c>
      <c r="O8" s="280">
        <v>4</v>
      </c>
      <c r="P8" s="277">
        <v>15</v>
      </c>
      <c r="Q8" s="279">
        <v>0</v>
      </c>
      <c r="R8" s="280">
        <v>1598</v>
      </c>
      <c r="S8" s="280">
        <v>1849</v>
      </c>
      <c r="T8" s="280">
        <v>2370</v>
      </c>
      <c r="U8" s="280">
        <v>1482</v>
      </c>
      <c r="V8" s="280">
        <v>949</v>
      </c>
      <c r="W8" s="277">
        <v>8248</v>
      </c>
      <c r="X8" s="282">
        <v>8263</v>
      </c>
    </row>
    <row r="9" spans="2:24" ht="21" customHeight="1" x14ac:dyDescent="0.2">
      <c r="B9" s="256" t="s">
        <v>14</v>
      </c>
      <c r="C9" s="280">
        <v>0</v>
      </c>
      <c r="D9" s="280">
        <v>0</v>
      </c>
      <c r="E9" s="277">
        <v>0</v>
      </c>
      <c r="F9" s="279">
        <v>0</v>
      </c>
      <c r="G9" s="280">
        <v>7757</v>
      </c>
      <c r="H9" s="280">
        <v>8976</v>
      </c>
      <c r="I9" s="280">
        <v>5484</v>
      </c>
      <c r="J9" s="280">
        <v>3084</v>
      </c>
      <c r="K9" s="280">
        <v>1277</v>
      </c>
      <c r="L9" s="277">
        <v>26578</v>
      </c>
      <c r="M9" s="282">
        <v>26578</v>
      </c>
      <c r="N9" s="280">
        <v>4</v>
      </c>
      <c r="O9" s="280">
        <v>0</v>
      </c>
      <c r="P9" s="277">
        <v>4</v>
      </c>
      <c r="Q9" s="279">
        <v>0</v>
      </c>
      <c r="R9" s="280">
        <v>135</v>
      </c>
      <c r="S9" s="280">
        <v>312</v>
      </c>
      <c r="T9" s="280">
        <v>370</v>
      </c>
      <c r="U9" s="280">
        <v>203</v>
      </c>
      <c r="V9" s="280">
        <v>298</v>
      </c>
      <c r="W9" s="277">
        <v>1318</v>
      </c>
      <c r="X9" s="282">
        <v>1322</v>
      </c>
    </row>
    <row r="10" spans="2:24" ht="21" customHeight="1" x14ac:dyDescent="0.2">
      <c r="B10" s="256" t="s">
        <v>7</v>
      </c>
      <c r="C10" s="280">
        <v>0</v>
      </c>
      <c r="D10" s="280">
        <v>0</v>
      </c>
      <c r="E10" s="277">
        <v>0</v>
      </c>
      <c r="F10" s="279">
        <v>0</v>
      </c>
      <c r="G10" s="280">
        <v>7951</v>
      </c>
      <c r="H10" s="280">
        <v>5238</v>
      </c>
      <c r="I10" s="280">
        <v>2953</v>
      </c>
      <c r="J10" s="280">
        <v>1212</v>
      </c>
      <c r="K10" s="280">
        <v>466</v>
      </c>
      <c r="L10" s="277">
        <v>17820</v>
      </c>
      <c r="M10" s="282">
        <v>17820</v>
      </c>
      <c r="N10" s="280">
        <v>0</v>
      </c>
      <c r="O10" s="280">
        <v>0</v>
      </c>
      <c r="P10" s="277">
        <v>0</v>
      </c>
      <c r="Q10" s="279">
        <v>0</v>
      </c>
      <c r="R10" s="280">
        <v>793</v>
      </c>
      <c r="S10" s="280">
        <v>894</v>
      </c>
      <c r="T10" s="280">
        <v>1230</v>
      </c>
      <c r="U10" s="280">
        <v>436</v>
      </c>
      <c r="V10" s="280">
        <v>205</v>
      </c>
      <c r="W10" s="277">
        <v>3558</v>
      </c>
      <c r="X10" s="282">
        <v>3558</v>
      </c>
    </row>
    <row r="11" spans="2:24" ht="21" customHeight="1" x14ac:dyDescent="0.2">
      <c r="B11" s="256" t="s">
        <v>8</v>
      </c>
      <c r="C11" s="280">
        <v>0</v>
      </c>
      <c r="D11" s="280">
        <v>0</v>
      </c>
      <c r="E11" s="277">
        <v>0</v>
      </c>
      <c r="F11" s="279">
        <v>0</v>
      </c>
      <c r="G11" s="280">
        <v>4807</v>
      </c>
      <c r="H11" s="280">
        <v>4542</v>
      </c>
      <c r="I11" s="280">
        <v>2708</v>
      </c>
      <c r="J11" s="280">
        <v>1098</v>
      </c>
      <c r="K11" s="280">
        <v>380</v>
      </c>
      <c r="L11" s="277">
        <v>13535</v>
      </c>
      <c r="M11" s="282">
        <v>13535</v>
      </c>
      <c r="N11" s="280">
        <v>0</v>
      </c>
      <c r="O11" s="280">
        <v>0</v>
      </c>
      <c r="P11" s="277">
        <v>0</v>
      </c>
      <c r="Q11" s="279">
        <v>0</v>
      </c>
      <c r="R11" s="280">
        <v>68</v>
      </c>
      <c r="S11" s="280">
        <v>83</v>
      </c>
      <c r="T11" s="280">
        <v>103</v>
      </c>
      <c r="U11" s="280">
        <v>71</v>
      </c>
      <c r="V11" s="280">
        <v>94</v>
      </c>
      <c r="W11" s="277">
        <v>419</v>
      </c>
      <c r="X11" s="282">
        <v>419</v>
      </c>
    </row>
    <row r="12" spans="2:24" ht="21" customHeight="1" x14ac:dyDescent="0.2">
      <c r="B12" s="256" t="s">
        <v>9</v>
      </c>
      <c r="C12" s="280">
        <v>0</v>
      </c>
      <c r="D12" s="280">
        <v>0</v>
      </c>
      <c r="E12" s="277">
        <v>0</v>
      </c>
      <c r="F12" s="279">
        <v>0</v>
      </c>
      <c r="G12" s="280">
        <v>3047</v>
      </c>
      <c r="H12" s="280">
        <v>2234</v>
      </c>
      <c r="I12" s="280">
        <v>1684</v>
      </c>
      <c r="J12" s="280">
        <v>873</v>
      </c>
      <c r="K12" s="280">
        <v>266</v>
      </c>
      <c r="L12" s="277">
        <v>8104</v>
      </c>
      <c r="M12" s="282">
        <v>8104</v>
      </c>
      <c r="N12" s="280">
        <v>0</v>
      </c>
      <c r="O12" s="280">
        <v>0</v>
      </c>
      <c r="P12" s="277">
        <v>0</v>
      </c>
      <c r="Q12" s="279">
        <v>0</v>
      </c>
      <c r="R12" s="280">
        <v>60</v>
      </c>
      <c r="S12" s="280">
        <v>52</v>
      </c>
      <c r="T12" s="280">
        <v>79</v>
      </c>
      <c r="U12" s="280">
        <v>69</v>
      </c>
      <c r="V12" s="280">
        <v>45</v>
      </c>
      <c r="W12" s="277">
        <v>305</v>
      </c>
      <c r="X12" s="282">
        <v>305</v>
      </c>
    </row>
    <row r="13" spans="2:24" ht="21" customHeight="1" x14ac:dyDescent="0.2">
      <c r="B13" s="256" t="s">
        <v>10</v>
      </c>
      <c r="C13" s="280">
        <v>0</v>
      </c>
      <c r="D13" s="280">
        <v>0</v>
      </c>
      <c r="E13" s="277">
        <v>0</v>
      </c>
      <c r="F13" s="279">
        <v>0</v>
      </c>
      <c r="G13" s="280">
        <v>4567</v>
      </c>
      <c r="H13" s="280">
        <v>2384</v>
      </c>
      <c r="I13" s="280">
        <v>1184</v>
      </c>
      <c r="J13" s="280">
        <v>612</v>
      </c>
      <c r="K13" s="280">
        <v>322</v>
      </c>
      <c r="L13" s="277">
        <v>9069</v>
      </c>
      <c r="M13" s="282">
        <v>9069</v>
      </c>
      <c r="N13" s="280">
        <v>0</v>
      </c>
      <c r="O13" s="280">
        <v>4</v>
      </c>
      <c r="P13" s="277">
        <v>4</v>
      </c>
      <c r="Q13" s="279">
        <v>0</v>
      </c>
      <c r="R13" s="280">
        <v>72</v>
      </c>
      <c r="S13" s="280">
        <v>123</v>
      </c>
      <c r="T13" s="280">
        <v>274</v>
      </c>
      <c r="U13" s="280">
        <v>114</v>
      </c>
      <c r="V13" s="280">
        <v>137</v>
      </c>
      <c r="W13" s="277">
        <v>720</v>
      </c>
      <c r="X13" s="282">
        <v>724</v>
      </c>
    </row>
    <row r="14" spans="2:24" ht="21" customHeight="1" x14ac:dyDescent="0.2">
      <c r="B14" s="256" t="s">
        <v>11</v>
      </c>
      <c r="C14" s="280">
        <v>0</v>
      </c>
      <c r="D14" s="280">
        <v>0</v>
      </c>
      <c r="E14" s="277">
        <v>0</v>
      </c>
      <c r="F14" s="279">
        <v>0</v>
      </c>
      <c r="G14" s="280">
        <v>4402</v>
      </c>
      <c r="H14" s="280">
        <v>2452</v>
      </c>
      <c r="I14" s="280">
        <v>1697</v>
      </c>
      <c r="J14" s="280">
        <v>930</v>
      </c>
      <c r="K14" s="280">
        <v>318</v>
      </c>
      <c r="L14" s="277">
        <v>9799</v>
      </c>
      <c r="M14" s="282">
        <v>9799</v>
      </c>
      <c r="N14" s="280">
        <v>0</v>
      </c>
      <c r="O14" s="280">
        <v>9</v>
      </c>
      <c r="P14" s="277">
        <v>9</v>
      </c>
      <c r="Q14" s="279">
        <v>0</v>
      </c>
      <c r="R14" s="280">
        <v>126</v>
      </c>
      <c r="S14" s="280">
        <v>85</v>
      </c>
      <c r="T14" s="280">
        <v>105</v>
      </c>
      <c r="U14" s="280">
        <v>12</v>
      </c>
      <c r="V14" s="280">
        <v>11</v>
      </c>
      <c r="W14" s="277">
        <v>339</v>
      </c>
      <c r="X14" s="282">
        <v>348</v>
      </c>
    </row>
    <row r="15" spans="2:24" ht="21" customHeight="1" x14ac:dyDescent="0.2">
      <c r="B15" s="256" t="s">
        <v>12</v>
      </c>
      <c r="C15" s="280">
        <v>0</v>
      </c>
      <c r="D15" s="280">
        <v>0</v>
      </c>
      <c r="E15" s="277">
        <v>0</v>
      </c>
      <c r="F15" s="279">
        <v>0</v>
      </c>
      <c r="G15" s="280">
        <v>3089</v>
      </c>
      <c r="H15" s="280">
        <v>2105</v>
      </c>
      <c r="I15" s="280">
        <v>1499</v>
      </c>
      <c r="J15" s="280">
        <v>797</v>
      </c>
      <c r="K15" s="280">
        <v>277</v>
      </c>
      <c r="L15" s="277">
        <v>7767</v>
      </c>
      <c r="M15" s="282">
        <v>7767</v>
      </c>
      <c r="N15" s="280">
        <v>0</v>
      </c>
      <c r="O15" s="280">
        <v>0</v>
      </c>
      <c r="P15" s="277">
        <v>0</v>
      </c>
      <c r="Q15" s="279">
        <v>0</v>
      </c>
      <c r="R15" s="280">
        <v>37</v>
      </c>
      <c r="S15" s="280">
        <v>26</v>
      </c>
      <c r="T15" s="280">
        <v>0</v>
      </c>
      <c r="U15" s="280">
        <v>16</v>
      </c>
      <c r="V15" s="280">
        <v>12</v>
      </c>
      <c r="W15" s="277">
        <v>91</v>
      </c>
      <c r="X15" s="282">
        <v>91</v>
      </c>
    </row>
    <row r="16" spans="2:24" ht="21" customHeight="1" x14ac:dyDescent="0.2">
      <c r="B16" s="256" t="s">
        <v>13</v>
      </c>
      <c r="C16" s="280">
        <v>0</v>
      </c>
      <c r="D16" s="280">
        <v>0</v>
      </c>
      <c r="E16" s="277">
        <v>0</v>
      </c>
      <c r="F16" s="279">
        <v>0</v>
      </c>
      <c r="G16" s="280">
        <v>938</v>
      </c>
      <c r="H16" s="280">
        <v>1026</v>
      </c>
      <c r="I16" s="280">
        <v>584</v>
      </c>
      <c r="J16" s="280">
        <v>297</v>
      </c>
      <c r="K16" s="280">
        <v>94</v>
      </c>
      <c r="L16" s="277">
        <v>2939</v>
      </c>
      <c r="M16" s="282">
        <v>2939</v>
      </c>
      <c r="N16" s="280">
        <v>0</v>
      </c>
      <c r="O16" s="280">
        <v>0</v>
      </c>
      <c r="P16" s="277">
        <v>0</v>
      </c>
      <c r="Q16" s="279">
        <v>0</v>
      </c>
      <c r="R16" s="280">
        <v>18</v>
      </c>
      <c r="S16" s="280">
        <v>19</v>
      </c>
      <c r="T16" s="280">
        <v>69</v>
      </c>
      <c r="U16" s="280">
        <v>39</v>
      </c>
      <c r="V16" s="280">
        <v>35</v>
      </c>
      <c r="W16" s="277">
        <v>180</v>
      </c>
      <c r="X16" s="282">
        <v>180</v>
      </c>
    </row>
    <row r="17" spans="2:24" ht="21" customHeight="1" x14ac:dyDescent="0.2">
      <c r="B17" s="256" t="s">
        <v>15</v>
      </c>
      <c r="C17" s="280">
        <v>0</v>
      </c>
      <c r="D17" s="280">
        <v>0</v>
      </c>
      <c r="E17" s="277">
        <v>0</v>
      </c>
      <c r="F17" s="279">
        <v>0</v>
      </c>
      <c r="G17" s="280">
        <v>1017</v>
      </c>
      <c r="H17" s="280">
        <v>1299</v>
      </c>
      <c r="I17" s="280">
        <v>742</v>
      </c>
      <c r="J17" s="280">
        <v>371</v>
      </c>
      <c r="K17" s="280">
        <v>90</v>
      </c>
      <c r="L17" s="277">
        <v>3519</v>
      </c>
      <c r="M17" s="282">
        <v>3519</v>
      </c>
      <c r="N17" s="280">
        <v>0</v>
      </c>
      <c r="O17" s="280">
        <v>0</v>
      </c>
      <c r="P17" s="277">
        <v>0</v>
      </c>
      <c r="Q17" s="279">
        <v>0</v>
      </c>
      <c r="R17" s="280">
        <v>33</v>
      </c>
      <c r="S17" s="280">
        <v>44</v>
      </c>
      <c r="T17" s="280">
        <v>66</v>
      </c>
      <c r="U17" s="280">
        <v>6</v>
      </c>
      <c r="V17" s="280">
        <v>17</v>
      </c>
      <c r="W17" s="277">
        <v>166</v>
      </c>
      <c r="X17" s="282">
        <v>166</v>
      </c>
    </row>
    <row r="18" spans="2:24" ht="21" customHeight="1" x14ac:dyDescent="0.2">
      <c r="B18" s="256" t="s">
        <v>16</v>
      </c>
      <c r="C18" s="280">
        <v>0</v>
      </c>
      <c r="D18" s="280">
        <v>0</v>
      </c>
      <c r="E18" s="277">
        <v>0</v>
      </c>
      <c r="F18" s="279">
        <v>0</v>
      </c>
      <c r="G18" s="280">
        <v>1298</v>
      </c>
      <c r="H18" s="280">
        <v>1514</v>
      </c>
      <c r="I18" s="280">
        <v>949</v>
      </c>
      <c r="J18" s="280">
        <v>465</v>
      </c>
      <c r="K18" s="280">
        <v>259</v>
      </c>
      <c r="L18" s="277">
        <v>4485</v>
      </c>
      <c r="M18" s="282">
        <v>4485</v>
      </c>
      <c r="N18" s="280">
        <v>0</v>
      </c>
      <c r="O18" s="280">
        <v>0</v>
      </c>
      <c r="P18" s="277">
        <v>0</v>
      </c>
      <c r="Q18" s="279">
        <v>0</v>
      </c>
      <c r="R18" s="280">
        <v>33</v>
      </c>
      <c r="S18" s="280">
        <v>111</v>
      </c>
      <c r="T18" s="280">
        <v>85</v>
      </c>
      <c r="U18" s="280">
        <v>70</v>
      </c>
      <c r="V18" s="280">
        <v>70</v>
      </c>
      <c r="W18" s="277">
        <v>369</v>
      </c>
      <c r="X18" s="282">
        <v>369</v>
      </c>
    </row>
    <row r="19" spans="2:24" ht="21" customHeight="1" x14ac:dyDescent="0.2">
      <c r="B19" s="256" t="s">
        <v>17</v>
      </c>
      <c r="C19" s="280">
        <v>0</v>
      </c>
      <c r="D19" s="280">
        <v>0</v>
      </c>
      <c r="E19" s="277">
        <v>0</v>
      </c>
      <c r="F19" s="279">
        <v>0</v>
      </c>
      <c r="G19" s="280">
        <v>2018</v>
      </c>
      <c r="H19" s="280">
        <v>2669</v>
      </c>
      <c r="I19" s="280">
        <v>1506</v>
      </c>
      <c r="J19" s="280">
        <v>1305</v>
      </c>
      <c r="K19" s="280">
        <v>709</v>
      </c>
      <c r="L19" s="277">
        <v>8207</v>
      </c>
      <c r="M19" s="282">
        <v>8207</v>
      </c>
      <c r="N19" s="280">
        <v>4</v>
      </c>
      <c r="O19" s="280">
        <v>12</v>
      </c>
      <c r="P19" s="277">
        <v>16</v>
      </c>
      <c r="Q19" s="279">
        <v>0</v>
      </c>
      <c r="R19" s="280">
        <v>181</v>
      </c>
      <c r="S19" s="280">
        <v>188</v>
      </c>
      <c r="T19" s="280">
        <v>217</v>
      </c>
      <c r="U19" s="280">
        <v>179</v>
      </c>
      <c r="V19" s="280">
        <v>64</v>
      </c>
      <c r="W19" s="277">
        <v>829</v>
      </c>
      <c r="X19" s="282">
        <v>845</v>
      </c>
    </row>
    <row r="20" spans="2:24" ht="21" customHeight="1" x14ac:dyDescent="0.2">
      <c r="B20" s="256" t="s">
        <v>18</v>
      </c>
      <c r="C20" s="280">
        <v>0</v>
      </c>
      <c r="D20" s="280">
        <v>0</v>
      </c>
      <c r="E20" s="277">
        <v>0</v>
      </c>
      <c r="F20" s="279">
        <v>0</v>
      </c>
      <c r="G20" s="280">
        <v>2035</v>
      </c>
      <c r="H20" s="280">
        <v>1775</v>
      </c>
      <c r="I20" s="280">
        <v>1116</v>
      </c>
      <c r="J20" s="280">
        <v>412</v>
      </c>
      <c r="K20" s="280">
        <v>148</v>
      </c>
      <c r="L20" s="277">
        <v>5486</v>
      </c>
      <c r="M20" s="282">
        <v>5486</v>
      </c>
      <c r="N20" s="280">
        <v>0</v>
      </c>
      <c r="O20" s="280">
        <v>0</v>
      </c>
      <c r="P20" s="277">
        <v>0</v>
      </c>
      <c r="Q20" s="279">
        <v>0</v>
      </c>
      <c r="R20" s="280">
        <v>131</v>
      </c>
      <c r="S20" s="280">
        <v>35</v>
      </c>
      <c r="T20" s="280">
        <v>123</v>
      </c>
      <c r="U20" s="280">
        <v>81</v>
      </c>
      <c r="V20" s="280">
        <v>149</v>
      </c>
      <c r="W20" s="277">
        <v>519</v>
      </c>
      <c r="X20" s="282">
        <v>519</v>
      </c>
    </row>
    <row r="21" spans="2:24" ht="21" customHeight="1" x14ac:dyDescent="0.2">
      <c r="B21" s="256" t="s">
        <v>19</v>
      </c>
      <c r="C21" s="280">
        <v>0</v>
      </c>
      <c r="D21" s="280">
        <v>0</v>
      </c>
      <c r="E21" s="277">
        <v>0</v>
      </c>
      <c r="F21" s="279">
        <v>0</v>
      </c>
      <c r="G21" s="280">
        <v>1019</v>
      </c>
      <c r="H21" s="280">
        <v>933</v>
      </c>
      <c r="I21" s="280">
        <v>473</v>
      </c>
      <c r="J21" s="280">
        <v>166</v>
      </c>
      <c r="K21" s="280">
        <v>112</v>
      </c>
      <c r="L21" s="277">
        <v>2703</v>
      </c>
      <c r="M21" s="282">
        <v>2703</v>
      </c>
      <c r="N21" s="280">
        <v>0</v>
      </c>
      <c r="O21" s="280">
        <v>0</v>
      </c>
      <c r="P21" s="277">
        <v>0</v>
      </c>
      <c r="Q21" s="279">
        <v>0</v>
      </c>
      <c r="R21" s="280">
        <v>93</v>
      </c>
      <c r="S21" s="280">
        <v>218</v>
      </c>
      <c r="T21" s="280">
        <v>209</v>
      </c>
      <c r="U21" s="280">
        <v>23</v>
      </c>
      <c r="V21" s="280">
        <v>28</v>
      </c>
      <c r="W21" s="277">
        <v>571</v>
      </c>
      <c r="X21" s="282">
        <v>571</v>
      </c>
    </row>
    <row r="22" spans="2:24" ht="21" customHeight="1" x14ac:dyDescent="0.2">
      <c r="B22" s="256" t="s">
        <v>20</v>
      </c>
      <c r="C22" s="280">
        <v>0</v>
      </c>
      <c r="D22" s="280">
        <v>0</v>
      </c>
      <c r="E22" s="277">
        <v>0</v>
      </c>
      <c r="F22" s="279">
        <v>0</v>
      </c>
      <c r="G22" s="280">
        <v>1373</v>
      </c>
      <c r="H22" s="280">
        <v>878</v>
      </c>
      <c r="I22" s="280">
        <v>612</v>
      </c>
      <c r="J22" s="280">
        <v>277</v>
      </c>
      <c r="K22" s="280">
        <v>54</v>
      </c>
      <c r="L22" s="277">
        <v>3194</v>
      </c>
      <c r="M22" s="282">
        <v>3194</v>
      </c>
      <c r="N22" s="280">
        <v>0</v>
      </c>
      <c r="O22" s="280">
        <v>0</v>
      </c>
      <c r="P22" s="277">
        <v>0</v>
      </c>
      <c r="Q22" s="279">
        <v>0</v>
      </c>
      <c r="R22" s="280">
        <v>0</v>
      </c>
      <c r="S22" s="280">
        <v>38</v>
      </c>
      <c r="T22" s="280">
        <v>38</v>
      </c>
      <c r="U22" s="280">
        <v>0</v>
      </c>
      <c r="V22" s="280">
        <v>9</v>
      </c>
      <c r="W22" s="277">
        <v>85</v>
      </c>
      <c r="X22" s="282">
        <v>85</v>
      </c>
    </row>
    <row r="23" spans="2:24" ht="21" customHeight="1" x14ac:dyDescent="0.2">
      <c r="B23" s="256" t="s">
        <v>21</v>
      </c>
      <c r="C23" s="280">
        <v>0</v>
      </c>
      <c r="D23" s="280">
        <v>0</v>
      </c>
      <c r="E23" s="277">
        <v>0</v>
      </c>
      <c r="F23" s="279">
        <v>0</v>
      </c>
      <c r="G23" s="280">
        <v>1347</v>
      </c>
      <c r="H23" s="280">
        <v>1697</v>
      </c>
      <c r="I23" s="280">
        <v>823</v>
      </c>
      <c r="J23" s="280">
        <v>311</v>
      </c>
      <c r="K23" s="280">
        <v>204</v>
      </c>
      <c r="L23" s="277">
        <v>4382</v>
      </c>
      <c r="M23" s="282">
        <v>4382</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1073</v>
      </c>
      <c r="H24" s="280">
        <v>961</v>
      </c>
      <c r="I24" s="280">
        <v>347</v>
      </c>
      <c r="J24" s="280">
        <v>256</v>
      </c>
      <c r="K24" s="280">
        <v>101</v>
      </c>
      <c r="L24" s="277">
        <v>2738</v>
      </c>
      <c r="M24" s="282">
        <v>2738</v>
      </c>
      <c r="N24" s="280">
        <v>0</v>
      </c>
      <c r="O24" s="280">
        <v>0</v>
      </c>
      <c r="P24" s="277">
        <v>0</v>
      </c>
      <c r="Q24" s="279">
        <v>0</v>
      </c>
      <c r="R24" s="280">
        <v>43</v>
      </c>
      <c r="S24" s="280">
        <v>50</v>
      </c>
      <c r="T24" s="280">
        <v>64</v>
      </c>
      <c r="U24" s="280">
        <v>45</v>
      </c>
      <c r="V24" s="280">
        <v>19</v>
      </c>
      <c r="W24" s="277">
        <v>221</v>
      </c>
      <c r="X24" s="282">
        <v>221</v>
      </c>
    </row>
    <row r="25" spans="2:24" ht="21" customHeight="1" x14ac:dyDescent="0.2">
      <c r="B25" s="256" t="s">
        <v>23</v>
      </c>
      <c r="C25" s="280">
        <v>0</v>
      </c>
      <c r="D25" s="280">
        <v>0</v>
      </c>
      <c r="E25" s="277">
        <v>0</v>
      </c>
      <c r="F25" s="279">
        <v>0</v>
      </c>
      <c r="G25" s="280">
        <v>435</v>
      </c>
      <c r="H25" s="280">
        <v>391</v>
      </c>
      <c r="I25" s="280">
        <v>158</v>
      </c>
      <c r="J25" s="280">
        <v>155</v>
      </c>
      <c r="K25" s="280">
        <v>87</v>
      </c>
      <c r="L25" s="277">
        <v>1226</v>
      </c>
      <c r="M25" s="282">
        <v>1226</v>
      </c>
      <c r="N25" s="280">
        <v>0</v>
      </c>
      <c r="O25" s="280">
        <v>0</v>
      </c>
      <c r="P25" s="277">
        <v>0</v>
      </c>
      <c r="Q25" s="279">
        <v>0</v>
      </c>
      <c r="R25" s="280">
        <v>0</v>
      </c>
      <c r="S25" s="280">
        <v>7</v>
      </c>
      <c r="T25" s="280">
        <v>17</v>
      </c>
      <c r="U25" s="280">
        <v>22</v>
      </c>
      <c r="V25" s="280">
        <v>0</v>
      </c>
      <c r="W25" s="277">
        <v>46</v>
      </c>
      <c r="X25" s="282">
        <v>46</v>
      </c>
    </row>
    <row r="26" spans="2:24" ht="21" customHeight="1" x14ac:dyDescent="0.2">
      <c r="B26" s="256" t="s">
        <v>24</v>
      </c>
      <c r="C26" s="280">
        <v>0</v>
      </c>
      <c r="D26" s="280">
        <v>0</v>
      </c>
      <c r="E26" s="277">
        <v>0</v>
      </c>
      <c r="F26" s="279">
        <v>0</v>
      </c>
      <c r="G26" s="280">
        <v>247</v>
      </c>
      <c r="H26" s="280">
        <v>94</v>
      </c>
      <c r="I26" s="280">
        <v>114</v>
      </c>
      <c r="J26" s="280">
        <v>46</v>
      </c>
      <c r="K26" s="280">
        <v>11</v>
      </c>
      <c r="L26" s="277">
        <v>512</v>
      </c>
      <c r="M26" s="282">
        <v>512</v>
      </c>
      <c r="N26" s="280">
        <v>0</v>
      </c>
      <c r="O26" s="280">
        <v>0</v>
      </c>
      <c r="P26" s="277">
        <v>0</v>
      </c>
      <c r="Q26" s="279">
        <v>0</v>
      </c>
      <c r="R26" s="280">
        <v>63</v>
      </c>
      <c r="S26" s="280">
        <v>37</v>
      </c>
      <c r="T26" s="280">
        <v>76</v>
      </c>
      <c r="U26" s="280">
        <v>11</v>
      </c>
      <c r="V26" s="280">
        <v>20</v>
      </c>
      <c r="W26" s="277">
        <v>207</v>
      </c>
      <c r="X26" s="282">
        <v>207</v>
      </c>
    </row>
    <row r="27" spans="2:24" ht="21" customHeight="1" x14ac:dyDescent="0.2">
      <c r="B27" s="256" t="s">
        <v>25</v>
      </c>
      <c r="C27" s="280">
        <v>0</v>
      </c>
      <c r="D27" s="280">
        <v>0</v>
      </c>
      <c r="E27" s="277">
        <v>0</v>
      </c>
      <c r="F27" s="279">
        <v>0</v>
      </c>
      <c r="G27" s="280">
        <v>723</v>
      </c>
      <c r="H27" s="280">
        <v>288</v>
      </c>
      <c r="I27" s="280">
        <v>152</v>
      </c>
      <c r="J27" s="280">
        <v>65</v>
      </c>
      <c r="K27" s="280">
        <v>11</v>
      </c>
      <c r="L27" s="277">
        <v>1239</v>
      </c>
      <c r="M27" s="282">
        <v>1239</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409</v>
      </c>
      <c r="H28" s="280">
        <v>354</v>
      </c>
      <c r="I28" s="280">
        <v>338</v>
      </c>
      <c r="J28" s="280">
        <v>118</v>
      </c>
      <c r="K28" s="280">
        <v>110</v>
      </c>
      <c r="L28" s="277">
        <v>1329</v>
      </c>
      <c r="M28" s="282">
        <v>1329</v>
      </c>
      <c r="N28" s="280">
        <v>0</v>
      </c>
      <c r="O28" s="280">
        <v>0</v>
      </c>
      <c r="P28" s="277">
        <v>0</v>
      </c>
      <c r="Q28" s="279">
        <v>0</v>
      </c>
      <c r="R28" s="280">
        <v>7</v>
      </c>
      <c r="S28" s="280">
        <v>27</v>
      </c>
      <c r="T28" s="280">
        <v>133</v>
      </c>
      <c r="U28" s="280">
        <v>39</v>
      </c>
      <c r="V28" s="280">
        <v>52</v>
      </c>
      <c r="W28" s="277">
        <v>258</v>
      </c>
      <c r="X28" s="282">
        <v>258</v>
      </c>
    </row>
    <row r="29" spans="2:24" ht="21" customHeight="1" x14ac:dyDescent="0.2">
      <c r="B29" s="256" t="s">
        <v>27</v>
      </c>
      <c r="C29" s="280">
        <v>0</v>
      </c>
      <c r="D29" s="280">
        <v>0</v>
      </c>
      <c r="E29" s="277">
        <v>0</v>
      </c>
      <c r="F29" s="279">
        <v>0</v>
      </c>
      <c r="G29" s="280">
        <v>294</v>
      </c>
      <c r="H29" s="280">
        <v>96</v>
      </c>
      <c r="I29" s="280">
        <v>76</v>
      </c>
      <c r="J29" s="280">
        <v>22</v>
      </c>
      <c r="K29" s="280">
        <v>0</v>
      </c>
      <c r="L29" s="277">
        <v>488</v>
      </c>
      <c r="M29" s="282">
        <v>488</v>
      </c>
      <c r="N29" s="280">
        <v>0</v>
      </c>
      <c r="O29" s="280">
        <v>0</v>
      </c>
      <c r="P29" s="277">
        <v>0</v>
      </c>
      <c r="Q29" s="279">
        <v>0</v>
      </c>
      <c r="R29" s="280">
        <v>32</v>
      </c>
      <c r="S29" s="280">
        <v>21</v>
      </c>
      <c r="T29" s="280">
        <v>4</v>
      </c>
      <c r="U29" s="280">
        <v>0</v>
      </c>
      <c r="V29" s="280">
        <v>0</v>
      </c>
      <c r="W29" s="277">
        <v>57</v>
      </c>
      <c r="X29" s="282">
        <v>57</v>
      </c>
    </row>
    <row r="30" spans="2:24" ht="21" customHeight="1" x14ac:dyDescent="0.2">
      <c r="B30" s="256" t="s">
        <v>28</v>
      </c>
      <c r="C30" s="280">
        <v>0</v>
      </c>
      <c r="D30" s="280">
        <v>0</v>
      </c>
      <c r="E30" s="277">
        <v>0</v>
      </c>
      <c r="F30" s="279">
        <v>0</v>
      </c>
      <c r="G30" s="280">
        <v>160</v>
      </c>
      <c r="H30" s="280">
        <v>117</v>
      </c>
      <c r="I30" s="280">
        <v>13</v>
      </c>
      <c r="J30" s="280">
        <v>27</v>
      </c>
      <c r="K30" s="280">
        <v>6</v>
      </c>
      <c r="L30" s="277">
        <v>323</v>
      </c>
      <c r="M30" s="282">
        <v>323</v>
      </c>
      <c r="N30" s="280">
        <v>0</v>
      </c>
      <c r="O30" s="280">
        <v>0</v>
      </c>
      <c r="P30" s="277">
        <v>0</v>
      </c>
      <c r="Q30" s="279">
        <v>0</v>
      </c>
      <c r="R30" s="280">
        <v>9</v>
      </c>
      <c r="S30" s="280">
        <v>5</v>
      </c>
      <c r="T30" s="280">
        <v>18</v>
      </c>
      <c r="U30" s="280">
        <v>0</v>
      </c>
      <c r="V30" s="280">
        <v>3</v>
      </c>
      <c r="W30" s="277">
        <v>35</v>
      </c>
      <c r="X30" s="282">
        <v>35</v>
      </c>
    </row>
    <row r="31" spans="2:24" ht="21" customHeight="1" x14ac:dyDescent="0.2">
      <c r="B31" s="256" t="s">
        <v>29</v>
      </c>
      <c r="C31" s="280">
        <v>0</v>
      </c>
      <c r="D31" s="280">
        <v>0</v>
      </c>
      <c r="E31" s="277">
        <v>0</v>
      </c>
      <c r="F31" s="279">
        <v>0</v>
      </c>
      <c r="G31" s="280">
        <v>134</v>
      </c>
      <c r="H31" s="280">
        <v>170</v>
      </c>
      <c r="I31" s="280">
        <v>35</v>
      </c>
      <c r="J31" s="280">
        <v>38</v>
      </c>
      <c r="K31" s="280">
        <v>0</v>
      </c>
      <c r="L31" s="277">
        <v>377</v>
      </c>
      <c r="M31" s="282">
        <v>377</v>
      </c>
      <c r="N31" s="280">
        <v>0</v>
      </c>
      <c r="O31" s="280">
        <v>0</v>
      </c>
      <c r="P31" s="277">
        <v>0</v>
      </c>
      <c r="Q31" s="279">
        <v>0</v>
      </c>
      <c r="R31" s="280">
        <v>0</v>
      </c>
      <c r="S31" s="280">
        <v>6</v>
      </c>
      <c r="T31" s="280">
        <v>26</v>
      </c>
      <c r="U31" s="280">
        <v>0</v>
      </c>
      <c r="V31" s="280">
        <v>0</v>
      </c>
      <c r="W31" s="277">
        <v>32</v>
      </c>
      <c r="X31" s="282">
        <v>32</v>
      </c>
    </row>
    <row r="32" spans="2:24" ht="21" customHeight="1" x14ac:dyDescent="0.2">
      <c r="B32" s="256" t="s">
        <v>30</v>
      </c>
      <c r="C32" s="280">
        <v>0</v>
      </c>
      <c r="D32" s="280">
        <v>0</v>
      </c>
      <c r="E32" s="277">
        <v>0</v>
      </c>
      <c r="F32" s="279">
        <v>0</v>
      </c>
      <c r="G32" s="280">
        <v>218</v>
      </c>
      <c r="H32" s="280">
        <v>92</v>
      </c>
      <c r="I32" s="280">
        <v>71</v>
      </c>
      <c r="J32" s="280">
        <v>51</v>
      </c>
      <c r="K32" s="280">
        <v>0</v>
      </c>
      <c r="L32" s="277">
        <v>432</v>
      </c>
      <c r="M32" s="282">
        <v>432</v>
      </c>
      <c r="N32" s="280">
        <v>9</v>
      </c>
      <c r="O32" s="280">
        <v>0</v>
      </c>
      <c r="P32" s="277">
        <v>9</v>
      </c>
      <c r="Q32" s="279">
        <v>0</v>
      </c>
      <c r="R32" s="280">
        <v>9</v>
      </c>
      <c r="S32" s="280">
        <v>15</v>
      </c>
      <c r="T32" s="280">
        <v>13</v>
      </c>
      <c r="U32" s="280">
        <v>0</v>
      </c>
      <c r="V32" s="280">
        <v>0</v>
      </c>
      <c r="W32" s="277">
        <v>37</v>
      </c>
      <c r="X32" s="282">
        <v>46</v>
      </c>
    </row>
    <row r="33" spans="2:24" ht="21" customHeight="1" x14ac:dyDescent="0.2">
      <c r="B33" s="256" t="s">
        <v>31</v>
      </c>
      <c r="C33" s="280">
        <v>0</v>
      </c>
      <c r="D33" s="280">
        <v>0</v>
      </c>
      <c r="E33" s="277">
        <v>0</v>
      </c>
      <c r="F33" s="279">
        <v>0</v>
      </c>
      <c r="G33" s="280">
        <v>249</v>
      </c>
      <c r="H33" s="280">
        <v>108</v>
      </c>
      <c r="I33" s="280">
        <v>114</v>
      </c>
      <c r="J33" s="280">
        <v>7</v>
      </c>
      <c r="K33" s="280">
        <v>4</v>
      </c>
      <c r="L33" s="277">
        <v>482</v>
      </c>
      <c r="M33" s="282">
        <v>482</v>
      </c>
      <c r="N33" s="280">
        <v>0</v>
      </c>
      <c r="O33" s="280">
        <v>0</v>
      </c>
      <c r="P33" s="277">
        <v>0</v>
      </c>
      <c r="Q33" s="279">
        <v>0</v>
      </c>
      <c r="R33" s="280">
        <v>0</v>
      </c>
      <c r="S33" s="280">
        <v>0</v>
      </c>
      <c r="T33" s="280">
        <v>16</v>
      </c>
      <c r="U33" s="280">
        <v>0</v>
      </c>
      <c r="V33" s="280">
        <v>17</v>
      </c>
      <c r="W33" s="277">
        <v>33</v>
      </c>
      <c r="X33" s="282">
        <v>33</v>
      </c>
    </row>
    <row r="34" spans="2:24" ht="21" customHeight="1" x14ac:dyDescent="0.2">
      <c r="B34" s="256" t="s">
        <v>32</v>
      </c>
      <c r="C34" s="280">
        <v>0</v>
      </c>
      <c r="D34" s="280">
        <v>0</v>
      </c>
      <c r="E34" s="277">
        <v>0</v>
      </c>
      <c r="F34" s="279">
        <v>0</v>
      </c>
      <c r="G34" s="280">
        <v>341</v>
      </c>
      <c r="H34" s="280">
        <v>285</v>
      </c>
      <c r="I34" s="280">
        <v>100</v>
      </c>
      <c r="J34" s="280">
        <v>4</v>
      </c>
      <c r="K34" s="280">
        <v>24</v>
      </c>
      <c r="L34" s="277">
        <v>754</v>
      </c>
      <c r="M34" s="282">
        <v>754</v>
      </c>
      <c r="N34" s="280">
        <v>0</v>
      </c>
      <c r="O34" s="280">
        <v>0</v>
      </c>
      <c r="P34" s="277">
        <v>0</v>
      </c>
      <c r="Q34" s="279">
        <v>0</v>
      </c>
      <c r="R34" s="280">
        <v>23</v>
      </c>
      <c r="S34" s="280">
        <v>0</v>
      </c>
      <c r="T34" s="280">
        <v>25</v>
      </c>
      <c r="U34" s="280">
        <v>2</v>
      </c>
      <c r="V34" s="280">
        <v>13</v>
      </c>
      <c r="W34" s="277">
        <v>63</v>
      </c>
      <c r="X34" s="282">
        <v>63</v>
      </c>
    </row>
    <row r="35" spans="2:24" ht="21" customHeight="1" x14ac:dyDescent="0.2">
      <c r="B35" s="256" t="s">
        <v>33</v>
      </c>
      <c r="C35" s="280">
        <v>0</v>
      </c>
      <c r="D35" s="280">
        <v>0</v>
      </c>
      <c r="E35" s="277">
        <v>0</v>
      </c>
      <c r="F35" s="279">
        <v>0</v>
      </c>
      <c r="G35" s="280">
        <v>203</v>
      </c>
      <c r="H35" s="280">
        <v>99</v>
      </c>
      <c r="I35" s="280">
        <v>51</v>
      </c>
      <c r="J35" s="280">
        <v>14</v>
      </c>
      <c r="K35" s="280">
        <v>22</v>
      </c>
      <c r="L35" s="277">
        <v>389</v>
      </c>
      <c r="M35" s="282">
        <v>389</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147</v>
      </c>
      <c r="H36" s="280">
        <v>48</v>
      </c>
      <c r="I36" s="280">
        <v>39</v>
      </c>
      <c r="J36" s="280">
        <v>5</v>
      </c>
      <c r="K36" s="280">
        <v>0</v>
      </c>
      <c r="L36" s="277">
        <v>239</v>
      </c>
      <c r="M36" s="282">
        <v>239</v>
      </c>
      <c r="N36" s="280">
        <v>0</v>
      </c>
      <c r="O36" s="280">
        <v>0</v>
      </c>
      <c r="P36" s="277">
        <v>0</v>
      </c>
      <c r="Q36" s="279">
        <v>0</v>
      </c>
      <c r="R36" s="280">
        <v>0</v>
      </c>
      <c r="S36" s="280">
        <v>0</v>
      </c>
      <c r="T36" s="280">
        <v>0</v>
      </c>
      <c r="U36" s="280">
        <v>7</v>
      </c>
      <c r="V36" s="280">
        <v>0</v>
      </c>
      <c r="W36" s="277">
        <v>7</v>
      </c>
      <c r="X36" s="282">
        <v>7</v>
      </c>
    </row>
    <row r="37" spans="2:24" ht="21" customHeight="1" x14ac:dyDescent="0.2">
      <c r="B37" s="256" t="s">
        <v>35</v>
      </c>
      <c r="C37" s="280">
        <v>0</v>
      </c>
      <c r="D37" s="280">
        <v>0</v>
      </c>
      <c r="E37" s="277">
        <v>0</v>
      </c>
      <c r="F37" s="279">
        <v>0</v>
      </c>
      <c r="G37" s="280">
        <v>218</v>
      </c>
      <c r="H37" s="280">
        <v>269</v>
      </c>
      <c r="I37" s="280">
        <v>197</v>
      </c>
      <c r="J37" s="280">
        <v>86</v>
      </c>
      <c r="K37" s="280">
        <v>20</v>
      </c>
      <c r="L37" s="277">
        <v>790</v>
      </c>
      <c r="M37" s="282">
        <v>79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398</v>
      </c>
      <c r="H38" s="280">
        <v>446</v>
      </c>
      <c r="I38" s="280">
        <v>401</v>
      </c>
      <c r="J38" s="280">
        <v>189</v>
      </c>
      <c r="K38" s="280">
        <v>131</v>
      </c>
      <c r="L38" s="277">
        <v>1565</v>
      </c>
      <c r="M38" s="282">
        <v>1565</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148</v>
      </c>
      <c r="H39" s="287">
        <v>68</v>
      </c>
      <c r="I39" s="287">
        <v>77</v>
      </c>
      <c r="J39" s="287">
        <v>0</v>
      </c>
      <c r="K39" s="287">
        <v>20</v>
      </c>
      <c r="L39" s="284">
        <v>313</v>
      </c>
      <c r="M39" s="289">
        <v>313</v>
      </c>
      <c r="N39" s="287">
        <v>0</v>
      </c>
      <c r="O39" s="287">
        <v>0</v>
      </c>
      <c r="P39" s="284">
        <v>0</v>
      </c>
      <c r="Q39" s="286">
        <v>0</v>
      </c>
      <c r="R39" s="287">
        <v>8</v>
      </c>
      <c r="S39" s="287">
        <v>0</v>
      </c>
      <c r="T39" s="287">
        <v>17</v>
      </c>
      <c r="U39" s="287">
        <v>0</v>
      </c>
      <c r="V39" s="287">
        <v>16</v>
      </c>
      <c r="W39" s="284">
        <v>41</v>
      </c>
      <c r="X39" s="289">
        <v>41</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4">
        <f>第１表!F2</f>
        <v>4</v>
      </c>
      <c r="I1" s="524"/>
      <c r="J1" s="248">
        <f>第１表!G2</f>
        <v>11</v>
      </c>
      <c r="K1" s="529">
        <f>IF(J1&lt;3,J1+12-2,J1-2)</f>
        <v>9</v>
      </c>
      <c r="L1" s="529"/>
    </row>
    <row r="2" spans="2:24" ht="24" customHeight="1" thickBot="1" x14ac:dyDescent="0.25">
      <c r="B2" s="290" t="s">
        <v>135</v>
      </c>
    </row>
    <row r="3" spans="2:24" ht="21"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7494</v>
      </c>
      <c r="H6" s="273">
        <v>5867</v>
      </c>
      <c r="I6" s="273">
        <v>3357</v>
      </c>
      <c r="J6" s="273">
        <v>1635</v>
      </c>
      <c r="K6" s="273">
        <v>656</v>
      </c>
      <c r="L6" s="270">
        <v>19009</v>
      </c>
      <c r="M6" s="275">
        <v>19009</v>
      </c>
      <c r="N6" s="273">
        <v>9</v>
      </c>
      <c r="O6" s="273">
        <v>0</v>
      </c>
      <c r="P6" s="270">
        <v>9</v>
      </c>
      <c r="Q6" s="272">
        <v>0</v>
      </c>
      <c r="R6" s="273">
        <v>654</v>
      </c>
      <c r="S6" s="273">
        <v>827</v>
      </c>
      <c r="T6" s="273">
        <v>849</v>
      </c>
      <c r="U6" s="273">
        <v>296</v>
      </c>
      <c r="V6" s="273">
        <v>184</v>
      </c>
      <c r="W6" s="270">
        <v>2810</v>
      </c>
      <c r="X6" s="275">
        <v>2819</v>
      </c>
    </row>
    <row r="7" spans="2:24" ht="21" customHeight="1" x14ac:dyDescent="0.2">
      <c r="B7" s="256" t="s">
        <v>5</v>
      </c>
      <c r="C7" s="280">
        <v>0</v>
      </c>
      <c r="D7" s="280">
        <v>0</v>
      </c>
      <c r="E7" s="277">
        <v>0</v>
      </c>
      <c r="F7" s="279">
        <v>0</v>
      </c>
      <c r="G7" s="280">
        <v>2927</v>
      </c>
      <c r="H7" s="280">
        <v>2804</v>
      </c>
      <c r="I7" s="280">
        <v>1720</v>
      </c>
      <c r="J7" s="280">
        <v>833</v>
      </c>
      <c r="K7" s="280">
        <v>344</v>
      </c>
      <c r="L7" s="277">
        <v>8628</v>
      </c>
      <c r="M7" s="282">
        <v>8628</v>
      </c>
      <c r="N7" s="280">
        <v>0</v>
      </c>
      <c r="O7" s="280">
        <v>0</v>
      </c>
      <c r="P7" s="277">
        <v>0</v>
      </c>
      <c r="Q7" s="279">
        <v>0</v>
      </c>
      <c r="R7" s="280">
        <v>338</v>
      </c>
      <c r="S7" s="280">
        <v>462</v>
      </c>
      <c r="T7" s="280">
        <v>467</v>
      </c>
      <c r="U7" s="280">
        <v>200</v>
      </c>
      <c r="V7" s="280">
        <v>116</v>
      </c>
      <c r="W7" s="277">
        <v>1583</v>
      </c>
      <c r="X7" s="282">
        <v>1583</v>
      </c>
    </row>
    <row r="8" spans="2:24" ht="21" customHeight="1" x14ac:dyDescent="0.2">
      <c r="B8" s="256" t="s">
        <v>6</v>
      </c>
      <c r="C8" s="280">
        <v>0</v>
      </c>
      <c r="D8" s="280">
        <v>0</v>
      </c>
      <c r="E8" s="277">
        <v>0</v>
      </c>
      <c r="F8" s="279">
        <v>0</v>
      </c>
      <c r="G8" s="280">
        <v>846</v>
      </c>
      <c r="H8" s="280">
        <v>484</v>
      </c>
      <c r="I8" s="280">
        <v>337</v>
      </c>
      <c r="J8" s="280">
        <v>203</v>
      </c>
      <c r="K8" s="280">
        <v>77</v>
      </c>
      <c r="L8" s="277">
        <v>1947</v>
      </c>
      <c r="M8" s="282">
        <v>1947</v>
      </c>
      <c r="N8" s="280">
        <v>0</v>
      </c>
      <c r="O8" s="280">
        <v>0</v>
      </c>
      <c r="P8" s="277">
        <v>0</v>
      </c>
      <c r="Q8" s="279">
        <v>0</v>
      </c>
      <c r="R8" s="280">
        <v>134</v>
      </c>
      <c r="S8" s="280">
        <v>142</v>
      </c>
      <c r="T8" s="280">
        <v>157</v>
      </c>
      <c r="U8" s="280">
        <v>32</v>
      </c>
      <c r="V8" s="280">
        <v>43</v>
      </c>
      <c r="W8" s="277">
        <v>508</v>
      </c>
      <c r="X8" s="282">
        <v>508</v>
      </c>
    </row>
    <row r="9" spans="2:24" ht="21" customHeight="1" x14ac:dyDescent="0.2">
      <c r="B9" s="256" t="s">
        <v>14</v>
      </c>
      <c r="C9" s="280">
        <v>0</v>
      </c>
      <c r="D9" s="280">
        <v>0</v>
      </c>
      <c r="E9" s="277">
        <v>0</v>
      </c>
      <c r="F9" s="279">
        <v>0</v>
      </c>
      <c r="G9" s="280">
        <v>581</v>
      </c>
      <c r="H9" s="280">
        <v>525</v>
      </c>
      <c r="I9" s="280">
        <v>297</v>
      </c>
      <c r="J9" s="280">
        <v>119</v>
      </c>
      <c r="K9" s="280">
        <v>75</v>
      </c>
      <c r="L9" s="277">
        <v>1597</v>
      </c>
      <c r="M9" s="282">
        <v>1597</v>
      </c>
      <c r="N9" s="280">
        <v>0</v>
      </c>
      <c r="O9" s="280">
        <v>0</v>
      </c>
      <c r="P9" s="277">
        <v>0</v>
      </c>
      <c r="Q9" s="279">
        <v>0</v>
      </c>
      <c r="R9" s="280">
        <v>9</v>
      </c>
      <c r="S9" s="280">
        <v>25</v>
      </c>
      <c r="T9" s="280">
        <v>6</v>
      </c>
      <c r="U9" s="280">
        <v>8</v>
      </c>
      <c r="V9" s="280">
        <v>0</v>
      </c>
      <c r="W9" s="277">
        <v>48</v>
      </c>
      <c r="X9" s="282">
        <v>48</v>
      </c>
    </row>
    <row r="10" spans="2:24" ht="21" customHeight="1" x14ac:dyDescent="0.2">
      <c r="B10" s="256" t="s">
        <v>7</v>
      </c>
      <c r="C10" s="280">
        <v>0</v>
      </c>
      <c r="D10" s="280">
        <v>0</v>
      </c>
      <c r="E10" s="277">
        <v>0</v>
      </c>
      <c r="F10" s="279">
        <v>0</v>
      </c>
      <c r="G10" s="280">
        <v>675</v>
      </c>
      <c r="H10" s="280">
        <v>347</v>
      </c>
      <c r="I10" s="280">
        <v>163</v>
      </c>
      <c r="J10" s="280">
        <v>33</v>
      </c>
      <c r="K10" s="280">
        <v>38</v>
      </c>
      <c r="L10" s="277">
        <v>1256</v>
      </c>
      <c r="M10" s="282">
        <v>1256</v>
      </c>
      <c r="N10" s="280">
        <v>0</v>
      </c>
      <c r="O10" s="280">
        <v>0</v>
      </c>
      <c r="P10" s="277">
        <v>0</v>
      </c>
      <c r="Q10" s="279">
        <v>0</v>
      </c>
      <c r="R10" s="280">
        <v>63</v>
      </c>
      <c r="S10" s="280">
        <v>92</v>
      </c>
      <c r="T10" s="280">
        <v>68</v>
      </c>
      <c r="U10" s="280">
        <v>19</v>
      </c>
      <c r="V10" s="280">
        <v>11</v>
      </c>
      <c r="W10" s="277">
        <v>253</v>
      </c>
      <c r="X10" s="282">
        <v>253</v>
      </c>
    </row>
    <row r="11" spans="2:24" ht="21" customHeight="1" x14ac:dyDescent="0.2">
      <c r="B11" s="256" t="s">
        <v>8</v>
      </c>
      <c r="C11" s="280">
        <v>0</v>
      </c>
      <c r="D11" s="280">
        <v>0</v>
      </c>
      <c r="E11" s="277">
        <v>0</v>
      </c>
      <c r="F11" s="279">
        <v>0</v>
      </c>
      <c r="G11" s="280">
        <v>311</v>
      </c>
      <c r="H11" s="280">
        <v>225</v>
      </c>
      <c r="I11" s="280">
        <v>127</v>
      </c>
      <c r="J11" s="280">
        <v>42</v>
      </c>
      <c r="K11" s="280">
        <v>20</v>
      </c>
      <c r="L11" s="277">
        <v>725</v>
      </c>
      <c r="M11" s="282">
        <v>725</v>
      </c>
      <c r="N11" s="280">
        <v>0</v>
      </c>
      <c r="O11" s="280">
        <v>0</v>
      </c>
      <c r="P11" s="277">
        <v>0</v>
      </c>
      <c r="Q11" s="279">
        <v>0</v>
      </c>
      <c r="R11" s="280">
        <v>0</v>
      </c>
      <c r="S11" s="280">
        <v>0</v>
      </c>
      <c r="T11" s="280">
        <v>0</v>
      </c>
      <c r="U11" s="280">
        <v>6</v>
      </c>
      <c r="V11" s="280">
        <v>0</v>
      </c>
      <c r="W11" s="277">
        <v>6</v>
      </c>
      <c r="X11" s="282">
        <v>6</v>
      </c>
    </row>
    <row r="12" spans="2:24" ht="21" customHeight="1" x14ac:dyDescent="0.2">
      <c r="B12" s="256" t="s">
        <v>9</v>
      </c>
      <c r="C12" s="280">
        <v>0</v>
      </c>
      <c r="D12" s="280">
        <v>0</v>
      </c>
      <c r="E12" s="277">
        <v>0</v>
      </c>
      <c r="F12" s="279">
        <v>0</v>
      </c>
      <c r="G12" s="280">
        <v>330</v>
      </c>
      <c r="H12" s="280">
        <v>152</v>
      </c>
      <c r="I12" s="280">
        <v>168</v>
      </c>
      <c r="J12" s="280">
        <v>79</v>
      </c>
      <c r="K12" s="280">
        <v>23</v>
      </c>
      <c r="L12" s="277">
        <v>752</v>
      </c>
      <c r="M12" s="282">
        <v>752</v>
      </c>
      <c r="N12" s="280">
        <v>0</v>
      </c>
      <c r="O12" s="280">
        <v>0</v>
      </c>
      <c r="P12" s="277">
        <v>0</v>
      </c>
      <c r="Q12" s="279">
        <v>0</v>
      </c>
      <c r="R12" s="280">
        <v>0</v>
      </c>
      <c r="S12" s="280">
        <v>9</v>
      </c>
      <c r="T12" s="280">
        <v>7</v>
      </c>
      <c r="U12" s="280">
        <v>11</v>
      </c>
      <c r="V12" s="280">
        <v>0</v>
      </c>
      <c r="W12" s="277">
        <v>27</v>
      </c>
      <c r="X12" s="282">
        <v>27</v>
      </c>
    </row>
    <row r="13" spans="2:24" ht="21" customHeight="1" x14ac:dyDescent="0.2">
      <c r="B13" s="256" t="s">
        <v>10</v>
      </c>
      <c r="C13" s="280">
        <v>0</v>
      </c>
      <c r="D13" s="280">
        <v>0</v>
      </c>
      <c r="E13" s="277">
        <v>0</v>
      </c>
      <c r="F13" s="279">
        <v>0</v>
      </c>
      <c r="G13" s="280">
        <v>440</v>
      </c>
      <c r="H13" s="280">
        <v>186</v>
      </c>
      <c r="I13" s="280">
        <v>61</v>
      </c>
      <c r="J13" s="280">
        <v>25</v>
      </c>
      <c r="K13" s="280">
        <v>3</v>
      </c>
      <c r="L13" s="277">
        <v>715</v>
      </c>
      <c r="M13" s="282">
        <v>715</v>
      </c>
      <c r="N13" s="280">
        <v>0</v>
      </c>
      <c r="O13" s="280">
        <v>0</v>
      </c>
      <c r="P13" s="277">
        <v>0</v>
      </c>
      <c r="Q13" s="279">
        <v>0</v>
      </c>
      <c r="R13" s="280">
        <v>18</v>
      </c>
      <c r="S13" s="280">
        <v>26</v>
      </c>
      <c r="T13" s="280">
        <v>19</v>
      </c>
      <c r="U13" s="280">
        <v>0</v>
      </c>
      <c r="V13" s="280">
        <v>3</v>
      </c>
      <c r="W13" s="277">
        <v>66</v>
      </c>
      <c r="X13" s="282">
        <v>66</v>
      </c>
    </row>
    <row r="14" spans="2:24" ht="21" customHeight="1" x14ac:dyDescent="0.2">
      <c r="B14" s="256" t="s">
        <v>11</v>
      </c>
      <c r="C14" s="280">
        <v>0</v>
      </c>
      <c r="D14" s="280">
        <v>0</v>
      </c>
      <c r="E14" s="277">
        <v>0</v>
      </c>
      <c r="F14" s="279">
        <v>0</v>
      </c>
      <c r="G14" s="280">
        <v>193</v>
      </c>
      <c r="H14" s="280">
        <v>59</v>
      </c>
      <c r="I14" s="280">
        <v>93</v>
      </c>
      <c r="J14" s="280">
        <v>82</v>
      </c>
      <c r="K14" s="280">
        <v>21</v>
      </c>
      <c r="L14" s="277">
        <v>448</v>
      </c>
      <c r="M14" s="282">
        <v>448</v>
      </c>
      <c r="N14" s="280">
        <v>0</v>
      </c>
      <c r="O14" s="280">
        <v>0</v>
      </c>
      <c r="P14" s="277">
        <v>0</v>
      </c>
      <c r="Q14" s="279">
        <v>0</v>
      </c>
      <c r="R14" s="280">
        <v>13</v>
      </c>
      <c r="S14" s="280">
        <v>7</v>
      </c>
      <c r="T14" s="280">
        <v>16</v>
      </c>
      <c r="U14" s="280">
        <v>0</v>
      </c>
      <c r="V14" s="280">
        <v>0</v>
      </c>
      <c r="W14" s="277">
        <v>36</v>
      </c>
      <c r="X14" s="282">
        <v>36</v>
      </c>
    </row>
    <row r="15" spans="2:24" ht="21" customHeight="1" x14ac:dyDescent="0.2">
      <c r="B15" s="256" t="s">
        <v>12</v>
      </c>
      <c r="C15" s="280">
        <v>0</v>
      </c>
      <c r="D15" s="280">
        <v>0</v>
      </c>
      <c r="E15" s="277">
        <v>0</v>
      </c>
      <c r="F15" s="279">
        <v>0</v>
      </c>
      <c r="G15" s="280">
        <v>275</v>
      </c>
      <c r="H15" s="280">
        <v>149</v>
      </c>
      <c r="I15" s="280">
        <v>114</v>
      </c>
      <c r="J15" s="280">
        <v>20</v>
      </c>
      <c r="K15" s="280">
        <v>9</v>
      </c>
      <c r="L15" s="277">
        <v>567</v>
      </c>
      <c r="M15" s="282">
        <v>567</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56</v>
      </c>
      <c r="H16" s="280">
        <v>82</v>
      </c>
      <c r="I16" s="280">
        <v>11</v>
      </c>
      <c r="J16" s="280">
        <v>20</v>
      </c>
      <c r="K16" s="280">
        <v>9</v>
      </c>
      <c r="L16" s="277">
        <v>178</v>
      </c>
      <c r="M16" s="282">
        <v>178</v>
      </c>
      <c r="N16" s="280">
        <v>0</v>
      </c>
      <c r="O16" s="280">
        <v>0</v>
      </c>
      <c r="P16" s="277">
        <v>0</v>
      </c>
      <c r="Q16" s="279">
        <v>0</v>
      </c>
      <c r="R16" s="280">
        <v>0</v>
      </c>
      <c r="S16" s="280">
        <v>5</v>
      </c>
      <c r="T16" s="280">
        <v>13</v>
      </c>
      <c r="U16" s="280">
        <v>5</v>
      </c>
      <c r="V16" s="280">
        <v>0</v>
      </c>
      <c r="W16" s="277">
        <v>23</v>
      </c>
      <c r="X16" s="282">
        <v>23</v>
      </c>
    </row>
    <row r="17" spans="2:24" ht="21" customHeight="1" x14ac:dyDescent="0.2">
      <c r="B17" s="256" t="s">
        <v>15</v>
      </c>
      <c r="C17" s="280">
        <v>0</v>
      </c>
      <c r="D17" s="280">
        <v>0</v>
      </c>
      <c r="E17" s="277">
        <v>0</v>
      </c>
      <c r="F17" s="279">
        <v>0</v>
      </c>
      <c r="G17" s="280">
        <v>22</v>
      </c>
      <c r="H17" s="280">
        <v>72</v>
      </c>
      <c r="I17" s="280">
        <v>14</v>
      </c>
      <c r="J17" s="280">
        <v>9</v>
      </c>
      <c r="K17" s="280">
        <v>10</v>
      </c>
      <c r="L17" s="277">
        <v>127</v>
      </c>
      <c r="M17" s="282">
        <v>127</v>
      </c>
      <c r="N17" s="280">
        <v>0</v>
      </c>
      <c r="O17" s="280">
        <v>0</v>
      </c>
      <c r="P17" s="277">
        <v>0</v>
      </c>
      <c r="Q17" s="279">
        <v>0</v>
      </c>
      <c r="R17" s="280">
        <v>0</v>
      </c>
      <c r="S17" s="280">
        <v>5</v>
      </c>
      <c r="T17" s="280">
        <v>0</v>
      </c>
      <c r="U17" s="280">
        <v>0</v>
      </c>
      <c r="V17" s="280">
        <v>0</v>
      </c>
      <c r="W17" s="277">
        <v>5</v>
      </c>
      <c r="X17" s="282">
        <v>5</v>
      </c>
    </row>
    <row r="18" spans="2:24" ht="21" customHeight="1" x14ac:dyDescent="0.2">
      <c r="B18" s="256" t="s">
        <v>16</v>
      </c>
      <c r="C18" s="280">
        <v>0</v>
      </c>
      <c r="D18" s="280">
        <v>0</v>
      </c>
      <c r="E18" s="277">
        <v>0</v>
      </c>
      <c r="F18" s="279">
        <v>0</v>
      </c>
      <c r="G18" s="280">
        <v>65</v>
      </c>
      <c r="H18" s="280">
        <v>101</v>
      </c>
      <c r="I18" s="280">
        <v>41</v>
      </c>
      <c r="J18" s="280">
        <v>3</v>
      </c>
      <c r="K18" s="280">
        <v>0</v>
      </c>
      <c r="L18" s="277">
        <v>210</v>
      </c>
      <c r="M18" s="282">
        <v>210</v>
      </c>
      <c r="N18" s="280">
        <v>0</v>
      </c>
      <c r="O18" s="280">
        <v>0</v>
      </c>
      <c r="P18" s="277">
        <v>0</v>
      </c>
      <c r="Q18" s="279">
        <v>0</v>
      </c>
      <c r="R18" s="280">
        <v>0</v>
      </c>
      <c r="S18" s="280">
        <v>0</v>
      </c>
      <c r="T18" s="280">
        <v>7</v>
      </c>
      <c r="U18" s="280">
        <v>0</v>
      </c>
      <c r="V18" s="280">
        <v>0</v>
      </c>
      <c r="W18" s="277">
        <v>7</v>
      </c>
      <c r="X18" s="282">
        <v>7</v>
      </c>
    </row>
    <row r="19" spans="2:24" ht="21" customHeight="1" x14ac:dyDescent="0.2">
      <c r="B19" s="256" t="s">
        <v>17</v>
      </c>
      <c r="C19" s="280">
        <v>0</v>
      </c>
      <c r="D19" s="280">
        <v>0</v>
      </c>
      <c r="E19" s="277">
        <v>0</v>
      </c>
      <c r="F19" s="279">
        <v>0</v>
      </c>
      <c r="G19" s="280">
        <v>127</v>
      </c>
      <c r="H19" s="280">
        <v>132</v>
      </c>
      <c r="I19" s="280">
        <v>74</v>
      </c>
      <c r="J19" s="280">
        <v>51</v>
      </c>
      <c r="K19" s="280">
        <v>13</v>
      </c>
      <c r="L19" s="277">
        <v>397</v>
      </c>
      <c r="M19" s="282">
        <v>397</v>
      </c>
      <c r="N19" s="280">
        <v>0</v>
      </c>
      <c r="O19" s="280">
        <v>0</v>
      </c>
      <c r="P19" s="277">
        <v>0</v>
      </c>
      <c r="Q19" s="279">
        <v>0</v>
      </c>
      <c r="R19" s="280">
        <v>31</v>
      </c>
      <c r="S19" s="280">
        <v>0</v>
      </c>
      <c r="T19" s="280">
        <v>19</v>
      </c>
      <c r="U19" s="280">
        <v>0</v>
      </c>
      <c r="V19" s="280">
        <v>0</v>
      </c>
      <c r="W19" s="277">
        <v>50</v>
      </c>
      <c r="X19" s="282">
        <v>50</v>
      </c>
    </row>
    <row r="20" spans="2:24" ht="21" customHeight="1" x14ac:dyDescent="0.2">
      <c r="B20" s="256" t="s">
        <v>18</v>
      </c>
      <c r="C20" s="280">
        <v>0</v>
      </c>
      <c r="D20" s="280">
        <v>0</v>
      </c>
      <c r="E20" s="277">
        <v>0</v>
      </c>
      <c r="F20" s="279">
        <v>0</v>
      </c>
      <c r="G20" s="280">
        <v>177</v>
      </c>
      <c r="H20" s="280">
        <v>132</v>
      </c>
      <c r="I20" s="280">
        <v>30</v>
      </c>
      <c r="J20" s="280">
        <v>11</v>
      </c>
      <c r="K20" s="280">
        <v>0</v>
      </c>
      <c r="L20" s="277">
        <v>350</v>
      </c>
      <c r="M20" s="282">
        <v>350</v>
      </c>
      <c r="N20" s="280">
        <v>0</v>
      </c>
      <c r="O20" s="280">
        <v>0</v>
      </c>
      <c r="P20" s="277">
        <v>0</v>
      </c>
      <c r="Q20" s="279">
        <v>0</v>
      </c>
      <c r="R20" s="280">
        <v>25</v>
      </c>
      <c r="S20" s="280">
        <v>0</v>
      </c>
      <c r="T20" s="280">
        <v>8</v>
      </c>
      <c r="U20" s="280">
        <v>0</v>
      </c>
      <c r="V20" s="280">
        <v>8</v>
      </c>
      <c r="W20" s="277">
        <v>41</v>
      </c>
      <c r="X20" s="282">
        <v>41</v>
      </c>
    </row>
    <row r="21" spans="2:24" ht="21" customHeight="1" x14ac:dyDescent="0.2">
      <c r="B21" s="256" t="s">
        <v>19</v>
      </c>
      <c r="C21" s="280">
        <v>0</v>
      </c>
      <c r="D21" s="280">
        <v>0</v>
      </c>
      <c r="E21" s="277">
        <v>0</v>
      </c>
      <c r="F21" s="279">
        <v>0</v>
      </c>
      <c r="G21" s="280">
        <v>11</v>
      </c>
      <c r="H21" s="280">
        <v>30</v>
      </c>
      <c r="I21" s="280">
        <v>0</v>
      </c>
      <c r="J21" s="280">
        <v>9</v>
      </c>
      <c r="K21" s="280">
        <v>2</v>
      </c>
      <c r="L21" s="277">
        <v>52</v>
      </c>
      <c r="M21" s="282">
        <v>52</v>
      </c>
      <c r="N21" s="280">
        <v>0</v>
      </c>
      <c r="O21" s="280">
        <v>0</v>
      </c>
      <c r="P21" s="277">
        <v>0</v>
      </c>
      <c r="Q21" s="279">
        <v>0</v>
      </c>
      <c r="R21" s="280">
        <v>0</v>
      </c>
      <c r="S21" s="280">
        <v>34</v>
      </c>
      <c r="T21" s="280">
        <v>0</v>
      </c>
      <c r="U21" s="280">
        <v>0</v>
      </c>
      <c r="V21" s="280">
        <v>0</v>
      </c>
      <c r="W21" s="277">
        <v>34</v>
      </c>
      <c r="X21" s="282">
        <v>34</v>
      </c>
    </row>
    <row r="22" spans="2:24" ht="21" customHeight="1" x14ac:dyDescent="0.2">
      <c r="B22" s="256" t="s">
        <v>20</v>
      </c>
      <c r="C22" s="280">
        <v>0</v>
      </c>
      <c r="D22" s="280">
        <v>0</v>
      </c>
      <c r="E22" s="277">
        <v>0</v>
      </c>
      <c r="F22" s="279">
        <v>0</v>
      </c>
      <c r="G22" s="280">
        <v>97</v>
      </c>
      <c r="H22" s="280">
        <v>165</v>
      </c>
      <c r="I22" s="280">
        <v>43</v>
      </c>
      <c r="J22" s="280">
        <v>23</v>
      </c>
      <c r="K22" s="280">
        <v>0</v>
      </c>
      <c r="L22" s="277">
        <v>328</v>
      </c>
      <c r="M22" s="282">
        <v>328</v>
      </c>
      <c r="N22" s="280">
        <v>0</v>
      </c>
      <c r="O22" s="280">
        <v>0</v>
      </c>
      <c r="P22" s="277">
        <v>0</v>
      </c>
      <c r="Q22" s="279">
        <v>0</v>
      </c>
      <c r="R22" s="280">
        <v>0</v>
      </c>
      <c r="S22" s="280">
        <v>0</v>
      </c>
      <c r="T22" s="280">
        <v>16</v>
      </c>
      <c r="U22" s="280">
        <v>0</v>
      </c>
      <c r="V22" s="280">
        <v>0</v>
      </c>
      <c r="W22" s="277">
        <v>16</v>
      </c>
      <c r="X22" s="282">
        <v>16</v>
      </c>
    </row>
    <row r="23" spans="2:24" ht="21" customHeight="1" x14ac:dyDescent="0.2">
      <c r="B23" s="256" t="s">
        <v>21</v>
      </c>
      <c r="C23" s="280">
        <v>0</v>
      </c>
      <c r="D23" s="280">
        <v>0</v>
      </c>
      <c r="E23" s="277">
        <v>0</v>
      </c>
      <c r="F23" s="279">
        <v>0</v>
      </c>
      <c r="G23" s="280">
        <v>66</v>
      </c>
      <c r="H23" s="280">
        <v>68</v>
      </c>
      <c r="I23" s="280">
        <v>14</v>
      </c>
      <c r="J23" s="280">
        <v>14</v>
      </c>
      <c r="K23" s="280">
        <v>4</v>
      </c>
      <c r="L23" s="277">
        <v>166</v>
      </c>
      <c r="M23" s="282">
        <v>166</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27</v>
      </c>
      <c r="H24" s="280">
        <v>50</v>
      </c>
      <c r="I24" s="280">
        <v>2</v>
      </c>
      <c r="J24" s="280">
        <v>30</v>
      </c>
      <c r="K24" s="280">
        <v>0</v>
      </c>
      <c r="L24" s="277">
        <v>109</v>
      </c>
      <c r="M24" s="282">
        <v>109</v>
      </c>
      <c r="N24" s="280">
        <v>0</v>
      </c>
      <c r="O24" s="280">
        <v>0</v>
      </c>
      <c r="P24" s="277">
        <v>0</v>
      </c>
      <c r="Q24" s="279">
        <v>0</v>
      </c>
      <c r="R24" s="280">
        <v>0</v>
      </c>
      <c r="S24" s="280">
        <v>0</v>
      </c>
      <c r="T24" s="280">
        <v>18</v>
      </c>
      <c r="U24" s="280">
        <v>13</v>
      </c>
      <c r="V24" s="280">
        <v>0</v>
      </c>
      <c r="W24" s="277">
        <v>31</v>
      </c>
      <c r="X24" s="282">
        <v>31</v>
      </c>
    </row>
    <row r="25" spans="2:24" ht="21" customHeight="1" x14ac:dyDescent="0.2">
      <c r="B25" s="256" t="s">
        <v>23</v>
      </c>
      <c r="C25" s="280">
        <v>0</v>
      </c>
      <c r="D25" s="280">
        <v>0</v>
      </c>
      <c r="E25" s="277">
        <v>0</v>
      </c>
      <c r="F25" s="279">
        <v>0</v>
      </c>
      <c r="G25" s="280">
        <v>31</v>
      </c>
      <c r="H25" s="280">
        <v>8</v>
      </c>
      <c r="I25" s="280">
        <v>0</v>
      </c>
      <c r="J25" s="280">
        <v>29</v>
      </c>
      <c r="K25" s="280">
        <v>0</v>
      </c>
      <c r="L25" s="277">
        <v>68</v>
      </c>
      <c r="M25" s="282">
        <v>68</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20</v>
      </c>
      <c r="H26" s="280">
        <v>0</v>
      </c>
      <c r="I26" s="280">
        <v>31</v>
      </c>
      <c r="J26" s="280">
        <v>0</v>
      </c>
      <c r="K26" s="280">
        <v>0</v>
      </c>
      <c r="L26" s="277">
        <v>51</v>
      </c>
      <c r="M26" s="282">
        <v>51</v>
      </c>
      <c r="N26" s="280">
        <v>0</v>
      </c>
      <c r="O26" s="280">
        <v>0</v>
      </c>
      <c r="P26" s="277">
        <v>0</v>
      </c>
      <c r="Q26" s="279">
        <v>0</v>
      </c>
      <c r="R26" s="280">
        <v>0</v>
      </c>
      <c r="S26" s="280">
        <v>0</v>
      </c>
      <c r="T26" s="280">
        <v>12</v>
      </c>
      <c r="U26" s="280">
        <v>0</v>
      </c>
      <c r="V26" s="280">
        <v>0</v>
      </c>
      <c r="W26" s="277">
        <v>12</v>
      </c>
      <c r="X26" s="282">
        <v>12</v>
      </c>
    </row>
    <row r="27" spans="2:24" ht="21" customHeight="1" x14ac:dyDescent="0.2">
      <c r="B27" s="256" t="s">
        <v>25</v>
      </c>
      <c r="C27" s="280">
        <v>0</v>
      </c>
      <c r="D27" s="280">
        <v>0</v>
      </c>
      <c r="E27" s="277">
        <v>0</v>
      </c>
      <c r="F27" s="279">
        <v>0</v>
      </c>
      <c r="G27" s="280">
        <v>54</v>
      </c>
      <c r="H27" s="280">
        <v>0</v>
      </c>
      <c r="I27" s="280">
        <v>0</v>
      </c>
      <c r="J27" s="280">
        <v>0</v>
      </c>
      <c r="K27" s="280">
        <v>0</v>
      </c>
      <c r="L27" s="277">
        <v>54</v>
      </c>
      <c r="M27" s="282">
        <v>54</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13</v>
      </c>
      <c r="H28" s="280">
        <v>42</v>
      </c>
      <c r="I28" s="280">
        <v>16</v>
      </c>
      <c r="J28" s="280">
        <v>0</v>
      </c>
      <c r="K28" s="280">
        <v>0</v>
      </c>
      <c r="L28" s="277">
        <v>71</v>
      </c>
      <c r="M28" s="282">
        <v>71</v>
      </c>
      <c r="N28" s="280">
        <v>0</v>
      </c>
      <c r="O28" s="280">
        <v>0</v>
      </c>
      <c r="P28" s="277">
        <v>0</v>
      </c>
      <c r="Q28" s="279">
        <v>0</v>
      </c>
      <c r="R28" s="280">
        <v>0</v>
      </c>
      <c r="S28" s="280">
        <v>3</v>
      </c>
      <c r="T28" s="280">
        <v>0</v>
      </c>
      <c r="U28" s="280">
        <v>0</v>
      </c>
      <c r="V28" s="280">
        <v>0</v>
      </c>
      <c r="W28" s="277">
        <v>3</v>
      </c>
      <c r="X28" s="282">
        <v>3</v>
      </c>
    </row>
    <row r="29" spans="2:24" ht="21" customHeight="1" x14ac:dyDescent="0.2">
      <c r="B29" s="256" t="s">
        <v>27</v>
      </c>
      <c r="C29" s="280">
        <v>0</v>
      </c>
      <c r="D29" s="280">
        <v>0</v>
      </c>
      <c r="E29" s="277">
        <v>0</v>
      </c>
      <c r="F29" s="279">
        <v>0</v>
      </c>
      <c r="G29" s="280">
        <v>5</v>
      </c>
      <c r="H29" s="280">
        <v>0</v>
      </c>
      <c r="I29" s="280">
        <v>0</v>
      </c>
      <c r="J29" s="280">
        <v>0</v>
      </c>
      <c r="K29" s="280">
        <v>0</v>
      </c>
      <c r="L29" s="277">
        <v>5</v>
      </c>
      <c r="M29" s="282">
        <v>5</v>
      </c>
      <c r="N29" s="280">
        <v>0</v>
      </c>
      <c r="O29" s="280">
        <v>0</v>
      </c>
      <c r="P29" s="277">
        <v>0</v>
      </c>
      <c r="Q29" s="279">
        <v>0</v>
      </c>
      <c r="R29" s="280">
        <v>23</v>
      </c>
      <c r="S29" s="280">
        <v>17</v>
      </c>
      <c r="T29" s="280">
        <v>0</v>
      </c>
      <c r="U29" s="280">
        <v>0</v>
      </c>
      <c r="V29" s="280">
        <v>0</v>
      </c>
      <c r="W29" s="277">
        <v>40</v>
      </c>
      <c r="X29" s="282">
        <v>40</v>
      </c>
    </row>
    <row r="30" spans="2:24" ht="21" customHeight="1" x14ac:dyDescent="0.2">
      <c r="B30" s="256" t="s">
        <v>28</v>
      </c>
      <c r="C30" s="280">
        <v>0</v>
      </c>
      <c r="D30" s="280">
        <v>0</v>
      </c>
      <c r="E30" s="277">
        <v>0</v>
      </c>
      <c r="F30" s="279">
        <v>0</v>
      </c>
      <c r="G30" s="280">
        <v>32</v>
      </c>
      <c r="H30" s="280">
        <v>9</v>
      </c>
      <c r="I30" s="280">
        <v>0</v>
      </c>
      <c r="J30" s="280">
        <v>0</v>
      </c>
      <c r="K30" s="280">
        <v>0</v>
      </c>
      <c r="L30" s="277">
        <v>41</v>
      </c>
      <c r="M30" s="282">
        <v>41</v>
      </c>
      <c r="N30" s="280">
        <v>0</v>
      </c>
      <c r="O30" s="280">
        <v>0</v>
      </c>
      <c r="P30" s="277">
        <v>0</v>
      </c>
      <c r="Q30" s="279">
        <v>0</v>
      </c>
      <c r="R30" s="280">
        <v>0</v>
      </c>
      <c r="S30" s="280">
        <v>0</v>
      </c>
      <c r="T30" s="280">
        <v>0</v>
      </c>
      <c r="U30" s="280">
        <v>0</v>
      </c>
      <c r="V30" s="280">
        <v>3</v>
      </c>
      <c r="W30" s="277">
        <v>3</v>
      </c>
      <c r="X30" s="282">
        <v>3</v>
      </c>
    </row>
    <row r="31" spans="2:24" ht="21" customHeight="1" x14ac:dyDescent="0.2">
      <c r="B31" s="256" t="s">
        <v>29</v>
      </c>
      <c r="C31" s="280">
        <v>0</v>
      </c>
      <c r="D31" s="280">
        <v>0</v>
      </c>
      <c r="E31" s="277">
        <v>0</v>
      </c>
      <c r="F31" s="279">
        <v>0</v>
      </c>
      <c r="G31" s="280">
        <v>26</v>
      </c>
      <c r="H31" s="280">
        <v>0</v>
      </c>
      <c r="I31" s="280">
        <v>0</v>
      </c>
      <c r="J31" s="280">
        <v>0</v>
      </c>
      <c r="K31" s="280">
        <v>0</v>
      </c>
      <c r="L31" s="277">
        <v>26</v>
      </c>
      <c r="M31" s="282">
        <v>26</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8</v>
      </c>
      <c r="H32" s="280">
        <v>0</v>
      </c>
      <c r="I32" s="280">
        <v>0</v>
      </c>
      <c r="J32" s="280">
        <v>0</v>
      </c>
      <c r="K32" s="280">
        <v>0</v>
      </c>
      <c r="L32" s="277">
        <v>8</v>
      </c>
      <c r="M32" s="282">
        <v>8</v>
      </c>
      <c r="N32" s="280">
        <v>9</v>
      </c>
      <c r="O32" s="280">
        <v>0</v>
      </c>
      <c r="P32" s="277">
        <v>9</v>
      </c>
      <c r="Q32" s="279">
        <v>0</v>
      </c>
      <c r="R32" s="280">
        <v>0</v>
      </c>
      <c r="S32" s="280">
        <v>0</v>
      </c>
      <c r="T32" s="280">
        <v>0</v>
      </c>
      <c r="U32" s="280">
        <v>0</v>
      </c>
      <c r="V32" s="280">
        <v>0</v>
      </c>
      <c r="W32" s="277">
        <v>0</v>
      </c>
      <c r="X32" s="282">
        <v>9</v>
      </c>
    </row>
    <row r="33" spans="2:24" ht="21" customHeight="1" x14ac:dyDescent="0.2">
      <c r="B33" s="256" t="s">
        <v>31</v>
      </c>
      <c r="C33" s="280">
        <v>0</v>
      </c>
      <c r="D33" s="280">
        <v>0</v>
      </c>
      <c r="E33" s="277">
        <v>0</v>
      </c>
      <c r="F33" s="279">
        <v>0</v>
      </c>
      <c r="G33" s="280">
        <v>11</v>
      </c>
      <c r="H33" s="280">
        <v>7</v>
      </c>
      <c r="I33" s="280">
        <v>0</v>
      </c>
      <c r="J33" s="280">
        <v>0</v>
      </c>
      <c r="K33" s="280">
        <v>0</v>
      </c>
      <c r="L33" s="277">
        <v>18</v>
      </c>
      <c r="M33" s="282">
        <v>18</v>
      </c>
      <c r="N33" s="280">
        <v>0</v>
      </c>
      <c r="O33" s="280">
        <v>0</v>
      </c>
      <c r="P33" s="277">
        <v>0</v>
      </c>
      <c r="Q33" s="279">
        <v>0</v>
      </c>
      <c r="R33" s="280">
        <v>0</v>
      </c>
      <c r="S33" s="280">
        <v>0</v>
      </c>
      <c r="T33" s="280">
        <v>16</v>
      </c>
      <c r="U33" s="280">
        <v>0</v>
      </c>
      <c r="V33" s="280">
        <v>0</v>
      </c>
      <c r="W33" s="277">
        <v>16</v>
      </c>
      <c r="X33" s="282">
        <v>16</v>
      </c>
    </row>
    <row r="34" spans="2:24" ht="21" customHeight="1" x14ac:dyDescent="0.2">
      <c r="B34" s="256" t="s">
        <v>32</v>
      </c>
      <c r="C34" s="280">
        <v>0</v>
      </c>
      <c r="D34" s="280">
        <v>0</v>
      </c>
      <c r="E34" s="277">
        <v>0</v>
      </c>
      <c r="F34" s="279">
        <v>0</v>
      </c>
      <c r="G34" s="280">
        <v>12</v>
      </c>
      <c r="H34" s="280">
        <v>18</v>
      </c>
      <c r="I34" s="280">
        <v>0</v>
      </c>
      <c r="J34" s="280">
        <v>0</v>
      </c>
      <c r="K34" s="280">
        <v>5</v>
      </c>
      <c r="L34" s="277">
        <v>35</v>
      </c>
      <c r="M34" s="282">
        <v>35</v>
      </c>
      <c r="N34" s="280">
        <v>0</v>
      </c>
      <c r="O34" s="280">
        <v>0</v>
      </c>
      <c r="P34" s="277">
        <v>0</v>
      </c>
      <c r="Q34" s="279">
        <v>0</v>
      </c>
      <c r="R34" s="280">
        <v>0</v>
      </c>
      <c r="S34" s="280">
        <v>0</v>
      </c>
      <c r="T34" s="280">
        <v>0</v>
      </c>
      <c r="U34" s="280">
        <v>2</v>
      </c>
      <c r="V34" s="280">
        <v>0</v>
      </c>
      <c r="W34" s="277">
        <v>2</v>
      </c>
      <c r="X34" s="282">
        <v>2</v>
      </c>
    </row>
    <row r="35" spans="2:24" ht="21" customHeight="1" x14ac:dyDescent="0.2">
      <c r="B35" s="256" t="s">
        <v>33</v>
      </c>
      <c r="C35" s="280">
        <v>0</v>
      </c>
      <c r="D35" s="280">
        <v>0</v>
      </c>
      <c r="E35" s="277">
        <v>0</v>
      </c>
      <c r="F35" s="279">
        <v>0</v>
      </c>
      <c r="G35" s="280">
        <v>3</v>
      </c>
      <c r="H35" s="280">
        <v>0</v>
      </c>
      <c r="I35" s="280">
        <v>1</v>
      </c>
      <c r="J35" s="280">
        <v>0</v>
      </c>
      <c r="K35" s="280">
        <v>0</v>
      </c>
      <c r="L35" s="277">
        <v>4</v>
      </c>
      <c r="M35" s="282">
        <v>4</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22</v>
      </c>
      <c r="H36" s="280">
        <v>0</v>
      </c>
      <c r="I36" s="280">
        <v>0</v>
      </c>
      <c r="J36" s="280">
        <v>0</v>
      </c>
      <c r="K36" s="280">
        <v>0</v>
      </c>
      <c r="L36" s="277">
        <v>22</v>
      </c>
      <c r="M36" s="282">
        <v>22</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31</v>
      </c>
      <c r="H38" s="280">
        <v>20</v>
      </c>
      <c r="I38" s="280">
        <v>0</v>
      </c>
      <c r="J38" s="280">
        <v>0</v>
      </c>
      <c r="K38" s="280">
        <v>3</v>
      </c>
      <c r="L38" s="277">
        <v>54</v>
      </c>
      <c r="M38" s="282">
        <v>54</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0</v>
      </c>
      <c r="L39" s="284">
        <v>0</v>
      </c>
      <c r="M39" s="289">
        <v>0</v>
      </c>
      <c r="N39" s="287">
        <v>0</v>
      </c>
      <c r="O39" s="287">
        <v>0</v>
      </c>
      <c r="P39" s="284">
        <v>0</v>
      </c>
      <c r="Q39" s="286">
        <v>0</v>
      </c>
      <c r="R39" s="287">
        <v>0</v>
      </c>
      <c r="S39" s="287">
        <v>0</v>
      </c>
      <c r="T39" s="287">
        <v>0</v>
      </c>
      <c r="U39" s="287">
        <v>0</v>
      </c>
      <c r="V39" s="287">
        <v>0</v>
      </c>
      <c r="W39" s="284">
        <v>0</v>
      </c>
      <c r="X39" s="289">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4">
        <f>第１表!F2</f>
        <v>4</v>
      </c>
      <c r="I1" s="524"/>
      <c r="J1" s="248">
        <f>第１表!G2</f>
        <v>11</v>
      </c>
      <c r="K1" s="529">
        <f>IF(J1&lt;3,J1+12-2,J1-2)</f>
        <v>9</v>
      </c>
      <c r="L1" s="529"/>
    </row>
    <row r="2" spans="2:24" ht="24" customHeight="1" thickBot="1" x14ac:dyDescent="0.25">
      <c r="B2" s="290" t="s">
        <v>155</v>
      </c>
    </row>
    <row r="3" spans="2:24" ht="21" customHeight="1" x14ac:dyDescent="0.2">
      <c r="B3" s="532"/>
      <c r="C3" s="533" t="s">
        <v>142</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5506</v>
      </c>
      <c r="H6" s="273">
        <v>5068</v>
      </c>
      <c r="I6" s="273">
        <v>2948</v>
      </c>
      <c r="J6" s="273">
        <v>1261</v>
      </c>
      <c r="K6" s="273">
        <v>459</v>
      </c>
      <c r="L6" s="270">
        <v>15242</v>
      </c>
      <c r="M6" s="275">
        <v>15242</v>
      </c>
      <c r="N6" s="273">
        <v>7</v>
      </c>
      <c r="O6" s="273">
        <v>0</v>
      </c>
      <c r="P6" s="270">
        <v>7</v>
      </c>
      <c r="Q6" s="272">
        <v>0</v>
      </c>
      <c r="R6" s="273">
        <v>348</v>
      </c>
      <c r="S6" s="273">
        <v>627</v>
      </c>
      <c r="T6" s="273">
        <v>802</v>
      </c>
      <c r="U6" s="273">
        <v>306</v>
      </c>
      <c r="V6" s="273">
        <v>279</v>
      </c>
      <c r="W6" s="270">
        <v>2362</v>
      </c>
      <c r="X6" s="275">
        <v>2369</v>
      </c>
    </row>
    <row r="7" spans="2:24" ht="21" customHeight="1" x14ac:dyDescent="0.2">
      <c r="B7" s="256" t="s">
        <v>5</v>
      </c>
      <c r="C7" s="280">
        <v>0</v>
      </c>
      <c r="D7" s="280">
        <v>0</v>
      </c>
      <c r="E7" s="277">
        <v>0</v>
      </c>
      <c r="F7" s="279">
        <v>0</v>
      </c>
      <c r="G7" s="280">
        <v>1963</v>
      </c>
      <c r="H7" s="280">
        <v>2802</v>
      </c>
      <c r="I7" s="280">
        <v>1229</v>
      </c>
      <c r="J7" s="280">
        <v>686</v>
      </c>
      <c r="K7" s="280">
        <v>244</v>
      </c>
      <c r="L7" s="277">
        <v>6924</v>
      </c>
      <c r="M7" s="282">
        <v>6924</v>
      </c>
      <c r="N7" s="280">
        <v>7</v>
      </c>
      <c r="O7" s="280">
        <v>0</v>
      </c>
      <c r="P7" s="277">
        <v>7</v>
      </c>
      <c r="Q7" s="279">
        <v>0</v>
      </c>
      <c r="R7" s="280">
        <v>206</v>
      </c>
      <c r="S7" s="280">
        <v>344</v>
      </c>
      <c r="T7" s="280">
        <v>418</v>
      </c>
      <c r="U7" s="280">
        <v>154</v>
      </c>
      <c r="V7" s="280">
        <v>180</v>
      </c>
      <c r="W7" s="277">
        <v>1302</v>
      </c>
      <c r="X7" s="282">
        <v>1309</v>
      </c>
    </row>
    <row r="8" spans="2:24" ht="21" customHeight="1" x14ac:dyDescent="0.2">
      <c r="B8" s="256" t="s">
        <v>6</v>
      </c>
      <c r="C8" s="280">
        <v>0</v>
      </c>
      <c r="D8" s="280">
        <v>0</v>
      </c>
      <c r="E8" s="277">
        <v>0</v>
      </c>
      <c r="F8" s="279">
        <v>0</v>
      </c>
      <c r="G8" s="280">
        <v>1012</v>
      </c>
      <c r="H8" s="280">
        <v>537</v>
      </c>
      <c r="I8" s="280">
        <v>413</v>
      </c>
      <c r="J8" s="280">
        <v>169</v>
      </c>
      <c r="K8" s="280">
        <v>70</v>
      </c>
      <c r="L8" s="277">
        <v>2201</v>
      </c>
      <c r="M8" s="282">
        <v>2201</v>
      </c>
      <c r="N8" s="280">
        <v>0</v>
      </c>
      <c r="O8" s="280">
        <v>0</v>
      </c>
      <c r="P8" s="277">
        <v>0</v>
      </c>
      <c r="Q8" s="279">
        <v>0</v>
      </c>
      <c r="R8" s="280">
        <v>64</v>
      </c>
      <c r="S8" s="280">
        <v>118</v>
      </c>
      <c r="T8" s="280">
        <v>190</v>
      </c>
      <c r="U8" s="280">
        <v>47</v>
      </c>
      <c r="V8" s="280">
        <v>42</v>
      </c>
      <c r="W8" s="277">
        <v>461</v>
      </c>
      <c r="X8" s="282">
        <v>461</v>
      </c>
    </row>
    <row r="9" spans="2:24" ht="21" customHeight="1" x14ac:dyDescent="0.2">
      <c r="B9" s="256" t="s">
        <v>14</v>
      </c>
      <c r="C9" s="280">
        <v>0</v>
      </c>
      <c r="D9" s="280">
        <v>0</v>
      </c>
      <c r="E9" s="277">
        <v>0</v>
      </c>
      <c r="F9" s="279">
        <v>0</v>
      </c>
      <c r="G9" s="280">
        <v>370</v>
      </c>
      <c r="H9" s="280">
        <v>384</v>
      </c>
      <c r="I9" s="280">
        <v>278</v>
      </c>
      <c r="J9" s="280">
        <v>53</v>
      </c>
      <c r="K9" s="280">
        <v>32</v>
      </c>
      <c r="L9" s="277">
        <v>1117</v>
      </c>
      <c r="M9" s="282">
        <v>1117</v>
      </c>
      <c r="N9" s="280">
        <v>0</v>
      </c>
      <c r="O9" s="280">
        <v>0</v>
      </c>
      <c r="P9" s="277">
        <v>0</v>
      </c>
      <c r="Q9" s="279">
        <v>0</v>
      </c>
      <c r="R9" s="280">
        <v>13</v>
      </c>
      <c r="S9" s="280">
        <v>0</v>
      </c>
      <c r="T9" s="280">
        <v>1</v>
      </c>
      <c r="U9" s="280">
        <v>2</v>
      </c>
      <c r="V9" s="280">
        <v>17</v>
      </c>
      <c r="W9" s="277">
        <v>33</v>
      </c>
      <c r="X9" s="282">
        <v>33</v>
      </c>
    </row>
    <row r="10" spans="2:24" ht="21" customHeight="1" x14ac:dyDescent="0.2">
      <c r="B10" s="256" t="s">
        <v>7</v>
      </c>
      <c r="C10" s="280">
        <v>0</v>
      </c>
      <c r="D10" s="280">
        <v>0</v>
      </c>
      <c r="E10" s="277">
        <v>0</v>
      </c>
      <c r="F10" s="279">
        <v>0</v>
      </c>
      <c r="G10" s="280">
        <v>162</v>
      </c>
      <c r="H10" s="280">
        <v>170</v>
      </c>
      <c r="I10" s="280">
        <v>128</v>
      </c>
      <c r="J10" s="280">
        <v>63</v>
      </c>
      <c r="K10" s="280">
        <v>9</v>
      </c>
      <c r="L10" s="277">
        <v>532</v>
      </c>
      <c r="M10" s="282">
        <v>532</v>
      </c>
      <c r="N10" s="280">
        <v>0</v>
      </c>
      <c r="O10" s="280">
        <v>0</v>
      </c>
      <c r="P10" s="277">
        <v>0</v>
      </c>
      <c r="Q10" s="279">
        <v>0</v>
      </c>
      <c r="R10" s="280">
        <v>13</v>
      </c>
      <c r="S10" s="280">
        <v>60</v>
      </c>
      <c r="T10" s="280">
        <v>64</v>
      </c>
      <c r="U10" s="280">
        <v>42</v>
      </c>
      <c r="V10" s="280">
        <v>8</v>
      </c>
      <c r="W10" s="277">
        <v>187</v>
      </c>
      <c r="X10" s="282">
        <v>187</v>
      </c>
    </row>
    <row r="11" spans="2:24" ht="21" customHeight="1" x14ac:dyDescent="0.2">
      <c r="B11" s="256" t="s">
        <v>8</v>
      </c>
      <c r="C11" s="280">
        <v>0</v>
      </c>
      <c r="D11" s="280">
        <v>0</v>
      </c>
      <c r="E11" s="277">
        <v>0</v>
      </c>
      <c r="F11" s="279">
        <v>0</v>
      </c>
      <c r="G11" s="280">
        <v>255</v>
      </c>
      <c r="H11" s="280">
        <v>126</v>
      </c>
      <c r="I11" s="280">
        <v>83</v>
      </c>
      <c r="J11" s="280">
        <v>7</v>
      </c>
      <c r="K11" s="280">
        <v>16</v>
      </c>
      <c r="L11" s="277">
        <v>487</v>
      </c>
      <c r="M11" s="282">
        <v>487</v>
      </c>
      <c r="N11" s="280">
        <v>0</v>
      </c>
      <c r="O11" s="280">
        <v>0</v>
      </c>
      <c r="P11" s="277">
        <v>0</v>
      </c>
      <c r="Q11" s="279">
        <v>0</v>
      </c>
      <c r="R11" s="280">
        <v>0</v>
      </c>
      <c r="S11" s="280">
        <v>11</v>
      </c>
      <c r="T11" s="280">
        <v>0</v>
      </c>
      <c r="U11" s="280">
        <v>0</v>
      </c>
      <c r="V11" s="280">
        <v>0</v>
      </c>
      <c r="W11" s="277">
        <v>11</v>
      </c>
      <c r="X11" s="282">
        <v>11</v>
      </c>
    </row>
    <row r="12" spans="2:24" ht="21" customHeight="1" x14ac:dyDescent="0.2">
      <c r="B12" s="256" t="s">
        <v>9</v>
      </c>
      <c r="C12" s="280">
        <v>0</v>
      </c>
      <c r="D12" s="280">
        <v>0</v>
      </c>
      <c r="E12" s="277">
        <v>0</v>
      </c>
      <c r="F12" s="279">
        <v>0</v>
      </c>
      <c r="G12" s="280">
        <v>307</v>
      </c>
      <c r="H12" s="280">
        <v>178</v>
      </c>
      <c r="I12" s="280">
        <v>186</v>
      </c>
      <c r="J12" s="280">
        <v>57</v>
      </c>
      <c r="K12" s="280">
        <v>33</v>
      </c>
      <c r="L12" s="277">
        <v>761</v>
      </c>
      <c r="M12" s="282">
        <v>761</v>
      </c>
      <c r="N12" s="280">
        <v>0</v>
      </c>
      <c r="O12" s="280">
        <v>0</v>
      </c>
      <c r="P12" s="277">
        <v>0</v>
      </c>
      <c r="Q12" s="279">
        <v>0</v>
      </c>
      <c r="R12" s="280">
        <v>9</v>
      </c>
      <c r="S12" s="280">
        <v>0</v>
      </c>
      <c r="T12" s="280">
        <v>17</v>
      </c>
      <c r="U12" s="280">
        <v>31</v>
      </c>
      <c r="V12" s="280">
        <v>9</v>
      </c>
      <c r="W12" s="277">
        <v>66</v>
      </c>
      <c r="X12" s="282">
        <v>66</v>
      </c>
    </row>
    <row r="13" spans="2:24" ht="21" customHeight="1" x14ac:dyDescent="0.2">
      <c r="B13" s="256" t="s">
        <v>10</v>
      </c>
      <c r="C13" s="280">
        <v>0</v>
      </c>
      <c r="D13" s="280">
        <v>0</v>
      </c>
      <c r="E13" s="277">
        <v>0</v>
      </c>
      <c r="F13" s="279">
        <v>0</v>
      </c>
      <c r="G13" s="280">
        <v>266</v>
      </c>
      <c r="H13" s="280">
        <v>115</v>
      </c>
      <c r="I13" s="280">
        <v>70</v>
      </c>
      <c r="J13" s="280">
        <v>4</v>
      </c>
      <c r="K13" s="280">
        <v>1</v>
      </c>
      <c r="L13" s="277">
        <v>456</v>
      </c>
      <c r="M13" s="282">
        <v>456</v>
      </c>
      <c r="N13" s="280">
        <v>0</v>
      </c>
      <c r="O13" s="280">
        <v>0</v>
      </c>
      <c r="P13" s="277">
        <v>0</v>
      </c>
      <c r="Q13" s="279">
        <v>0</v>
      </c>
      <c r="R13" s="280">
        <v>4</v>
      </c>
      <c r="S13" s="280">
        <v>40</v>
      </c>
      <c r="T13" s="280">
        <v>66</v>
      </c>
      <c r="U13" s="280">
        <v>30</v>
      </c>
      <c r="V13" s="280">
        <v>3</v>
      </c>
      <c r="W13" s="277">
        <v>143</v>
      </c>
      <c r="X13" s="282">
        <v>143</v>
      </c>
    </row>
    <row r="14" spans="2:24" ht="21" customHeight="1" x14ac:dyDescent="0.2">
      <c r="B14" s="256" t="s">
        <v>11</v>
      </c>
      <c r="C14" s="280">
        <v>0</v>
      </c>
      <c r="D14" s="280">
        <v>0</v>
      </c>
      <c r="E14" s="277">
        <v>0</v>
      </c>
      <c r="F14" s="279">
        <v>0</v>
      </c>
      <c r="G14" s="280">
        <v>146</v>
      </c>
      <c r="H14" s="280">
        <v>72</v>
      </c>
      <c r="I14" s="280">
        <v>68</v>
      </c>
      <c r="J14" s="280">
        <v>18</v>
      </c>
      <c r="K14" s="280">
        <v>9</v>
      </c>
      <c r="L14" s="277">
        <v>313</v>
      </c>
      <c r="M14" s="282">
        <v>313</v>
      </c>
      <c r="N14" s="280">
        <v>0</v>
      </c>
      <c r="O14" s="280">
        <v>0</v>
      </c>
      <c r="P14" s="277">
        <v>0</v>
      </c>
      <c r="Q14" s="279">
        <v>0</v>
      </c>
      <c r="R14" s="280">
        <v>0</v>
      </c>
      <c r="S14" s="280">
        <v>0</v>
      </c>
      <c r="T14" s="280">
        <v>0</v>
      </c>
      <c r="U14" s="280">
        <v>0</v>
      </c>
      <c r="V14" s="280">
        <v>0</v>
      </c>
      <c r="W14" s="277">
        <v>0</v>
      </c>
      <c r="X14" s="282">
        <v>0</v>
      </c>
    </row>
    <row r="15" spans="2:24" ht="21" customHeight="1" x14ac:dyDescent="0.2">
      <c r="B15" s="256" t="s">
        <v>12</v>
      </c>
      <c r="C15" s="280">
        <v>0</v>
      </c>
      <c r="D15" s="280">
        <v>0</v>
      </c>
      <c r="E15" s="277">
        <v>0</v>
      </c>
      <c r="F15" s="279">
        <v>0</v>
      </c>
      <c r="G15" s="280">
        <v>129</v>
      </c>
      <c r="H15" s="280">
        <v>96</v>
      </c>
      <c r="I15" s="280">
        <v>74</v>
      </c>
      <c r="J15" s="280">
        <v>65</v>
      </c>
      <c r="K15" s="280">
        <v>0</v>
      </c>
      <c r="L15" s="277">
        <v>364</v>
      </c>
      <c r="M15" s="282">
        <v>364</v>
      </c>
      <c r="N15" s="280">
        <v>0</v>
      </c>
      <c r="O15" s="280">
        <v>0</v>
      </c>
      <c r="P15" s="277">
        <v>0</v>
      </c>
      <c r="Q15" s="279">
        <v>0</v>
      </c>
      <c r="R15" s="280">
        <v>0</v>
      </c>
      <c r="S15" s="280">
        <v>9</v>
      </c>
      <c r="T15" s="280">
        <v>0</v>
      </c>
      <c r="U15" s="280">
        <v>0</v>
      </c>
      <c r="V15" s="280">
        <v>0</v>
      </c>
      <c r="W15" s="277">
        <v>9</v>
      </c>
      <c r="X15" s="282">
        <v>9</v>
      </c>
    </row>
    <row r="16" spans="2:24" ht="21" customHeight="1" x14ac:dyDescent="0.2">
      <c r="B16" s="256" t="s">
        <v>13</v>
      </c>
      <c r="C16" s="280">
        <v>0</v>
      </c>
      <c r="D16" s="280">
        <v>0</v>
      </c>
      <c r="E16" s="277">
        <v>0</v>
      </c>
      <c r="F16" s="279">
        <v>0</v>
      </c>
      <c r="G16" s="280">
        <v>83</v>
      </c>
      <c r="H16" s="280">
        <v>63</v>
      </c>
      <c r="I16" s="280">
        <v>38</v>
      </c>
      <c r="J16" s="280">
        <v>9</v>
      </c>
      <c r="K16" s="280">
        <v>1</v>
      </c>
      <c r="L16" s="277">
        <v>194</v>
      </c>
      <c r="M16" s="282">
        <v>194</v>
      </c>
      <c r="N16" s="280">
        <v>0</v>
      </c>
      <c r="O16" s="280">
        <v>0</v>
      </c>
      <c r="P16" s="277">
        <v>0</v>
      </c>
      <c r="Q16" s="279">
        <v>0</v>
      </c>
      <c r="R16" s="280">
        <v>0</v>
      </c>
      <c r="S16" s="280">
        <v>0</v>
      </c>
      <c r="T16" s="280">
        <v>0</v>
      </c>
      <c r="U16" s="280">
        <v>0</v>
      </c>
      <c r="V16" s="280">
        <v>0</v>
      </c>
      <c r="W16" s="277">
        <v>0</v>
      </c>
      <c r="X16" s="282">
        <v>0</v>
      </c>
    </row>
    <row r="17" spans="2:24" ht="21" customHeight="1" x14ac:dyDescent="0.2">
      <c r="B17" s="256" t="s">
        <v>15</v>
      </c>
      <c r="C17" s="280">
        <v>0</v>
      </c>
      <c r="D17" s="280">
        <v>0</v>
      </c>
      <c r="E17" s="277">
        <v>0</v>
      </c>
      <c r="F17" s="279">
        <v>0</v>
      </c>
      <c r="G17" s="280">
        <v>46</v>
      </c>
      <c r="H17" s="280">
        <v>49</v>
      </c>
      <c r="I17" s="280">
        <v>2</v>
      </c>
      <c r="J17" s="280">
        <v>0</v>
      </c>
      <c r="K17" s="280">
        <v>1</v>
      </c>
      <c r="L17" s="277">
        <v>98</v>
      </c>
      <c r="M17" s="282">
        <v>98</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73</v>
      </c>
      <c r="H18" s="280">
        <v>52</v>
      </c>
      <c r="I18" s="280">
        <v>44</v>
      </c>
      <c r="J18" s="280">
        <v>0</v>
      </c>
      <c r="K18" s="280">
        <v>5</v>
      </c>
      <c r="L18" s="277">
        <v>174</v>
      </c>
      <c r="M18" s="282">
        <v>174</v>
      </c>
      <c r="N18" s="280">
        <v>0</v>
      </c>
      <c r="O18" s="280">
        <v>0</v>
      </c>
      <c r="P18" s="277">
        <v>0</v>
      </c>
      <c r="Q18" s="279">
        <v>0</v>
      </c>
      <c r="R18" s="280">
        <v>12</v>
      </c>
      <c r="S18" s="280">
        <v>4</v>
      </c>
      <c r="T18" s="280">
        <v>12</v>
      </c>
      <c r="U18" s="280">
        <v>0</v>
      </c>
      <c r="V18" s="280">
        <v>0</v>
      </c>
      <c r="W18" s="277">
        <v>28</v>
      </c>
      <c r="X18" s="282">
        <v>28</v>
      </c>
    </row>
    <row r="19" spans="2:24" ht="21" customHeight="1" x14ac:dyDescent="0.2">
      <c r="B19" s="256" t="s">
        <v>17</v>
      </c>
      <c r="C19" s="280">
        <v>0</v>
      </c>
      <c r="D19" s="280">
        <v>0</v>
      </c>
      <c r="E19" s="277">
        <v>0</v>
      </c>
      <c r="F19" s="279">
        <v>0</v>
      </c>
      <c r="G19" s="280">
        <v>68</v>
      </c>
      <c r="H19" s="280">
        <v>121</v>
      </c>
      <c r="I19" s="280">
        <v>94</v>
      </c>
      <c r="J19" s="280">
        <v>37</v>
      </c>
      <c r="K19" s="280">
        <v>8</v>
      </c>
      <c r="L19" s="277">
        <v>328</v>
      </c>
      <c r="M19" s="282">
        <v>328</v>
      </c>
      <c r="N19" s="280">
        <v>0</v>
      </c>
      <c r="O19" s="280">
        <v>0</v>
      </c>
      <c r="P19" s="277">
        <v>0</v>
      </c>
      <c r="Q19" s="279">
        <v>0</v>
      </c>
      <c r="R19" s="280">
        <v>0</v>
      </c>
      <c r="S19" s="280">
        <v>0</v>
      </c>
      <c r="T19" s="280">
        <v>0</v>
      </c>
      <c r="U19" s="280">
        <v>0</v>
      </c>
      <c r="V19" s="280">
        <v>0</v>
      </c>
      <c r="W19" s="277">
        <v>0</v>
      </c>
      <c r="X19" s="282">
        <v>0</v>
      </c>
    </row>
    <row r="20" spans="2:24" ht="21" customHeight="1" x14ac:dyDescent="0.2">
      <c r="B20" s="256" t="s">
        <v>18</v>
      </c>
      <c r="C20" s="280">
        <v>0</v>
      </c>
      <c r="D20" s="280">
        <v>0</v>
      </c>
      <c r="E20" s="277">
        <v>0</v>
      </c>
      <c r="F20" s="279">
        <v>0</v>
      </c>
      <c r="G20" s="280">
        <v>166</v>
      </c>
      <c r="H20" s="280">
        <v>56</v>
      </c>
      <c r="I20" s="280">
        <v>115</v>
      </c>
      <c r="J20" s="280">
        <v>8</v>
      </c>
      <c r="K20" s="280">
        <v>0</v>
      </c>
      <c r="L20" s="277">
        <v>345</v>
      </c>
      <c r="M20" s="282">
        <v>345</v>
      </c>
      <c r="N20" s="280">
        <v>0</v>
      </c>
      <c r="O20" s="280">
        <v>0</v>
      </c>
      <c r="P20" s="277">
        <v>0</v>
      </c>
      <c r="Q20" s="279">
        <v>0</v>
      </c>
      <c r="R20" s="280">
        <v>10</v>
      </c>
      <c r="S20" s="280">
        <v>0</v>
      </c>
      <c r="T20" s="280">
        <v>12</v>
      </c>
      <c r="U20" s="280">
        <v>0</v>
      </c>
      <c r="V20" s="280">
        <v>0</v>
      </c>
      <c r="W20" s="277">
        <v>22</v>
      </c>
      <c r="X20" s="282">
        <v>22</v>
      </c>
    </row>
    <row r="21" spans="2:24" ht="21" customHeight="1" x14ac:dyDescent="0.2">
      <c r="B21" s="256" t="s">
        <v>19</v>
      </c>
      <c r="C21" s="280">
        <v>0</v>
      </c>
      <c r="D21" s="280">
        <v>0</v>
      </c>
      <c r="E21" s="277">
        <v>0</v>
      </c>
      <c r="F21" s="279">
        <v>0</v>
      </c>
      <c r="G21" s="280">
        <v>84</v>
      </c>
      <c r="H21" s="280">
        <v>27</v>
      </c>
      <c r="I21" s="280">
        <v>17</v>
      </c>
      <c r="J21" s="280">
        <v>17</v>
      </c>
      <c r="K21" s="280">
        <v>0</v>
      </c>
      <c r="L21" s="277">
        <v>145</v>
      </c>
      <c r="M21" s="282">
        <v>145</v>
      </c>
      <c r="N21" s="280">
        <v>0</v>
      </c>
      <c r="O21" s="280">
        <v>0</v>
      </c>
      <c r="P21" s="277">
        <v>0</v>
      </c>
      <c r="Q21" s="279">
        <v>0</v>
      </c>
      <c r="R21" s="280">
        <v>3</v>
      </c>
      <c r="S21" s="280">
        <v>23</v>
      </c>
      <c r="T21" s="280">
        <v>0</v>
      </c>
      <c r="U21" s="280">
        <v>0</v>
      </c>
      <c r="V21" s="280">
        <v>0</v>
      </c>
      <c r="W21" s="277">
        <v>26</v>
      </c>
      <c r="X21" s="282">
        <v>26</v>
      </c>
    </row>
    <row r="22" spans="2:24" ht="21" customHeight="1" x14ac:dyDescent="0.2">
      <c r="B22" s="256" t="s">
        <v>20</v>
      </c>
      <c r="C22" s="280">
        <v>0</v>
      </c>
      <c r="D22" s="280">
        <v>0</v>
      </c>
      <c r="E22" s="277">
        <v>0</v>
      </c>
      <c r="F22" s="279">
        <v>0</v>
      </c>
      <c r="G22" s="280">
        <v>55</v>
      </c>
      <c r="H22" s="280">
        <v>90</v>
      </c>
      <c r="I22" s="280">
        <v>9</v>
      </c>
      <c r="J22" s="280">
        <v>0</v>
      </c>
      <c r="K22" s="280">
        <v>0</v>
      </c>
      <c r="L22" s="277">
        <v>154</v>
      </c>
      <c r="M22" s="282">
        <v>154</v>
      </c>
      <c r="N22" s="280">
        <v>0</v>
      </c>
      <c r="O22" s="280">
        <v>0</v>
      </c>
      <c r="P22" s="277">
        <v>0</v>
      </c>
      <c r="Q22" s="279">
        <v>0</v>
      </c>
      <c r="R22" s="280">
        <v>0</v>
      </c>
      <c r="S22" s="280">
        <v>0</v>
      </c>
      <c r="T22" s="280">
        <v>0</v>
      </c>
      <c r="U22" s="280">
        <v>0</v>
      </c>
      <c r="V22" s="280">
        <v>0</v>
      </c>
      <c r="W22" s="277">
        <v>0</v>
      </c>
      <c r="X22" s="282">
        <v>0</v>
      </c>
    </row>
    <row r="23" spans="2:24" ht="21" customHeight="1" x14ac:dyDescent="0.2">
      <c r="B23" s="256" t="s">
        <v>21</v>
      </c>
      <c r="C23" s="280">
        <v>0</v>
      </c>
      <c r="D23" s="280">
        <v>0</v>
      </c>
      <c r="E23" s="277">
        <v>0</v>
      </c>
      <c r="F23" s="279">
        <v>0</v>
      </c>
      <c r="G23" s="280">
        <v>90</v>
      </c>
      <c r="H23" s="280">
        <v>28</v>
      </c>
      <c r="I23" s="280">
        <v>19</v>
      </c>
      <c r="J23" s="280">
        <v>7</v>
      </c>
      <c r="K23" s="280">
        <v>0</v>
      </c>
      <c r="L23" s="277">
        <v>144</v>
      </c>
      <c r="M23" s="282">
        <v>144</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67</v>
      </c>
      <c r="H24" s="280">
        <v>9</v>
      </c>
      <c r="I24" s="280">
        <v>0</v>
      </c>
      <c r="J24" s="280">
        <v>12</v>
      </c>
      <c r="K24" s="280">
        <v>0</v>
      </c>
      <c r="L24" s="277">
        <v>88</v>
      </c>
      <c r="M24" s="282">
        <v>88</v>
      </c>
      <c r="N24" s="280">
        <v>0</v>
      </c>
      <c r="O24" s="280">
        <v>0</v>
      </c>
      <c r="P24" s="277">
        <v>0</v>
      </c>
      <c r="Q24" s="279">
        <v>0</v>
      </c>
      <c r="R24" s="280">
        <v>0</v>
      </c>
      <c r="S24" s="280">
        <v>0</v>
      </c>
      <c r="T24" s="280">
        <v>9</v>
      </c>
      <c r="U24" s="280">
        <v>0</v>
      </c>
      <c r="V24" s="280">
        <v>0</v>
      </c>
      <c r="W24" s="277">
        <v>9</v>
      </c>
      <c r="X24" s="282">
        <v>9</v>
      </c>
    </row>
    <row r="25" spans="2:24" ht="21" customHeight="1" x14ac:dyDescent="0.2">
      <c r="B25" s="256" t="s">
        <v>23</v>
      </c>
      <c r="C25" s="280">
        <v>0</v>
      </c>
      <c r="D25" s="280">
        <v>0</v>
      </c>
      <c r="E25" s="277">
        <v>0</v>
      </c>
      <c r="F25" s="279">
        <v>0</v>
      </c>
      <c r="G25" s="280">
        <v>6</v>
      </c>
      <c r="H25" s="280">
        <v>26</v>
      </c>
      <c r="I25" s="280">
        <v>13</v>
      </c>
      <c r="J25" s="280">
        <v>0</v>
      </c>
      <c r="K25" s="280">
        <v>21</v>
      </c>
      <c r="L25" s="277">
        <v>66</v>
      </c>
      <c r="M25" s="282">
        <v>66</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0</v>
      </c>
      <c r="H26" s="280">
        <v>0</v>
      </c>
      <c r="I26" s="280">
        <v>6</v>
      </c>
      <c r="J26" s="280">
        <v>0</v>
      </c>
      <c r="K26" s="280">
        <v>0</v>
      </c>
      <c r="L26" s="277">
        <v>6</v>
      </c>
      <c r="M26" s="282">
        <v>6</v>
      </c>
      <c r="N26" s="280">
        <v>0</v>
      </c>
      <c r="O26" s="280">
        <v>0</v>
      </c>
      <c r="P26" s="277">
        <v>0</v>
      </c>
      <c r="Q26" s="279">
        <v>0</v>
      </c>
      <c r="R26" s="280">
        <v>0</v>
      </c>
      <c r="S26" s="280">
        <v>9</v>
      </c>
      <c r="T26" s="280">
        <v>0</v>
      </c>
      <c r="U26" s="280">
        <v>0</v>
      </c>
      <c r="V26" s="280">
        <v>20</v>
      </c>
      <c r="W26" s="277">
        <v>29</v>
      </c>
      <c r="X26" s="282">
        <v>29</v>
      </c>
    </row>
    <row r="27" spans="2:24" ht="21" customHeight="1" x14ac:dyDescent="0.2">
      <c r="B27" s="256" t="s">
        <v>25</v>
      </c>
      <c r="C27" s="280">
        <v>0</v>
      </c>
      <c r="D27" s="280">
        <v>0</v>
      </c>
      <c r="E27" s="277">
        <v>0</v>
      </c>
      <c r="F27" s="279">
        <v>0</v>
      </c>
      <c r="G27" s="280">
        <v>22</v>
      </c>
      <c r="H27" s="280">
        <v>5</v>
      </c>
      <c r="I27" s="280">
        <v>4</v>
      </c>
      <c r="J27" s="280">
        <v>0</v>
      </c>
      <c r="K27" s="280">
        <v>0</v>
      </c>
      <c r="L27" s="277">
        <v>31</v>
      </c>
      <c r="M27" s="282">
        <v>31</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3</v>
      </c>
      <c r="H28" s="280">
        <v>0</v>
      </c>
      <c r="I28" s="280">
        <v>33</v>
      </c>
      <c r="J28" s="280">
        <v>0</v>
      </c>
      <c r="K28" s="280">
        <v>0</v>
      </c>
      <c r="L28" s="277">
        <v>66</v>
      </c>
      <c r="M28" s="282">
        <v>66</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11</v>
      </c>
      <c r="H29" s="280">
        <v>0</v>
      </c>
      <c r="I29" s="280">
        <v>0</v>
      </c>
      <c r="J29" s="280">
        <v>0</v>
      </c>
      <c r="K29" s="280">
        <v>0</v>
      </c>
      <c r="L29" s="277">
        <v>11</v>
      </c>
      <c r="M29" s="282">
        <v>11</v>
      </c>
      <c r="N29" s="280">
        <v>0</v>
      </c>
      <c r="O29" s="280">
        <v>0</v>
      </c>
      <c r="P29" s="277">
        <v>0</v>
      </c>
      <c r="Q29" s="279">
        <v>0</v>
      </c>
      <c r="R29" s="280">
        <v>0</v>
      </c>
      <c r="S29" s="280">
        <v>4</v>
      </c>
      <c r="T29" s="280">
        <v>4</v>
      </c>
      <c r="U29" s="280">
        <v>0</v>
      </c>
      <c r="V29" s="280">
        <v>0</v>
      </c>
      <c r="W29" s="277">
        <v>8</v>
      </c>
      <c r="X29" s="282">
        <v>8</v>
      </c>
    </row>
    <row r="30" spans="2:24" ht="21" customHeight="1" x14ac:dyDescent="0.2">
      <c r="B30" s="256" t="s">
        <v>28</v>
      </c>
      <c r="C30" s="280">
        <v>0</v>
      </c>
      <c r="D30" s="280">
        <v>0</v>
      </c>
      <c r="E30" s="277">
        <v>0</v>
      </c>
      <c r="F30" s="279">
        <v>0</v>
      </c>
      <c r="G30" s="280">
        <v>36</v>
      </c>
      <c r="H30" s="280">
        <v>8</v>
      </c>
      <c r="I30" s="280">
        <v>0</v>
      </c>
      <c r="J30" s="280">
        <v>0</v>
      </c>
      <c r="K30" s="280">
        <v>0</v>
      </c>
      <c r="L30" s="277">
        <v>44</v>
      </c>
      <c r="M30" s="282">
        <v>44</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0</v>
      </c>
      <c r="H31" s="280">
        <v>4</v>
      </c>
      <c r="I31" s="280">
        <v>0</v>
      </c>
      <c r="J31" s="280">
        <v>0</v>
      </c>
      <c r="K31" s="280">
        <v>0</v>
      </c>
      <c r="L31" s="277">
        <v>4</v>
      </c>
      <c r="M31" s="282">
        <v>4</v>
      </c>
      <c r="N31" s="280">
        <v>0</v>
      </c>
      <c r="O31" s="280">
        <v>0</v>
      </c>
      <c r="P31" s="277">
        <v>0</v>
      </c>
      <c r="Q31" s="279">
        <v>0</v>
      </c>
      <c r="R31" s="280">
        <v>0</v>
      </c>
      <c r="S31" s="280">
        <v>0</v>
      </c>
      <c r="T31" s="280">
        <v>9</v>
      </c>
      <c r="U31" s="280">
        <v>0</v>
      </c>
      <c r="V31" s="280">
        <v>0</v>
      </c>
      <c r="W31" s="277">
        <v>9</v>
      </c>
      <c r="X31" s="282">
        <v>9</v>
      </c>
    </row>
    <row r="32" spans="2:24" ht="21" customHeight="1" x14ac:dyDescent="0.2">
      <c r="B32" s="256" t="s">
        <v>30</v>
      </c>
      <c r="C32" s="280">
        <v>0</v>
      </c>
      <c r="D32" s="280">
        <v>0</v>
      </c>
      <c r="E32" s="277">
        <v>0</v>
      </c>
      <c r="F32" s="279">
        <v>0</v>
      </c>
      <c r="G32" s="280">
        <v>11</v>
      </c>
      <c r="H32" s="280">
        <v>0</v>
      </c>
      <c r="I32" s="280">
        <v>0</v>
      </c>
      <c r="J32" s="280">
        <v>8</v>
      </c>
      <c r="K32" s="280">
        <v>0</v>
      </c>
      <c r="L32" s="277">
        <v>19</v>
      </c>
      <c r="M32" s="282">
        <v>19</v>
      </c>
      <c r="N32" s="280">
        <v>0</v>
      </c>
      <c r="O32" s="280">
        <v>0</v>
      </c>
      <c r="P32" s="277">
        <v>0</v>
      </c>
      <c r="Q32" s="279">
        <v>0</v>
      </c>
      <c r="R32" s="280">
        <v>0</v>
      </c>
      <c r="S32" s="280">
        <v>5</v>
      </c>
      <c r="T32" s="280">
        <v>0</v>
      </c>
      <c r="U32" s="280">
        <v>0</v>
      </c>
      <c r="V32" s="280">
        <v>0</v>
      </c>
      <c r="W32" s="277">
        <v>5</v>
      </c>
      <c r="X32" s="282">
        <v>5</v>
      </c>
    </row>
    <row r="33" spans="2:24" ht="21" customHeight="1" x14ac:dyDescent="0.2">
      <c r="B33" s="256" t="s">
        <v>31</v>
      </c>
      <c r="C33" s="280">
        <v>0</v>
      </c>
      <c r="D33" s="280">
        <v>0</v>
      </c>
      <c r="E33" s="277">
        <v>0</v>
      </c>
      <c r="F33" s="279">
        <v>0</v>
      </c>
      <c r="G33" s="280">
        <v>13</v>
      </c>
      <c r="H33" s="280">
        <v>2</v>
      </c>
      <c r="I33" s="280">
        <v>9</v>
      </c>
      <c r="J33" s="280">
        <v>0</v>
      </c>
      <c r="K33" s="280">
        <v>0</v>
      </c>
      <c r="L33" s="277">
        <v>24</v>
      </c>
      <c r="M33" s="282">
        <v>24</v>
      </c>
      <c r="N33" s="280">
        <v>0</v>
      </c>
      <c r="O33" s="280">
        <v>0</v>
      </c>
      <c r="P33" s="277">
        <v>0</v>
      </c>
      <c r="Q33" s="279">
        <v>0</v>
      </c>
      <c r="R33" s="280">
        <v>0</v>
      </c>
      <c r="S33" s="280">
        <v>0</v>
      </c>
      <c r="T33" s="280">
        <v>0</v>
      </c>
      <c r="U33" s="280">
        <v>0</v>
      </c>
      <c r="V33" s="280">
        <v>0</v>
      </c>
      <c r="W33" s="277">
        <v>0</v>
      </c>
      <c r="X33" s="282">
        <v>0</v>
      </c>
    </row>
    <row r="34" spans="2:24" ht="21" customHeight="1" x14ac:dyDescent="0.2">
      <c r="B34" s="256" t="s">
        <v>32</v>
      </c>
      <c r="C34" s="280">
        <v>0</v>
      </c>
      <c r="D34" s="280">
        <v>0</v>
      </c>
      <c r="E34" s="277">
        <v>0</v>
      </c>
      <c r="F34" s="279">
        <v>0</v>
      </c>
      <c r="G34" s="280">
        <v>3</v>
      </c>
      <c r="H34" s="280">
        <v>28</v>
      </c>
      <c r="I34" s="280">
        <v>4</v>
      </c>
      <c r="J34" s="280">
        <v>4</v>
      </c>
      <c r="K34" s="280">
        <v>0</v>
      </c>
      <c r="L34" s="277">
        <v>39</v>
      </c>
      <c r="M34" s="282">
        <v>39</v>
      </c>
      <c r="N34" s="280">
        <v>0</v>
      </c>
      <c r="O34" s="280">
        <v>0</v>
      </c>
      <c r="P34" s="277">
        <v>0</v>
      </c>
      <c r="Q34" s="279">
        <v>0</v>
      </c>
      <c r="R34" s="280">
        <v>14</v>
      </c>
      <c r="S34" s="280">
        <v>0</v>
      </c>
      <c r="T34" s="280">
        <v>0</v>
      </c>
      <c r="U34" s="280">
        <v>0</v>
      </c>
      <c r="V34" s="280">
        <v>0</v>
      </c>
      <c r="W34" s="277">
        <v>14</v>
      </c>
      <c r="X34" s="282">
        <v>14</v>
      </c>
    </row>
    <row r="35" spans="2:24" ht="21" customHeight="1" x14ac:dyDescent="0.2">
      <c r="B35" s="256" t="s">
        <v>33</v>
      </c>
      <c r="C35" s="280">
        <v>0</v>
      </c>
      <c r="D35" s="280">
        <v>0</v>
      </c>
      <c r="E35" s="277">
        <v>0</v>
      </c>
      <c r="F35" s="279">
        <v>0</v>
      </c>
      <c r="G35" s="280">
        <v>12</v>
      </c>
      <c r="H35" s="280">
        <v>0</v>
      </c>
      <c r="I35" s="280">
        <v>12</v>
      </c>
      <c r="J35" s="280">
        <v>0</v>
      </c>
      <c r="K35" s="280">
        <v>0</v>
      </c>
      <c r="L35" s="277">
        <v>24</v>
      </c>
      <c r="M35" s="282">
        <v>24</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0</v>
      </c>
      <c r="H36" s="280">
        <v>0</v>
      </c>
      <c r="I36" s="280">
        <v>0</v>
      </c>
      <c r="J36" s="280">
        <v>0</v>
      </c>
      <c r="K36" s="280">
        <v>0</v>
      </c>
      <c r="L36" s="277">
        <v>0</v>
      </c>
      <c r="M36" s="282">
        <v>0</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9</v>
      </c>
      <c r="H37" s="280">
        <v>13</v>
      </c>
      <c r="I37" s="280">
        <v>0</v>
      </c>
      <c r="J37" s="280">
        <v>0</v>
      </c>
      <c r="K37" s="280">
        <v>0</v>
      </c>
      <c r="L37" s="277">
        <v>22</v>
      </c>
      <c r="M37" s="282">
        <v>22</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8</v>
      </c>
      <c r="H38" s="280">
        <v>7</v>
      </c>
      <c r="I38" s="280">
        <v>0</v>
      </c>
      <c r="J38" s="280">
        <v>37</v>
      </c>
      <c r="K38" s="280">
        <v>0</v>
      </c>
      <c r="L38" s="277">
        <v>52</v>
      </c>
      <c r="M38" s="282">
        <v>52</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9</v>
      </c>
      <c r="L39" s="284">
        <v>9</v>
      </c>
      <c r="M39" s="289">
        <v>9</v>
      </c>
      <c r="N39" s="287">
        <v>0</v>
      </c>
      <c r="O39" s="287">
        <v>0</v>
      </c>
      <c r="P39" s="284">
        <v>0</v>
      </c>
      <c r="Q39" s="286">
        <v>0</v>
      </c>
      <c r="R39" s="287">
        <v>0</v>
      </c>
      <c r="S39" s="287">
        <v>0</v>
      </c>
      <c r="T39" s="287">
        <v>0</v>
      </c>
      <c r="U39" s="287">
        <v>0</v>
      </c>
      <c r="V39" s="287">
        <v>0</v>
      </c>
      <c r="W39" s="284">
        <v>0</v>
      </c>
      <c r="X39" s="289">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F1" s="524">
        <f>第１表!F2</f>
        <v>4</v>
      </c>
      <c r="G1" s="524"/>
      <c r="H1" s="248">
        <f>第１表!G2</f>
        <v>11</v>
      </c>
      <c r="I1" s="555">
        <f>IF(H1&lt;3,H1-2+12,H1-2)</f>
        <v>9</v>
      </c>
      <c r="J1" s="555"/>
    </row>
    <row r="2" spans="2:133" ht="24" customHeight="1" thickBot="1" x14ac:dyDescent="0.25"/>
    <row r="3" spans="2:133" ht="21" customHeight="1" thickBot="1" x14ac:dyDescent="0.25">
      <c r="B3" s="573"/>
      <c r="C3" s="576" t="s">
        <v>57</v>
      </c>
      <c r="D3" s="577"/>
      <c r="E3" s="577"/>
      <c r="F3" s="577"/>
      <c r="G3" s="577"/>
      <c r="H3" s="577"/>
      <c r="I3" s="577"/>
      <c r="J3" s="577"/>
      <c r="K3" s="577"/>
      <c r="L3" s="577"/>
      <c r="M3" s="577"/>
      <c r="N3" s="577"/>
      <c r="O3" s="577"/>
      <c r="P3" s="577"/>
      <c r="Q3" s="577"/>
      <c r="R3" s="577"/>
      <c r="S3" s="577"/>
      <c r="T3" s="577"/>
      <c r="U3" s="577"/>
      <c r="V3" s="577"/>
      <c r="W3" s="577"/>
      <c r="X3" s="577"/>
      <c r="Y3" s="577"/>
      <c r="Z3" s="577"/>
      <c r="AA3" s="577"/>
      <c r="AB3" s="577"/>
      <c r="AC3" s="577"/>
      <c r="AD3" s="577"/>
      <c r="AE3" s="577"/>
      <c r="AF3" s="578"/>
      <c r="AG3" s="576" t="s">
        <v>58</v>
      </c>
      <c r="AH3" s="579"/>
      <c r="AI3" s="579"/>
      <c r="AJ3" s="579"/>
      <c r="AK3" s="579"/>
      <c r="AL3" s="579"/>
      <c r="AM3" s="579"/>
      <c r="AN3" s="579"/>
      <c r="AO3" s="579"/>
      <c r="AP3" s="579"/>
      <c r="AQ3" s="579"/>
      <c r="AR3" s="579"/>
      <c r="AS3" s="579"/>
      <c r="AT3" s="579"/>
      <c r="AU3" s="579"/>
      <c r="AV3" s="579"/>
      <c r="AW3" s="579"/>
      <c r="AX3" s="579"/>
      <c r="AY3" s="579"/>
      <c r="AZ3" s="579"/>
      <c r="BA3" s="579"/>
      <c r="BB3" s="579"/>
      <c r="BC3" s="579"/>
      <c r="BD3" s="579"/>
      <c r="BE3" s="579"/>
      <c r="BF3" s="579"/>
      <c r="BG3" s="579"/>
      <c r="BH3" s="579"/>
      <c r="BI3" s="579"/>
      <c r="BJ3" s="580"/>
      <c r="BK3" s="576" t="s">
        <v>59</v>
      </c>
      <c r="BL3" s="577"/>
      <c r="BM3" s="577"/>
      <c r="BN3" s="577"/>
      <c r="BO3" s="577"/>
      <c r="BP3" s="577"/>
      <c r="BQ3" s="577"/>
      <c r="BR3" s="577"/>
      <c r="BS3" s="577"/>
      <c r="BT3" s="577"/>
      <c r="BU3" s="577"/>
      <c r="BV3" s="577"/>
      <c r="BW3" s="577"/>
      <c r="BX3" s="577"/>
      <c r="BY3" s="577"/>
      <c r="BZ3" s="577"/>
      <c r="CA3" s="577"/>
      <c r="CB3" s="577"/>
      <c r="CC3" s="577"/>
      <c r="CD3" s="577"/>
      <c r="CE3" s="577"/>
      <c r="CF3" s="577"/>
      <c r="CG3" s="577"/>
      <c r="CH3" s="577"/>
      <c r="CI3" s="577"/>
      <c r="CJ3" s="577"/>
      <c r="CK3" s="577"/>
      <c r="CL3" s="577"/>
      <c r="CM3" s="577"/>
      <c r="CN3" s="578"/>
      <c r="CO3" s="605" t="s">
        <v>151</v>
      </c>
      <c r="CP3" s="577"/>
      <c r="CQ3" s="577"/>
      <c r="CR3" s="577"/>
      <c r="CS3" s="577"/>
      <c r="CT3" s="577"/>
      <c r="CU3" s="577"/>
      <c r="CV3" s="577"/>
      <c r="CW3" s="577"/>
      <c r="CX3" s="577"/>
      <c r="CY3" s="577"/>
      <c r="CZ3" s="577"/>
      <c r="DA3" s="577"/>
      <c r="DB3" s="577"/>
      <c r="DC3" s="577"/>
      <c r="DD3" s="577"/>
      <c r="DE3" s="577"/>
      <c r="DF3" s="577"/>
      <c r="DG3" s="577"/>
      <c r="DH3" s="577"/>
      <c r="DI3" s="577"/>
      <c r="DJ3" s="577"/>
      <c r="DK3" s="577"/>
      <c r="DL3" s="577"/>
      <c r="DM3" s="577"/>
      <c r="DN3" s="577"/>
      <c r="DO3" s="577"/>
      <c r="DP3" s="577"/>
      <c r="DQ3" s="577"/>
      <c r="DR3" s="578"/>
      <c r="DS3" s="599" t="s">
        <v>60</v>
      </c>
      <c r="DT3" s="504"/>
      <c r="DU3" s="504"/>
      <c r="DV3" s="504"/>
      <c r="DW3" s="504"/>
      <c r="DX3" s="504"/>
      <c r="DY3" s="504"/>
      <c r="DZ3" s="504"/>
      <c r="EA3" s="504"/>
      <c r="EB3" s="505"/>
    </row>
    <row r="4" spans="2:133" ht="21" customHeight="1" thickBot="1" x14ac:dyDescent="0.25">
      <c r="B4" s="574"/>
      <c r="C4" s="600"/>
      <c r="D4" s="593"/>
      <c r="E4" s="593"/>
      <c r="F4" s="593"/>
      <c r="G4" s="593"/>
      <c r="H4" s="593"/>
      <c r="I4" s="593"/>
      <c r="J4" s="593"/>
      <c r="K4" s="593"/>
      <c r="L4" s="593"/>
      <c r="M4" s="602" t="s">
        <v>39</v>
      </c>
      <c r="N4" s="603"/>
      <c r="O4" s="603"/>
      <c r="P4" s="603"/>
      <c r="Q4" s="603"/>
      <c r="R4" s="603"/>
      <c r="S4" s="603"/>
      <c r="T4" s="603"/>
      <c r="U4" s="603"/>
      <c r="V4" s="604"/>
      <c r="W4" s="602" t="s">
        <v>40</v>
      </c>
      <c r="X4" s="603"/>
      <c r="Y4" s="603"/>
      <c r="Z4" s="603"/>
      <c r="AA4" s="603"/>
      <c r="AB4" s="603"/>
      <c r="AC4" s="603"/>
      <c r="AD4" s="603"/>
      <c r="AE4" s="603"/>
      <c r="AF4" s="604"/>
      <c r="AG4" s="600"/>
      <c r="AH4" s="593"/>
      <c r="AI4" s="593"/>
      <c r="AJ4" s="593"/>
      <c r="AK4" s="593"/>
      <c r="AL4" s="593"/>
      <c r="AM4" s="593"/>
      <c r="AN4" s="593"/>
      <c r="AO4" s="593"/>
      <c r="AP4" s="593"/>
      <c r="AQ4" s="602" t="s">
        <v>39</v>
      </c>
      <c r="AR4" s="603"/>
      <c r="AS4" s="603"/>
      <c r="AT4" s="603"/>
      <c r="AU4" s="603"/>
      <c r="AV4" s="603"/>
      <c r="AW4" s="603"/>
      <c r="AX4" s="603"/>
      <c r="AY4" s="603"/>
      <c r="AZ4" s="604"/>
      <c r="BA4" s="602" t="s">
        <v>40</v>
      </c>
      <c r="BB4" s="603"/>
      <c r="BC4" s="603"/>
      <c r="BD4" s="603"/>
      <c r="BE4" s="603"/>
      <c r="BF4" s="603"/>
      <c r="BG4" s="603"/>
      <c r="BH4" s="603"/>
      <c r="BI4" s="603"/>
      <c r="BJ4" s="604"/>
      <c r="BK4" s="600"/>
      <c r="BL4" s="593"/>
      <c r="BM4" s="593"/>
      <c r="BN4" s="593"/>
      <c r="BO4" s="593"/>
      <c r="BP4" s="593"/>
      <c r="BQ4" s="593"/>
      <c r="BR4" s="593"/>
      <c r="BS4" s="593"/>
      <c r="BT4" s="593"/>
      <c r="BU4" s="602" t="s">
        <v>39</v>
      </c>
      <c r="BV4" s="603"/>
      <c r="BW4" s="603"/>
      <c r="BX4" s="603"/>
      <c r="BY4" s="603"/>
      <c r="BZ4" s="603"/>
      <c r="CA4" s="603"/>
      <c r="CB4" s="603"/>
      <c r="CC4" s="603"/>
      <c r="CD4" s="604"/>
      <c r="CE4" s="602" t="s">
        <v>40</v>
      </c>
      <c r="CF4" s="603"/>
      <c r="CG4" s="603"/>
      <c r="CH4" s="603"/>
      <c r="CI4" s="603"/>
      <c r="CJ4" s="603"/>
      <c r="CK4" s="603"/>
      <c r="CL4" s="603"/>
      <c r="CM4" s="603"/>
      <c r="CN4" s="604"/>
      <c r="CO4" s="600"/>
      <c r="CP4" s="593"/>
      <c r="CQ4" s="593"/>
      <c r="CR4" s="593"/>
      <c r="CS4" s="593"/>
      <c r="CT4" s="593"/>
      <c r="CU4" s="593"/>
      <c r="CV4" s="593"/>
      <c r="CW4" s="593"/>
      <c r="CX4" s="593"/>
      <c r="CY4" s="602" t="s">
        <v>39</v>
      </c>
      <c r="CZ4" s="603"/>
      <c r="DA4" s="603"/>
      <c r="DB4" s="603"/>
      <c r="DC4" s="603"/>
      <c r="DD4" s="603"/>
      <c r="DE4" s="603"/>
      <c r="DF4" s="603"/>
      <c r="DG4" s="603"/>
      <c r="DH4" s="604"/>
      <c r="DI4" s="602" t="s">
        <v>40</v>
      </c>
      <c r="DJ4" s="603"/>
      <c r="DK4" s="603"/>
      <c r="DL4" s="603"/>
      <c r="DM4" s="603"/>
      <c r="DN4" s="603"/>
      <c r="DO4" s="603"/>
      <c r="DP4" s="603"/>
      <c r="DQ4" s="603"/>
      <c r="DR4" s="604"/>
      <c r="DS4" s="600"/>
      <c r="DT4" s="593"/>
      <c r="DU4" s="593"/>
      <c r="DV4" s="593"/>
      <c r="DW4" s="593"/>
      <c r="DX4" s="593"/>
      <c r="DY4" s="593"/>
      <c r="DZ4" s="593"/>
      <c r="EA4" s="593"/>
      <c r="EB4" s="601"/>
    </row>
    <row r="5" spans="2:133" ht="21" customHeight="1" x14ac:dyDescent="0.2">
      <c r="B5" s="575"/>
      <c r="C5" s="581" t="s">
        <v>61</v>
      </c>
      <c r="D5" s="582"/>
      <c r="E5" s="583"/>
      <c r="F5" s="584" t="s">
        <v>62</v>
      </c>
      <c r="G5" s="585"/>
      <c r="H5" s="585"/>
      <c r="I5" s="585"/>
      <c r="J5" s="585"/>
      <c r="K5" s="586"/>
      <c r="L5" s="597" t="s">
        <v>52</v>
      </c>
      <c r="M5" s="589" t="s">
        <v>61</v>
      </c>
      <c r="N5" s="590"/>
      <c r="O5" s="591"/>
      <c r="P5" s="592" t="s">
        <v>62</v>
      </c>
      <c r="Q5" s="593"/>
      <c r="R5" s="593"/>
      <c r="S5" s="593"/>
      <c r="T5" s="593"/>
      <c r="U5" s="594"/>
      <c r="V5" s="598" t="s">
        <v>52</v>
      </c>
      <c r="W5" s="606" t="s">
        <v>61</v>
      </c>
      <c r="X5" s="590"/>
      <c r="Y5" s="591"/>
      <c r="Z5" s="592" t="s">
        <v>62</v>
      </c>
      <c r="AA5" s="593"/>
      <c r="AB5" s="593"/>
      <c r="AC5" s="593"/>
      <c r="AD5" s="593"/>
      <c r="AE5" s="594"/>
      <c r="AF5" s="598" t="s">
        <v>52</v>
      </c>
      <c r="AG5" s="581" t="s">
        <v>61</v>
      </c>
      <c r="AH5" s="582"/>
      <c r="AI5" s="583"/>
      <c r="AJ5" s="584" t="s">
        <v>62</v>
      </c>
      <c r="AK5" s="585"/>
      <c r="AL5" s="585"/>
      <c r="AM5" s="585"/>
      <c r="AN5" s="585"/>
      <c r="AO5" s="586"/>
      <c r="AP5" s="587" t="s">
        <v>52</v>
      </c>
      <c r="AQ5" s="589" t="s">
        <v>61</v>
      </c>
      <c r="AR5" s="590"/>
      <c r="AS5" s="591"/>
      <c r="AT5" s="592" t="s">
        <v>62</v>
      </c>
      <c r="AU5" s="593"/>
      <c r="AV5" s="593"/>
      <c r="AW5" s="593"/>
      <c r="AX5" s="593"/>
      <c r="AY5" s="594"/>
      <c r="AZ5" s="595" t="s">
        <v>52</v>
      </c>
      <c r="BA5" s="589" t="s">
        <v>61</v>
      </c>
      <c r="BB5" s="590"/>
      <c r="BC5" s="591"/>
      <c r="BD5" s="592" t="s">
        <v>62</v>
      </c>
      <c r="BE5" s="593"/>
      <c r="BF5" s="593"/>
      <c r="BG5" s="593"/>
      <c r="BH5" s="593"/>
      <c r="BI5" s="594"/>
      <c r="BJ5" s="598" t="s">
        <v>52</v>
      </c>
      <c r="BK5" s="581" t="s">
        <v>61</v>
      </c>
      <c r="BL5" s="582"/>
      <c r="BM5" s="583"/>
      <c r="BN5" s="584" t="s">
        <v>62</v>
      </c>
      <c r="BO5" s="585"/>
      <c r="BP5" s="585"/>
      <c r="BQ5" s="585"/>
      <c r="BR5" s="585"/>
      <c r="BS5" s="586"/>
      <c r="BT5" s="597" t="s">
        <v>52</v>
      </c>
      <c r="BU5" s="589" t="s">
        <v>61</v>
      </c>
      <c r="BV5" s="590"/>
      <c r="BW5" s="591"/>
      <c r="BX5" s="592" t="s">
        <v>62</v>
      </c>
      <c r="BY5" s="593"/>
      <c r="BZ5" s="593"/>
      <c r="CA5" s="593"/>
      <c r="CB5" s="593"/>
      <c r="CC5" s="594"/>
      <c r="CD5" s="598" t="s">
        <v>52</v>
      </c>
      <c r="CE5" s="606" t="s">
        <v>61</v>
      </c>
      <c r="CF5" s="590"/>
      <c r="CG5" s="591"/>
      <c r="CH5" s="592" t="s">
        <v>62</v>
      </c>
      <c r="CI5" s="593"/>
      <c r="CJ5" s="593"/>
      <c r="CK5" s="593"/>
      <c r="CL5" s="593"/>
      <c r="CM5" s="594"/>
      <c r="CN5" s="598" t="s">
        <v>52</v>
      </c>
      <c r="CO5" s="581" t="s">
        <v>61</v>
      </c>
      <c r="CP5" s="582"/>
      <c r="CQ5" s="583"/>
      <c r="CR5" s="584" t="s">
        <v>62</v>
      </c>
      <c r="CS5" s="585"/>
      <c r="CT5" s="585"/>
      <c r="CU5" s="585"/>
      <c r="CV5" s="585"/>
      <c r="CW5" s="586"/>
      <c r="CX5" s="597" t="s">
        <v>52</v>
      </c>
      <c r="CY5" s="589" t="s">
        <v>61</v>
      </c>
      <c r="CZ5" s="590"/>
      <c r="DA5" s="591"/>
      <c r="DB5" s="592" t="s">
        <v>62</v>
      </c>
      <c r="DC5" s="593"/>
      <c r="DD5" s="593"/>
      <c r="DE5" s="593"/>
      <c r="DF5" s="593"/>
      <c r="DG5" s="594"/>
      <c r="DH5" s="598" t="s">
        <v>52</v>
      </c>
      <c r="DI5" s="606" t="s">
        <v>61</v>
      </c>
      <c r="DJ5" s="590"/>
      <c r="DK5" s="591"/>
      <c r="DL5" s="592" t="s">
        <v>62</v>
      </c>
      <c r="DM5" s="593"/>
      <c r="DN5" s="593"/>
      <c r="DO5" s="593"/>
      <c r="DP5" s="593"/>
      <c r="DQ5" s="594"/>
      <c r="DR5" s="598" t="s">
        <v>52</v>
      </c>
      <c r="DS5" s="581" t="s">
        <v>61</v>
      </c>
      <c r="DT5" s="582"/>
      <c r="DU5" s="583"/>
      <c r="DV5" s="584" t="s">
        <v>62</v>
      </c>
      <c r="DW5" s="585"/>
      <c r="DX5" s="585"/>
      <c r="DY5" s="585"/>
      <c r="DZ5" s="585"/>
      <c r="EA5" s="586"/>
      <c r="EB5" s="587" t="s">
        <v>52</v>
      </c>
    </row>
    <row r="6" spans="2:133" ht="30" customHeight="1" thickBot="1" x14ac:dyDescent="0.25">
      <c r="B6" s="313" t="s">
        <v>42</v>
      </c>
      <c r="C6" s="31" t="s">
        <v>43</v>
      </c>
      <c r="D6" s="32" t="s">
        <v>44</v>
      </c>
      <c r="E6" s="32" t="s">
        <v>45</v>
      </c>
      <c r="F6" s="33" t="s">
        <v>47</v>
      </c>
      <c r="G6" s="34" t="s">
        <v>48</v>
      </c>
      <c r="H6" s="34" t="s">
        <v>49</v>
      </c>
      <c r="I6" s="35" t="s">
        <v>50</v>
      </c>
      <c r="J6" s="32" t="s">
        <v>51</v>
      </c>
      <c r="K6" s="36" t="s">
        <v>95</v>
      </c>
      <c r="L6" s="596"/>
      <c r="M6" s="31" t="s">
        <v>43</v>
      </c>
      <c r="N6" s="32" t="s">
        <v>44</v>
      </c>
      <c r="O6" s="36" t="s">
        <v>45</v>
      </c>
      <c r="P6" s="33" t="s">
        <v>47</v>
      </c>
      <c r="Q6" s="34" t="s">
        <v>48</v>
      </c>
      <c r="R6" s="34" t="s">
        <v>49</v>
      </c>
      <c r="S6" s="35" t="s">
        <v>50</v>
      </c>
      <c r="T6" s="32" t="s">
        <v>51</v>
      </c>
      <c r="U6" s="36" t="s">
        <v>45</v>
      </c>
      <c r="V6" s="588"/>
      <c r="W6" s="15" t="s">
        <v>43</v>
      </c>
      <c r="X6" s="32" t="s">
        <v>44</v>
      </c>
      <c r="Y6" s="36" t="s">
        <v>45</v>
      </c>
      <c r="Z6" s="15" t="s">
        <v>47</v>
      </c>
      <c r="AA6" s="34" t="s">
        <v>48</v>
      </c>
      <c r="AB6" s="34" t="s">
        <v>49</v>
      </c>
      <c r="AC6" s="35" t="s">
        <v>50</v>
      </c>
      <c r="AD6" s="32" t="s">
        <v>51</v>
      </c>
      <c r="AE6" s="36" t="s">
        <v>45</v>
      </c>
      <c r="AF6" s="588"/>
      <c r="AG6" s="31" t="s">
        <v>43</v>
      </c>
      <c r="AH6" s="32" t="s">
        <v>44</v>
      </c>
      <c r="AI6" s="36" t="s">
        <v>45</v>
      </c>
      <c r="AJ6" s="15" t="s">
        <v>47</v>
      </c>
      <c r="AK6" s="34" t="s">
        <v>48</v>
      </c>
      <c r="AL6" s="34" t="s">
        <v>49</v>
      </c>
      <c r="AM6" s="35" t="s">
        <v>50</v>
      </c>
      <c r="AN6" s="32" t="s">
        <v>51</v>
      </c>
      <c r="AO6" s="36" t="s">
        <v>45</v>
      </c>
      <c r="AP6" s="588"/>
      <c r="AQ6" s="31" t="s">
        <v>43</v>
      </c>
      <c r="AR6" s="32" t="s">
        <v>44</v>
      </c>
      <c r="AS6" s="36" t="s">
        <v>45</v>
      </c>
      <c r="AT6" s="33" t="s">
        <v>47</v>
      </c>
      <c r="AU6" s="34" t="s">
        <v>48</v>
      </c>
      <c r="AV6" s="34" t="s">
        <v>49</v>
      </c>
      <c r="AW6" s="35" t="s">
        <v>50</v>
      </c>
      <c r="AX6" s="32" t="s">
        <v>51</v>
      </c>
      <c r="AY6" s="36" t="s">
        <v>45</v>
      </c>
      <c r="AZ6" s="596"/>
      <c r="BA6" s="31" t="s">
        <v>43</v>
      </c>
      <c r="BB6" s="32" t="s">
        <v>44</v>
      </c>
      <c r="BC6" s="32" t="s">
        <v>45</v>
      </c>
      <c r="BD6" s="33" t="s">
        <v>47</v>
      </c>
      <c r="BE6" s="34" t="s">
        <v>48</v>
      </c>
      <c r="BF6" s="34" t="s">
        <v>49</v>
      </c>
      <c r="BG6" s="35" t="s">
        <v>50</v>
      </c>
      <c r="BH6" s="32" t="s">
        <v>51</v>
      </c>
      <c r="BI6" s="36" t="s">
        <v>45</v>
      </c>
      <c r="BJ6" s="588"/>
      <c r="BK6" s="31" t="s">
        <v>43</v>
      </c>
      <c r="BL6" s="32" t="s">
        <v>44</v>
      </c>
      <c r="BM6" s="32" t="s">
        <v>45</v>
      </c>
      <c r="BN6" s="33" t="s">
        <v>47</v>
      </c>
      <c r="BO6" s="34" t="s">
        <v>48</v>
      </c>
      <c r="BP6" s="34" t="s">
        <v>49</v>
      </c>
      <c r="BQ6" s="35" t="s">
        <v>50</v>
      </c>
      <c r="BR6" s="32" t="s">
        <v>51</v>
      </c>
      <c r="BS6" s="36" t="s">
        <v>45</v>
      </c>
      <c r="BT6" s="596"/>
      <c r="BU6" s="31" t="s">
        <v>43</v>
      </c>
      <c r="BV6" s="32" t="s">
        <v>44</v>
      </c>
      <c r="BW6" s="32" t="s">
        <v>45</v>
      </c>
      <c r="BX6" s="33" t="s">
        <v>47</v>
      </c>
      <c r="BY6" s="34" t="s">
        <v>48</v>
      </c>
      <c r="BZ6" s="34" t="s">
        <v>49</v>
      </c>
      <c r="CA6" s="35" t="s">
        <v>50</v>
      </c>
      <c r="CB6" s="32" t="s">
        <v>51</v>
      </c>
      <c r="CC6" s="36" t="s">
        <v>45</v>
      </c>
      <c r="CD6" s="588"/>
      <c r="CE6" s="15" t="s">
        <v>43</v>
      </c>
      <c r="CF6" s="32" t="s">
        <v>44</v>
      </c>
      <c r="CG6" s="32" t="s">
        <v>45</v>
      </c>
      <c r="CH6" s="33" t="s">
        <v>47</v>
      </c>
      <c r="CI6" s="34" t="s">
        <v>48</v>
      </c>
      <c r="CJ6" s="34" t="s">
        <v>49</v>
      </c>
      <c r="CK6" s="35" t="s">
        <v>50</v>
      </c>
      <c r="CL6" s="32" t="s">
        <v>51</v>
      </c>
      <c r="CM6" s="36" t="s">
        <v>45</v>
      </c>
      <c r="CN6" s="588"/>
      <c r="CO6" s="31" t="s">
        <v>43</v>
      </c>
      <c r="CP6" s="32" t="s">
        <v>44</v>
      </c>
      <c r="CQ6" s="32" t="s">
        <v>45</v>
      </c>
      <c r="CR6" s="33" t="s">
        <v>47</v>
      </c>
      <c r="CS6" s="34" t="s">
        <v>48</v>
      </c>
      <c r="CT6" s="34" t="s">
        <v>49</v>
      </c>
      <c r="CU6" s="35" t="s">
        <v>50</v>
      </c>
      <c r="CV6" s="32" t="s">
        <v>51</v>
      </c>
      <c r="CW6" s="36" t="s">
        <v>45</v>
      </c>
      <c r="CX6" s="596"/>
      <c r="CY6" s="31" t="s">
        <v>43</v>
      </c>
      <c r="CZ6" s="32" t="s">
        <v>44</v>
      </c>
      <c r="DA6" s="32" t="s">
        <v>45</v>
      </c>
      <c r="DB6" s="33" t="s">
        <v>47</v>
      </c>
      <c r="DC6" s="34" t="s">
        <v>48</v>
      </c>
      <c r="DD6" s="34" t="s">
        <v>49</v>
      </c>
      <c r="DE6" s="35" t="s">
        <v>50</v>
      </c>
      <c r="DF6" s="32" t="s">
        <v>51</v>
      </c>
      <c r="DG6" s="36" t="s">
        <v>45</v>
      </c>
      <c r="DH6" s="588"/>
      <c r="DI6" s="15" t="s">
        <v>43</v>
      </c>
      <c r="DJ6" s="32" t="s">
        <v>44</v>
      </c>
      <c r="DK6" s="32" t="s">
        <v>45</v>
      </c>
      <c r="DL6" s="33" t="s">
        <v>47</v>
      </c>
      <c r="DM6" s="34" t="s">
        <v>48</v>
      </c>
      <c r="DN6" s="34" t="s">
        <v>49</v>
      </c>
      <c r="DO6" s="35" t="s">
        <v>50</v>
      </c>
      <c r="DP6" s="32" t="s">
        <v>51</v>
      </c>
      <c r="DQ6" s="36" t="s">
        <v>45</v>
      </c>
      <c r="DR6" s="588"/>
      <c r="DS6" s="31" t="s">
        <v>43</v>
      </c>
      <c r="DT6" s="32" t="s">
        <v>44</v>
      </c>
      <c r="DU6" s="32" t="s">
        <v>45</v>
      </c>
      <c r="DV6" s="33" t="s">
        <v>47</v>
      </c>
      <c r="DW6" s="34" t="s">
        <v>48</v>
      </c>
      <c r="DX6" s="34" t="s">
        <v>49</v>
      </c>
      <c r="DY6" s="35" t="s">
        <v>50</v>
      </c>
      <c r="DZ6" s="32" t="s">
        <v>51</v>
      </c>
      <c r="EA6" s="36" t="s">
        <v>45</v>
      </c>
      <c r="EB6" s="588"/>
    </row>
    <row r="7" spans="2:133" ht="21" customHeight="1" x14ac:dyDescent="0.2">
      <c r="B7" s="312" t="s">
        <v>4</v>
      </c>
      <c r="C7" s="185">
        <v>0</v>
      </c>
      <c r="D7" s="186">
        <v>0</v>
      </c>
      <c r="E7" s="186">
        <v>0</v>
      </c>
      <c r="F7" s="187">
        <v>425</v>
      </c>
      <c r="G7" s="188">
        <v>1454</v>
      </c>
      <c r="H7" s="188">
        <v>9766</v>
      </c>
      <c r="I7" s="188">
        <v>14349</v>
      </c>
      <c r="J7" s="186">
        <v>10250</v>
      </c>
      <c r="K7" s="189">
        <v>36244</v>
      </c>
      <c r="L7" s="190">
        <v>36244</v>
      </c>
      <c r="M7" s="185">
        <v>0</v>
      </c>
      <c r="N7" s="186">
        <v>0</v>
      </c>
      <c r="O7" s="189">
        <v>0</v>
      </c>
      <c r="P7" s="187">
        <v>421</v>
      </c>
      <c r="Q7" s="188">
        <v>1446</v>
      </c>
      <c r="R7" s="188">
        <v>9691</v>
      </c>
      <c r="S7" s="188">
        <v>14216</v>
      </c>
      <c r="T7" s="186">
        <v>10110</v>
      </c>
      <c r="U7" s="189">
        <v>35884</v>
      </c>
      <c r="V7" s="191">
        <v>35884</v>
      </c>
      <c r="W7" s="192">
        <v>0</v>
      </c>
      <c r="X7" s="186">
        <v>0</v>
      </c>
      <c r="Y7" s="189">
        <v>0</v>
      </c>
      <c r="Z7" s="192">
        <v>4</v>
      </c>
      <c r="AA7" s="188">
        <v>8</v>
      </c>
      <c r="AB7" s="188">
        <v>75</v>
      </c>
      <c r="AC7" s="188">
        <v>133</v>
      </c>
      <c r="AD7" s="186">
        <v>140</v>
      </c>
      <c r="AE7" s="189">
        <v>360</v>
      </c>
      <c r="AF7" s="193">
        <v>360</v>
      </c>
      <c r="AG7" s="192">
        <v>0</v>
      </c>
      <c r="AH7" s="186">
        <v>0</v>
      </c>
      <c r="AI7" s="189">
        <v>0</v>
      </c>
      <c r="AJ7" s="192">
        <v>1736</v>
      </c>
      <c r="AK7" s="188">
        <v>3462</v>
      </c>
      <c r="AL7" s="188">
        <v>4667</v>
      </c>
      <c r="AM7" s="188">
        <v>5611</v>
      </c>
      <c r="AN7" s="186">
        <v>2871</v>
      </c>
      <c r="AO7" s="189">
        <v>18347</v>
      </c>
      <c r="AP7" s="193">
        <v>18347</v>
      </c>
      <c r="AQ7" s="192">
        <v>0</v>
      </c>
      <c r="AR7" s="186">
        <v>0</v>
      </c>
      <c r="AS7" s="189">
        <v>0</v>
      </c>
      <c r="AT7" s="187">
        <v>1710</v>
      </c>
      <c r="AU7" s="188">
        <v>3422</v>
      </c>
      <c r="AV7" s="188">
        <v>4588</v>
      </c>
      <c r="AW7" s="188">
        <v>5501</v>
      </c>
      <c r="AX7" s="186">
        <v>2793</v>
      </c>
      <c r="AY7" s="189">
        <v>18014</v>
      </c>
      <c r="AZ7" s="190">
        <v>18014</v>
      </c>
      <c r="BA7" s="185">
        <v>0</v>
      </c>
      <c r="BB7" s="186">
        <v>0</v>
      </c>
      <c r="BC7" s="186">
        <v>0</v>
      </c>
      <c r="BD7" s="187">
        <v>26</v>
      </c>
      <c r="BE7" s="188">
        <v>40</v>
      </c>
      <c r="BF7" s="188">
        <v>79</v>
      </c>
      <c r="BG7" s="188">
        <v>110</v>
      </c>
      <c r="BH7" s="186">
        <v>78</v>
      </c>
      <c r="BI7" s="189">
        <v>333</v>
      </c>
      <c r="BJ7" s="191">
        <v>333</v>
      </c>
      <c r="BK7" s="192">
        <v>0</v>
      </c>
      <c r="BL7" s="186">
        <v>0</v>
      </c>
      <c r="BM7" s="186">
        <v>0</v>
      </c>
      <c r="BN7" s="187">
        <v>0</v>
      </c>
      <c r="BO7" s="188">
        <v>1</v>
      </c>
      <c r="BP7" s="188">
        <v>13</v>
      </c>
      <c r="BQ7" s="188">
        <v>150</v>
      </c>
      <c r="BR7" s="186">
        <v>239</v>
      </c>
      <c r="BS7" s="189">
        <v>403</v>
      </c>
      <c r="BT7" s="190">
        <v>403</v>
      </c>
      <c r="BU7" s="185">
        <v>0</v>
      </c>
      <c r="BV7" s="186">
        <v>0</v>
      </c>
      <c r="BW7" s="186">
        <v>0</v>
      </c>
      <c r="BX7" s="187">
        <v>0</v>
      </c>
      <c r="BY7" s="188">
        <v>1</v>
      </c>
      <c r="BZ7" s="188">
        <v>13</v>
      </c>
      <c r="CA7" s="188">
        <v>149</v>
      </c>
      <c r="CB7" s="186">
        <v>237</v>
      </c>
      <c r="CC7" s="189">
        <v>400</v>
      </c>
      <c r="CD7" s="191">
        <v>400</v>
      </c>
      <c r="CE7" s="192">
        <v>0</v>
      </c>
      <c r="CF7" s="186">
        <v>0</v>
      </c>
      <c r="CG7" s="186">
        <v>0</v>
      </c>
      <c r="CH7" s="187">
        <v>0</v>
      </c>
      <c r="CI7" s="188">
        <v>0</v>
      </c>
      <c r="CJ7" s="188">
        <v>0</v>
      </c>
      <c r="CK7" s="188">
        <v>1</v>
      </c>
      <c r="CL7" s="186">
        <v>2</v>
      </c>
      <c r="CM7" s="189">
        <v>3</v>
      </c>
      <c r="CN7" s="191">
        <v>3</v>
      </c>
      <c r="CO7" s="192">
        <v>0</v>
      </c>
      <c r="CP7" s="186">
        <v>0</v>
      </c>
      <c r="CQ7" s="186">
        <v>0</v>
      </c>
      <c r="CR7" s="187">
        <v>14</v>
      </c>
      <c r="CS7" s="188">
        <v>26</v>
      </c>
      <c r="CT7" s="188">
        <v>54</v>
      </c>
      <c r="CU7" s="188">
        <v>317</v>
      </c>
      <c r="CV7" s="186">
        <v>429</v>
      </c>
      <c r="CW7" s="189">
        <v>840</v>
      </c>
      <c r="CX7" s="190">
        <v>840</v>
      </c>
      <c r="CY7" s="185">
        <v>0</v>
      </c>
      <c r="CZ7" s="186">
        <v>0</v>
      </c>
      <c r="DA7" s="186">
        <v>0</v>
      </c>
      <c r="DB7" s="187">
        <v>13</v>
      </c>
      <c r="DC7" s="188">
        <v>25</v>
      </c>
      <c r="DD7" s="188">
        <v>54</v>
      </c>
      <c r="DE7" s="188">
        <v>312</v>
      </c>
      <c r="DF7" s="186">
        <v>413</v>
      </c>
      <c r="DG7" s="189">
        <v>817</v>
      </c>
      <c r="DH7" s="191">
        <v>817</v>
      </c>
      <c r="DI7" s="192">
        <v>0</v>
      </c>
      <c r="DJ7" s="186">
        <v>0</v>
      </c>
      <c r="DK7" s="186">
        <v>0</v>
      </c>
      <c r="DL7" s="187">
        <v>1</v>
      </c>
      <c r="DM7" s="188">
        <v>1</v>
      </c>
      <c r="DN7" s="188">
        <v>0</v>
      </c>
      <c r="DO7" s="188">
        <v>5</v>
      </c>
      <c r="DP7" s="186">
        <v>16</v>
      </c>
      <c r="DQ7" s="189">
        <v>23</v>
      </c>
      <c r="DR7" s="191">
        <v>23</v>
      </c>
      <c r="DS7" s="192">
        <v>0</v>
      </c>
      <c r="DT7" s="186">
        <v>0</v>
      </c>
      <c r="DU7" s="186">
        <v>0</v>
      </c>
      <c r="DV7" s="187">
        <v>2175</v>
      </c>
      <c r="DW7" s="188">
        <v>4942</v>
      </c>
      <c r="DX7" s="188">
        <v>14483</v>
      </c>
      <c r="DY7" s="188">
        <v>20397</v>
      </c>
      <c r="DZ7" s="186">
        <v>13771</v>
      </c>
      <c r="EA7" s="189">
        <v>55768</v>
      </c>
      <c r="EB7" s="191">
        <v>55768</v>
      </c>
      <c r="EC7" s="37"/>
    </row>
    <row r="8" spans="2:133" ht="21" customHeight="1" x14ac:dyDescent="0.2">
      <c r="B8" s="62" t="s">
        <v>5</v>
      </c>
      <c r="C8" s="194">
        <v>0</v>
      </c>
      <c r="D8" s="195">
        <v>0</v>
      </c>
      <c r="E8" s="195">
        <v>0</v>
      </c>
      <c r="F8" s="196">
        <v>222</v>
      </c>
      <c r="G8" s="197">
        <v>898</v>
      </c>
      <c r="H8" s="197">
        <v>4102</v>
      </c>
      <c r="I8" s="197">
        <v>5927</v>
      </c>
      <c r="J8" s="195">
        <v>4377</v>
      </c>
      <c r="K8" s="198">
        <v>15526</v>
      </c>
      <c r="L8" s="199">
        <v>15526</v>
      </c>
      <c r="M8" s="194">
        <v>0</v>
      </c>
      <c r="N8" s="195">
        <v>0</v>
      </c>
      <c r="O8" s="198">
        <v>0</v>
      </c>
      <c r="P8" s="196">
        <v>218</v>
      </c>
      <c r="Q8" s="197">
        <v>893</v>
      </c>
      <c r="R8" s="197">
        <v>4067</v>
      </c>
      <c r="S8" s="197">
        <v>5864</v>
      </c>
      <c r="T8" s="195">
        <v>4308</v>
      </c>
      <c r="U8" s="198">
        <v>15350</v>
      </c>
      <c r="V8" s="200">
        <v>15350</v>
      </c>
      <c r="W8" s="201">
        <v>0</v>
      </c>
      <c r="X8" s="195">
        <v>0</v>
      </c>
      <c r="Y8" s="198">
        <v>0</v>
      </c>
      <c r="Z8" s="201">
        <v>4</v>
      </c>
      <c r="AA8" s="197">
        <v>5</v>
      </c>
      <c r="AB8" s="197">
        <v>35</v>
      </c>
      <c r="AC8" s="197">
        <v>63</v>
      </c>
      <c r="AD8" s="195">
        <v>69</v>
      </c>
      <c r="AE8" s="198">
        <v>176</v>
      </c>
      <c r="AF8" s="202">
        <v>176</v>
      </c>
      <c r="AG8" s="201">
        <v>0</v>
      </c>
      <c r="AH8" s="195">
        <v>0</v>
      </c>
      <c r="AI8" s="198">
        <v>0</v>
      </c>
      <c r="AJ8" s="201">
        <v>657</v>
      </c>
      <c r="AK8" s="197">
        <v>1600</v>
      </c>
      <c r="AL8" s="197">
        <v>2075</v>
      </c>
      <c r="AM8" s="197">
        <v>2529</v>
      </c>
      <c r="AN8" s="195">
        <v>1424</v>
      </c>
      <c r="AO8" s="198">
        <v>8285</v>
      </c>
      <c r="AP8" s="202">
        <v>8285</v>
      </c>
      <c r="AQ8" s="201">
        <v>0</v>
      </c>
      <c r="AR8" s="195">
        <v>0</v>
      </c>
      <c r="AS8" s="198">
        <v>0</v>
      </c>
      <c r="AT8" s="196">
        <v>649</v>
      </c>
      <c r="AU8" s="197">
        <v>1578</v>
      </c>
      <c r="AV8" s="197">
        <v>2042</v>
      </c>
      <c r="AW8" s="197">
        <v>2484</v>
      </c>
      <c r="AX8" s="195">
        <v>1392</v>
      </c>
      <c r="AY8" s="198">
        <v>8145</v>
      </c>
      <c r="AZ8" s="199">
        <v>8145</v>
      </c>
      <c r="BA8" s="194">
        <v>0</v>
      </c>
      <c r="BB8" s="195">
        <v>0</v>
      </c>
      <c r="BC8" s="195">
        <v>0</v>
      </c>
      <c r="BD8" s="196">
        <v>8</v>
      </c>
      <c r="BE8" s="197">
        <v>22</v>
      </c>
      <c r="BF8" s="197">
        <v>33</v>
      </c>
      <c r="BG8" s="197">
        <v>45</v>
      </c>
      <c r="BH8" s="195">
        <v>32</v>
      </c>
      <c r="BI8" s="198">
        <v>140</v>
      </c>
      <c r="BJ8" s="200">
        <v>140</v>
      </c>
      <c r="BK8" s="201">
        <v>0</v>
      </c>
      <c r="BL8" s="195">
        <v>0</v>
      </c>
      <c r="BM8" s="195">
        <v>0</v>
      </c>
      <c r="BN8" s="196">
        <v>0</v>
      </c>
      <c r="BO8" s="197">
        <v>0</v>
      </c>
      <c r="BP8" s="197">
        <v>2</v>
      </c>
      <c r="BQ8" s="197">
        <v>52</v>
      </c>
      <c r="BR8" s="195">
        <v>88</v>
      </c>
      <c r="BS8" s="198">
        <v>142</v>
      </c>
      <c r="BT8" s="199">
        <v>142</v>
      </c>
      <c r="BU8" s="194">
        <v>0</v>
      </c>
      <c r="BV8" s="195">
        <v>0</v>
      </c>
      <c r="BW8" s="195">
        <v>0</v>
      </c>
      <c r="BX8" s="196">
        <v>0</v>
      </c>
      <c r="BY8" s="197">
        <v>0</v>
      </c>
      <c r="BZ8" s="197">
        <v>2</v>
      </c>
      <c r="CA8" s="197">
        <v>52</v>
      </c>
      <c r="CB8" s="195">
        <v>88</v>
      </c>
      <c r="CC8" s="198">
        <v>142</v>
      </c>
      <c r="CD8" s="200">
        <v>142</v>
      </c>
      <c r="CE8" s="201">
        <v>0</v>
      </c>
      <c r="CF8" s="195">
        <v>0</v>
      </c>
      <c r="CG8" s="195">
        <v>0</v>
      </c>
      <c r="CH8" s="196">
        <v>0</v>
      </c>
      <c r="CI8" s="197">
        <v>0</v>
      </c>
      <c r="CJ8" s="197">
        <v>0</v>
      </c>
      <c r="CK8" s="197">
        <v>0</v>
      </c>
      <c r="CL8" s="195">
        <v>0</v>
      </c>
      <c r="CM8" s="198">
        <v>0</v>
      </c>
      <c r="CN8" s="200">
        <v>0</v>
      </c>
      <c r="CO8" s="201">
        <v>0</v>
      </c>
      <c r="CP8" s="195">
        <v>0</v>
      </c>
      <c r="CQ8" s="195">
        <v>0</v>
      </c>
      <c r="CR8" s="196">
        <v>1</v>
      </c>
      <c r="CS8" s="197">
        <v>5</v>
      </c>
      <c r="CT8" s="197">
        <v>14</v>
      </c>
      <c r="CU8" s="197">
        <v>89</v>
      </c>
      <c r="CV8" s="195">
        <v>105</v>
      </c>
      <c r="CW8" s="198">
        <v>214</v>
      </c>
      <c r="CX8" s="199">
        <v>214</v>
      </c>
      <c r="CY8" s="194">
        <v>0</v>
      </c>
      <c r="CZ8" s="195">
        <v>0</v>
      </c>
      <c r="DA8" s="195">
        <v>0</v>
      </c>
      <c r="DB8" s="196">
        <v>1</v>
      </c>
      <c r="DC8" s="197">
        <v>5</v>
      </c>
      <c r="DD8" s="197">
        <v>14</v>
      </c>
      <c r="DE8" s="197">
        <v>87</v>
      </c>
      <c r="DF8" s="195">
        <v>103</v>
      </c>
      <c r="DG8" s="198">
        <v>210</v>
      </c>
      <c r="DH8" s="200">
        <v>210</v>
      </c>
      <c r="DI8" s="201">
        <v>0</v>
      </c>
      <c r="DJ8" s="195">
        <v>0</v>
      </c>
      <c r="DK8" s="195">
        <v>0</v>
      </c>
      <c r="DL8" s="196">
        <v>0</v>
      </c>
      <c r="DM8" s="197">
        <v>0</v>
      </c>
      <c r="DN8" s="197">
        <v>0</v>
      </c>
      <c r="DO8" s="197">
        <v>2</v>
      </c>
      <c r="DP8" s="195">
        <v>2</v>
      </c>
      <c r="DQ8" s="198">
        <v>4</v>
      </c>
      <c r="DR8" s="200">
        <v>4</v>
      </c>
      <c r="DS8" s="201">
        <v>0</v>
      </c>
      <c r="DT8" s="195">
        <v>0</v>
      </c>
      <c r="DU8" s="195">
        <v>0</v>
      </c>
      <c r="DV8" s="196">
        <v>880</v>
      </c>
      <c r="DW8" s="197">
        <v>2503</v>
      </c>
      <c r="DX8" s="197">
        <v>6193</v>
      </c>
      <c r="DY8" s="197">
        <v>8597</v>
      </c>
      <c r="DZ8" s="195">
        <v>5994</v>
      </c>
      <c r="EA8" s="198">
        <v>24167</v>
      </c>
      <c r="EB8" s="200">
        <v>24167</v>
      </c>
      <c r="EC8" s="37"/>
    </row>
    <row r="9" spans="2:133" ht="21" customHeight="1" x14ac:dyDescent="0.2">
      <c r="B9" s="62" t="s">
        <v>6</v>
      </c>
      <c r="C9" s="194">
        <v>0</v>
      </c>
      <c r="D9" s="195">
        <v>0</v>
      </c>
      <c r="E9" s="195">
        <v>0</v>
      </c>
      <c r="F9" s="196">
        <v>84</v>
      </c>
      <c r="G9" s="197">
        <v>169</v>
      </c>
      <c r="H9" s="197">
        <v>1320</v>
      </c>
      <c r="I9" s="197">
        <v>1805</v>
      </c>
      <c r="J9" s="195">
        <v>1288</v>
      </c>
      <c r="K9" s="198">
        <v>4666</v>
      </c>
      <c r="L9" s="199">
        <v>4666</v>
      </c>
      <c r="M9" s="194">
        <v>0</v>
      </c>
      <c r="N9" s="195">
        <v>0</v>
      </c>
      <c r="O9" s="198">
        <v>0</v>
      </c>
      <c r="P9" s="196">
        <v>84</v>
      </c>
      <c r="Q9" s="197">
        <v>169</v>
      </c>
      <c r="R9" s="197">
        <v>1305</v>
      </c>
      <c r="S9" s="197">
        <v>1786</v>
      </c>
      <c r="T9" s="195">
        <v>1276</v>
      </c>
      <c r="U9" s="198">
        <v>4620</v>
      </c>
      <c r="V9" s="200">
        <v>4620</v>
      </c>
      <c r="W9" s="201">
        <v>0</v>
      </c>
      <c r="X9" s="195">
        <v>0</v>
      </c>
      <c r="Y9" s="198">
        <v>0</v>
      </c>
      <c r="Z9" s="201">
        <v>0</v>
      </c>
      <c r="AA9" s="197">
        <v>0</v>
      </c>
      <c r="AB9" s="197">
        <v>15</v>
      </c>
      <c r="AC9" s="197">
        <v>19</v>
      </c>
      <c r="AD9" s="195">
        <v>12</v>
      </c>
      <c r="AE9" s="198">
        <v>46</v>
      </c>
      <c r="AF9" s="202">
        <v>46</v>
      </c>
      <c r="AG9" s="201">
        <v>0</v>
      </c>
      <c r="AH9" s="195">
        <v>0</v>
      </c>
      <c r="AI9" s="198">
        <v>0</v>
      </c>
      <c r="AJ9" s="201">
        <v>204</v>
      </c>
      <c r="AK9" s="197">
        <v>328</v>
      </c>
      <c r="AL9" s="197">
        <v>473</v>
      </c>
      <c r="AM9" s="197">
        <v>694</v>
      </c>
      <c r="AN9" s="195">
        <v>319</v>
      </c>
      <c r="AO9" s="198">
        <v>2018</v>
      </c>
      <c r="AP9" s="202">
        <v>2018</v>
      </c>
      <c r="AQ9" s="201">
        <v>0</v>
      </c>
      <c r="AR9" s="195">
        <v>0</v>
      </c>
      <c r="AS9" s="198">
        <v>0</v>
      </c>
      <c r="AT9" s="196">
        <v>199</v>
      </c>
      <c r="AU9" s="197">
        <v>327</v>
      </c>
      <c r="AV9" s="197">
        <v>464</v>
      </c>
      <c r="AW9" s="197">
        <v>672</v>
      </c>
      <c r="AX9" s="195">
        <v>302</v>
      </c>
      <c r="AY9" s="198">
        <v>1964</v>
      </c>
      <c r="AZ9" s="199">
        <v>1964</v>
      </c>
      <c r="BA9" s="194">
        <v>0</v>
      </c>
      <c r="BB9" s="195">
        <v>0</v>
      </c>
      <c r="BC9" s="195">
        <v>0</v>
      </c>
      <c r="BD9" s="196">
        <v>5</v>
      </c>
      <c r="BE9" s="197">
        <v>1</v>
      </c>
      <c r="BF9" s="197">
        <v>9</v>
      </c>
      <c r="BG9" s="197">
        <v>22</v>
      </c>
      <c r="BH9" s="195">
        <v>17</v>
      </c>
      <c r="BI9" s="198">
        <v>54</v>
      </c>
      <c r="BJ9" s="200">
        <v>54</v>
      </c>
      <c r="BK9" s="201">
        <v>0</v>
      </c>
      <c r="BL9" s="195">
        <v>0</v>
      </c>
      <c r="BM9" s="195">
        <v>0</v>
      </c>
      <c r="BN9" s="196">
        <v>0</v>
      </c>
      <c r="BO9" s="197">
        <v>0</v>
      </c>
      <c r="BP9" s="197">
        <v>9</v>
      </c>
      <c r="BQ9" s="197">
        <v>62</v>
      </c>
      <c r="BR9" s="195">
        <v>96</v>
      </c>
      <c r="BS9" s="198">
        <v>167</v>
      </c>
      <c r="BT9" s="199">
        <v>167</v>
      </c>
      <c r="BU9" s="194">
        <v>0</v>
      </c>
      <c r="BV9" s="195">
        <v>0</v>
      </c>
      <c r="BW9" s="195">
        <v>0</v>
      </c>
      <c r="BX9" s="196">
        <v>0</v>
      </c>
      <c r="BY9" s="197">
        <v>0</v>
      </c>
      <c r="BZ9" s="197">
        <v>9</v>
      </c>
      <c r="CA9" s="197">
        <v>61</v>
      </c>
      <c r="CB9" s="195">
        <v>94</v>
      </c>
      <c r="CC9" s="198">
        <v>164</v>
      </c>
      <c r="CD9" s="200">
        <v>164</v>
      </c>
      <c r="CE9" s="201">
        <v>0</v>
      </c>
      <c r="CF9" s="195">
        <v>0</v>
      </c>
      <c r="CG9" s="195">
        <v>0</v>
      </c>
      <c r="CH9" s="196">
        <v>0</v>
      </c>
      <c r="CI9" s="197">
        <v>0</v>
      </c>
      <c r="CJ9" s="197">
        <v>0</v>
      </c>
      <c r="CK9" s="197">
        <v>1</v>
      </c>
      <c r="CL9" s="195">
        <v>2</v>
      </c>
      <c r="CM9" s="198">
        <v>3</v>
      </c>
      <c r="CN9" s="200">
        <v>3</v>
      </c>
      <c r="CO9" s="201">
        <v>0</v>
      </c>
      <c r="CP9" s="195">
        <v>0</v>
      </c>
      <c r="CQ9" s="195">
        <v>0</v>
      </c>
      <c r="CR9" s="196">
        <v>0</v>
      </c>
      <c r="CS9" s="197">
        <v>1</v>
      </c>
      <c r="CT9" s="197">
        <v>4</v>
      </c>
      <c r="CU9" s="197">
        <v>42</v>
      </c>
      <c r="CV9" s="195">
        <v>61</v>
      </c>
      <c r="CW9" s="198">
        <v>108</v>
      </c>
      <c r="CX9" s="199">
        <v>108</v>
      </c>
      <c r="CY9" s="194">
        <v>0</v>
      </c>
      <c r="CZ9" s="195">
        <v>0</v>
      </c>
      <c r="DA9" s="195">
        <v>0</v>
      </c>
      <c r="DB9" s="196">
        <v>0</v>
      </c>
      <c r="DC9" s="197">
        <v>1</v>
      </c>
      <c r="DD9" s="197">
        <v>4</v>
      </c>
      <c r="DE9" s="197">
        <v>41</v>
      </c>
      <c r="DF9" s="195">
        <v>60</v>
      </c>
      <c r="DG9" s="198">
        <v>106</v>
      </c>
      <c r="DH9" s="200">
        <v>106</v>
      </c>
      <c r="DI9" s="201">
        <v>0</v>
      </c>
      <c r="DJ9" s="195">
        <v>0</v>
      </c>
      <c r="DK9" s="195">
        <v>0</v>
      </c>
      <c r="DL9" s="196">
        <v>0</v>
      </c>
      <c r="DM9" s="197">
        <v>0</v>
      </c>
      <c r="DN9" s="197">
        <v>0</v>
      </c>
      <c r="DO9" s="197">
        <v>1</v>
      </c>
      <c r="DP9" s="195">
        <v>1</v>
      </c>
      <c r="DQ9" s="198">
        <v>2</v>
      </c>
      <c r="DR9" s="200">
        <v>2</v>
      </c>
      <c r="DS9" s="201">
        <v>0</v>
      </c>
      <c r="DT9" s="195">
        <v>0</v>
      </c>
      <c r="DU9" s="195">
        <v>0</v>
      </c>
      <c r="DV9" s="196">
        <v>288</v>
      </c>
      <c r="DW9" s="197">
        <v>498</v>
      </c>
      <c r="DX9" s="197">
        <v>1806</v>
      </c>
      <c r="DY9" s="197">
        <v>2603</v>
      </c>
      <c r="DZ9" s="195">
        <v>1764</v>
      </c>
      <c r="EA9" s="198">
        <v>6959</v>
      </c>
      <c r="EB9" s="200">
        <v>6959</v>
      </c>
      <c r="EC9" s="37"/>
    </row>
    <row r="10" spans="2:133" ht="21" customHeight="1" x14ac:dyDescent="0.2">
      <c r="B10" s="62" t="s">
        <v>14</v>
      </c>
      <c r="C10" s="194">
        <v>0</v>
      </c>
      <c r="D10" s="195">
        <v>0</v>
      </c>
      <c r="E10" s="195">
        <v>0</v>
      </c>
      <c r="F10" s="196">
        <v>9</v>
      </c>
      <c r="G10" s="197">
        <v>52</v>
      </c>
      <c r="H10" s="197">
        <v>820</v>
      </c>
      <c r="I10" s="197">
        <v>1220</v>
      </c>
      <c r="J10" s="195">
        <v>780</v>
      </c>
      <c r="K10" s="198">
        <v>2881</v>
      </c>
      <c r="L10" s="199">
        <v>2881</v>
      </c>
      <c r="M10" s="194">
        <v>0</v>
      </c>
      <c r="N10" s="195">
        <v>0</v>
      </c>
      <c r="O10" s="198">
        <v>0</v>
      </c>
      <c r="P10" s="196">
        <v>9</v>
      </c>
      <c r="Q10" s="197">
        <v>51</v>
      </c>
      <c r="R10" s="197">
        <v>816</v>
      </c>
      <c r="S10" s="197">
        <v>1212</v>
      </c>
      <c r="T10" s="195">
        <v>772</v>
      </c>
      <c r="U10" s="198">
        <v>2860</v>
      </c>
      <c r="V10" s="200">
        <v>2860</v>
      </c>
      <c r="W10" s="201">
        <v>0</v>
      </c>
      <c r="X10" s="195">
        <v>0</v>
      </c>
      <c r="Y10" s="198">
        <v>0</v>
      </c>
      <c r="Z10" s="201">
        <v>0</v>
      </c>
      <c r="AA10" s="197">
        <v>1</v>
      </c>
      <c r="AB10" s="197">
        <v>4</v>
      </c>
      <c r="AC10" s="197">
        <v>8</v>
      </c>
      <c r="AD10" s="195">
        <v>8</v>
      </c>
      <c r="AE10" s="198">
        <v>21</v>
      </c>
      <c r="AF10" s="202">
        <v>21</v>
      </c>
      <c r="AG10" s="201">
        <v>0</v>
      </c>
      <c r="AH10" s="195">
        <v>0</v>
      </c>
      <c r="AI10" s="198">
        <v>0</v>
      </c>
      <c r="AJ10" s="201">
        <v>79</v>
      </c>
      <c r="AK10" s="197">
        <v>189</v>
      </c>
      <c r="AL10" s="197">
        <v>298</v>
      </c>
      <c r="AM10" s="197">
        <v>363</v>
      </c>
      <c r="AN10" s="195">
        <v>186</v>
      </c>
      <c r="AO10" s="198">
        <v>1115</v>
      </c>
      <c r="AP10" s="202">
        <v>1115</v>
      </c>
      <c r="AQ10" s="201">
        <v>0</v>
      </c>
      <c r="AR10" s="195">
        <v>0</v>
      </c>
      <c r="AS10" s="198">
        <v>0</v>
      </c>
      <c r="AT10" s="196">
        <v>76</v>
      </c>
      <c r="AU10" s="197">
        <v>188</v>
      </c>
      <c r="AV10" s="197">
        <v>292</v>
      </c>
      <c r="AW10" s="197">
        <v>356</v>
      </c>
      <c r="AX10" s="195">
        <v>184</v>
      </c>
      <c r="AY10" s="198">
        <v>1096</v>
      </c>
      <c r="AZ10" s="199">
        <v>1096</v>
      </c>
      <c r="BA10" s="194">
        <v>0</v>
      </c>
      <c r="BB10" s="195">
        <v>0</v>
      </c>
      <c r="BC10" s="195">
        <v>0</v>
      </c>
      <c r="BD10" s="196">
        <v>3</v>
      </c>
      <c r="BE10" s="197">
        <v>1</v>
      </c>
      <c r="BF10" s="197">
        <v>6</v>
      </c>
      <c r="BG10" s="197">
        <v>7</v>
      </c>
      <c r="BH10" s="195">
        <v>2</v>
      </c>
      <c r="BI10" s="198">
        <v>19</v>
      </c>
      <c r="BJ10" s="200">
        <v>19</v>
      </c>
      <c r="BK10" s="201">
        <v>0</v>
      </c>
      <c r="BL10" s="195">
        <v>0</v>
      </c>
      <c r="BM10" s="195">
        <v>0</v>
      </c>
      <c r="BN10" s="196">
        <v>0</v>
      </c>
      <c r="BO10" s="197">
        <v>1</v>
      </c>
      <c r="BP10" s="197">
        <v>1</v>
      </c>
      <c r="BQ10" s="197">
        <v>24</v>
      </c>
      <c r="BR10" s="195">
        <v>25</v>
      </c>
      <c r="BS10" s="198">
        <v>51</v>
      </c>
      <c r="BT10" s="199">
        <v>51</v>
      </c>
      <c r="BU10" s="194">
        <v>0</v>
      </c>
      <c r="BV10" s="195">
        <v>0</v>
      </c>
      <c r="BW10" s="195">
        <v>0</v>
      </c>
      <c r="BX10" s="196">
        <v>0</v>
      </c>
      <c r="BY10" s="197">
        <v>1</v>
      </c>
      <c r="BZ10" s="197">
        <v>1</v>
      </c>
      <c r="CA10" s="197">
        <v>24</v>
      </c>
      <c r="CB10" s="195">
        <v>25</v>
      </c>
      <c r="CC10" s="198">
        <v>51</v>
      </c>
      <c r="CD10" s="200">
        <v>51</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6</v>
      </c>
      <c r="CU10" s="197">
        <v>78</v>
      </c>
      <c r="CV10" s="195">
        <v>76</v>
      </c>
      <c r="CW10" s="198">
        <v>160</v>
      </c>
      <c r="CX10" s="199">
        <v>160</v>
      </c>
      <c r="CY10" s="194">
        <v>0</v>
      </c>
      <c r="CZ10" s="195">
        <v>0</v>
      </c>
      <c r="DA10" s="195">
        <v>0</v>
      </c>
      <c r="DB10" s="196">
        <v>0</v>
      </c>
      <c r="DC10" s="197">
        <v>0</v>
      </c>
      <c r="DD10" s="197">
        <v>6</v>
      </c>
      <c r="DE10" s="197">
        <v>77</v>
      </c>
      <c r="DF10" s="195">
        <v>72</v>
      </c>
      <c r="DG10" s="198">
        <v>155</v>
      </c>
      <c r="DH10" s="200">
        <v>155</v>
      </c>
      <c r="DI10" s="201">
        <v>0</v>
      </c>
      <c r="DJ10" s="195">
        <v>0</v>
      </c>
      <c r="DK10" s="195">
        <v>0</v>
      </c>
      <c r="DL10" s="196">
        <v>0</v>
      </c>
      <c r="DM10" s="197">
        <v>0</v>
      </c>
      <c r="DN10" s="197">
        <v>0</v>
      </c>
      <c r="DO10" s="197">
        <v>1</v>
      </c>
      <c r="DP10" s="195">
        <v>4</v>
      </c>
      <c r="DQ10" s="198">
        <v>5</v>
      </c>
      <c r="DR10" s="200">
        <v>5</v>
      </c>
      <c r="DS10" s="201">
        <v>0</v>
      </c>
      <c r="DT10" s="195">
        <v>0</v>
      </c>
      <c r="DU10" s="195">
        <v>0</v>
      </c>
      <c r="DV10" s="196">
        <v>88</v>
      </c>
      <c r="DW10" s="197">
        <v>242</v>
      </c>
      <c r="DX10" s="197">
        <v>1121</v>
      </c>
      <c r="DY10" s="197">
        <v>1682</v>
      </c>
      <c r="DZ10" s="195">
        <v>1063</v>
      </c>
      <c r="EA10" s="198">
        <v>4196</v>
      </c>
      <c r="EB10" s="200">
        <v>4196</v>
      </c>
      <c r="EC10" s="37"/>
    </row>
    <row r="11" spans="2:133" ht="21" customHeight="1" x14ac:dyDescent="0.2">
      <c r="B11" s="62" t="s">
        <v>7</v>
      </c>
      <c r="C11" s="194">
        <v>0</v>
      </c>
      <c r="D11" s="195">
        <v>0</v>
      </c>
      <c r="E11" s="195">
        <v>0</v>
      </c>
      <c r="F11" s="196">
        <v>20</v>
      </c>
      <c r="G11" s="197">
        <v>47</v>
      </c>
      <c r="H11" s="197">
        <v>560</v>
      </c>
      <c r="I11" s="197">
        <v>931</v>
      </c>
      <c r="J11" s="195">
        <v>590</v>
      </c>
      <c r="K11" s="198">
        <v>2148</v>
      </c>
      <c r="L11" s="199">
        <v>2148</v>
      </c>
      <c r="M11" s="194">
        <v>0</v>
      </c>
      <c r="N11" s="195">
        <v>0</v>
      </c>
      <c r="O11" s="198">
        <v>0</v>
      </c>
      <c r="P11" s="196">
        <v>20</v>
      </c>
      <c r="Q11" s="197">
        <v>47</v>
      </c>
      <c r="R11" s="197">
        <v>555</v>
      </c>
      <c r="S11" s="197">
        <v>921</v>
      </c>
      <c r="T11" s="195">
        <v>579</v>
      </c>
      <c r="U11" s="198">
        <v>2122</v>
      </c>
      <c r="V11" s="200">
        <v>2122</v>
      </c>
      <c r="W11" s="201">
        <v>0</v>
      </c>
      <c r="X11" s="195">
        <v>0</v>
      </c>
      <c r="Y11" s="198">
        <v>0</v>
      </c>
      <c r="Z11" s="201">
        <v>0</v>
      </c>
      <c r="AA11" s="197">
        <v>0</v>
      </c>
      <c r="AB11" s="197">
        <v>5</v>
      </c>
      <c r="AC11" s="197">
        <v>10</v>
      </c>
      <c r="AD11" s="195">
        <v>11</v>
      </c>
      <c r="AE11" s="198">
        <v>26</v>
      </c>
      <c r="AF11" s="202">
        <v>26</v>
      </c>
      <c r="AG11" s="201">
        <v>0</v>
      </c>
      <c r="AH11" s="195">
        <v>0</v>
      </c>
      <c r="AI11" s="198">
        <v>0</v>
      </c>
      <c r="AJ11" s="201">
        <v>162</v>
      </c>
      <c r="AK11" s="197">
        <v>216</v>
      </c>
      <c r="AL11" s="197">
        <v>243</v>
      </c>
      <c r="AM11" s="197">
        <v>307</v>
      </c>
      <c r="AN11" s="195">
        <v>96</v>
      </c>
      <c r="AO11" s="198">
        <v>1024</v>
      </c>
      <c r="AP11" s="202">
        <v>1024</v>
      </c>
      <c r="AQ11" s="201">
        <v>0</v>
      </c>
      <c r="AR11" s="195">
        <v>0</v>
      </c>
      <c r="AS11" s="198">
        <v>0</v>
      </c>
      <c r="AT11" s="196">
        <v>161</v>
      </c>
      <c r="AU11" s="197">
        <v>214</v>
      </c>
      <c r="AV11" s="197">
        <v>239</v>
      </c>
      <c r="AW11" s="197">
        <v>302</v>
      </c>
      <c r="AX11" s="195">
        <v>92</v>
      </c>
      <c r="AY11" s="198">
        <v>1008</v>
      </c>
      <c r="AZ11" s="199">
        <v>1008</v>
      </c>
      <c r="BA11" s="194">
        <v>0</v>
      </c>
      <c r="BB11" s="195">
        <v>0</v>
      </c>
      <c r="BC11" s="195">
        <v>0</v>
      </c>
      <c r="BD11" s="196">
        <v>1</v>
      </c>
      <c r="BE11" s="197">
        <v>2</v>
      </c>
      <c r="BF11" s="197">
        <v>4</v>
      </c>
      <c r="BG11" s="197">
        <v>5</v>
      </c>
      <c r="BH11" s="195">
        <v>4</v>
      </c>
      <c r="BI11" s="198">
        <v>16</v>
      </c>
      <c r="BJ11" s="200">
        <v>16</v>
      </c>
      <c r="BK11" s="201">
        <v>0</v>
      </c>
      <c r="BL11" s="195">
        <v>0</v>
      </c>
      <c r="BM11" s="195">
        <v>0</v>
      </c>
      <c r="BN11" s="196">
        <v>0</v>
      </c>
      <c r="BO11" s="197">
        <v>0</v>
      </c>
      <c r="BP11" s="197">
        <v>0</v>
      </c>
      <c r="BQ11" s="197">
        <v>2</v>
      </c>
      <c r="BR11" s="195">
        <v>4</v>
      </c>
      <c r="BS11" s="198">
        <v>6</v>
      </c>
      <c r="BT11" s="199">
        <v>6</v>
      </c>
      <c r="BU11" s="194">
        <v>0</v>
      </c>
      <c r="BV11" s="195">
        <v>0</v>
      </c>
      <c r="BW11" s="195">
        <v>0</v>
      </c>
      <c r="BX11" s="196">
        <v>0</v>
      </c>
      <c r="BY11" s="197">
        <v>0</v>
      </c>
      <c r="BZ11" s="197">
        <v>0</v>
      </c>
      <c r="CA11" s="197">
        <v>2</v>
      </c>
      <c r="CB11" s="195">
        <v>4</v>
      </c>
      <c r="CC11" s="198">
        <v>6</v>
      </c>
      <c r="CD11" s="200">
        <v>6</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1</v>
      </c>
      <c r="CV11" s="195">
        <v>3</v>
      </c>
      <c r="CW11" s="198">
        <v>6</v>
      </c>
      <c r="CX11" s="199">
        <v>6</v>
      </c>
      <c r="CY11" s="194">
        <v>0</v>
      </c>
      <c r="CZ11" s="195">
        <v>0</v>
      </c>
      <c r="DA11" s="195">
        <v>0</v>
      </c>
      <c r="DB11" s="196">
        <v>0</v>
      </c>
      <c r="DC11" s="197">
        <v>0</v>
      </c>
      <c r="DD11" s="197">
        <v>2</v>
      </c>
      <c r="DE11" s="197">
        <v>1</v>
      </c>
      <c r="DF11" s="195">
        <v>3</v>
      </c>
      <c r="DG11" s="198">
        <v>6</v>
      </c>
      <c r="DH11" s="200">
        <v>6</v>
      </c>
      <c r="DI11" s="201">
        <v>0</v>
      </c>
      <c r="DJ11" s="195">
        <v>0</v>
      </c>
      <c r="DK11" s="195">
        <v>0</v>
      </c>
      <c r="DL11" s="196">
        <v>0</v>
      </c>
      <c r="DM11" s="197">
        <v>0</v>
      </c>
      <c r="DN11" s="197">
        <v>0</v>
      </c>
      <c r="DO11" s="197">
        <v>0</v>
      </c>
      <c r="DP11" s="195">
        <v>0</v>
      </c>
      <c r="DQ11" s="198">
        <v>0</v>
      </c>
      <c r="DR11" s="200">
        <v>0</v>
      </c>
      <c r="DS11" s="201">
        <v>0</v>
      </c>
      <c r="DT11" s="195">
        <v>0</v>
      </c>
      <c r="DU11" s="195">
        <v>0</v>
      </c>
      <c r="DV11" s="196">
        <v>182</v>
      </c>
      <c r="DW11" s="197">
        <v>263</v>
      </c>
      <c r="DX11" s="197">
        <v>802</v>
      </c>
      <c r="DY11" s="197">
        <v>1235</v>
      </c>
      <c r="DZ11" s="195">
        <v>691</v>
      </c>
      <c r="EA11" s="198">
        <v>3173</v>
      </c>
      <c r="EB11" s="200">
        <v>3173</v>
      </c>
      <c r="EC11" s="37"/>
    </row>
    <row r="12" spans="2:133" ht="21" customHeight="1" x14ac:dyDescent="0.2">
      <c r="B12" s="62" t="s">
        <v>8</v>
      </c>
      <c r="C12" s="194">
        <v>0</v>
      </c>
      <c r="D12" s="195">
        <v>0</v>
      </c>
      <c r="E12" s="195">
        <v>0</v>
      </c>
      <c r="F12" s="196">
        <v>23</v>
      </c>
      <c r="G12" s="197">
        <v>68</v>
      </c>
      <c r="H12" s="197">
        <v>371</v>
      </c>
      <c r="I12" s="197">
        <v>418</v>
      </c>
      <c r="J12" s="195">
        <v>249</v>
      </c>
      <c r="K12" s="198">
        <v>1129</v>
      </c>
      <c r="L12" s="199">
        <v>1129</v>
      </c>
      <c r="M12" s="194">
        <v>0</v>
      </c>
      <c r="N12" s="195">
        <v>0</v>
      </c>
      <c r="O12" s="198">
        <v>0</v>
      </c>
      <c r="P12" s="196">
        <v>23</v>
      </c>
      <c r="Q12" s="197">
        <v>68</v>
      </c>
      <c r="R12" s="197">
        <v>369</v>
      </c>
      <c r="S12" s="197">
        <v>415</v>
      </c>
      <c r="T12" s="195">
        <v>246</v>
      </c>
      <c r="U12" s="198">
        <v>1121</v>
      </c>
      <c r="V12" s="200">
        <v>1121</v>
      </c>
      <c r="W12" s="201">
        <v>0</v>
      </c>
      <c r="X12" s="195">
        <v>0</v>
      </c>
      <c r="Y12" s="198">
        <v>0</v>
      </c>
      <c r="Z12" s="201">
        <v>0</v>
      </c>
      <c r="AA12" s="197">
        <v>0</v>
      </c>
      <c r="AB12" s="197">
        <v>2</v>
      </c>
      <c r="AC12" s="197">
        <v>3</v>
      </c>
      <c r="AD12" s="195">
        <v>3</v>
      </c>
      <c r="AE12" s="198">
        <v>8</v>
      </c>
      <c r="AF12" s="202">
        <v>8</v>
      </c>
      <c r="AG12" s="201">
        <v>0</v>
      </c>
      <c r="AH12" s="195">
        <v>0</v>
      </c>
      <c r="AI12" s="198">
        <v>0</v>
      </c>
      <c r="AJ12" s="201">
        <v>46</v>
      </c>
      <c r="AK12" s="197">
        <v>100</v>
      </c>
      <c r="AL12" s="197">
        <v>164</v>
      </c>
      <c r="AM12" s="197">
        <v>136</v>
      </c>
      <c r="AN12" s="195">
        <v>67</v>
      </c>
      <c r="AO12" s="198">
        <v>513</v>
      </c>
      <c r="AP12" s="202">
        <v>513</v>
      </c>
      <c r="AQ12" s="201">
        <v>0</v>
      </c>
      <c r="AR12" s="195">
        <v>0</v>
      </c>
      <c r="AS12" s="198">
        <v>0</v>
      </c>
      <c r="AT12" s="196">
        <v>44</v>
      </c>
      <c r="AU12" s="197">
        <v>98</v>
      </c>
      <c r="AV12" s="197">
        <v>160</v>
      </c>
      <c r="AW12" s="197">
        <v>134</v>
      </c>
      <c r="AX12" s="195">
        <v>65</v>
      </c>
      <c r="AY12" s="198">
        <v>501</v>
      </c>
      <c r="AZ12" s="199">
        <v>501</v>
      </c>
      <c r="BA12" s="194">
        <v>0</v>
      </c>
      <c r="BB12" s="195">
        <v>0</v>
      </c>
      <c r="BC12" s="195">
        <v>0</v>
      </c>
      <c r="BD12" s="196">
        <v>2</v>
      </c>
      <c r="BE12" s="197">
        <v>2</v>
      </c>
      <c r="BF12" s="197">
        <v>4</v>
      </c>
      <c r="BG12" s="197">
        <v>2</v>
      </c>
      <c r="BH12" s="195">
        <v>2</v>
      </c>
      <c r="BI12" s="198">
        <v>12</v>
      </c>
      <c r="BJ12" s="200">
        <v>12</v>
      </c>
      <c r="BK12" s="201">
        <v>0</v>
      </c>
      <c r="BL12" s="195">
        <v>0</v>
      </c>
      <c r="BM12" s="195">
        <v>0</v>
      </c>
      <c r="BN12" s="196">
        <v>0</v>
      </c>
      <c r="BO12" s="197">
        <v>0</v>
      </c>
      <c r="BP12" s="197">
        <v>0</v>
      </c>
      <c r="BQ12" s="197">
        <v>1</v>
      </c>
      <c r="BR12" s="195">
        <v>0</v>
      </c>
      <c r="BS12" s="198">
        <v>1</v>
      </c>
      <c r="BT12" s="199">
        <v>1</v>
      </c>
      <c r="BU12" s="194">
        <v>0</v>
      </c>
      <c r="BV12" s="195">
        <v>0</v>
      </c>
      <c r="BW12" s="195">
        <v>0</v>
      </c>
      <c r="BX12" s="196">
        <v>0</v>
      </c>
      <c r="BY12" s="197">
        <v>0</v>
      </c>
      <c r="BZ12" s="197">
        <v>0</v>
      </c>
      <c r="CA12" s="197">
        <v>1</v>
      </c>
      <c r="CB12" s="195">
        <v>0</v>
      </c>
      <c r="CC12" s="198">
        <v>1</v>
      </c>
      <c r="CD12" s="200">
        <v>1</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0</v>
      </c>
      <c r="CT12" s="197">
        <v>2</v>
      </c>
      <c r="CU12" s="197">
        <v>8</v>
      </c>
      <c r="CV12" s="195">
        <v>11</v>
      </c>
      <c r="CW12" s="198">
        <v>22</v>
      </c>
      <c r="CX12" s="199">
        <v>22</v>
      </c>
      <c r="CY12" s="194">
        <v>0</v>
      </c>
      <c r="CZ12" s="195">
        <v>0</v>
      </c>
      <c r="DA12" s="195">
        <v>0</v>
      </c>
      <c r="DB12" s="196">
        <v>1</v>
      </c>
      <c r="DC12" s="197">
        <v>0</v>
      </c>
      <c r="DD12" s="197">
        <v>2</v>
      </c>
      <c r="DE12" s="197">
        <v>8</v>
      </c>
      <c r="DF12" s="195">
        <v>10</v>
      </c>
      <c r="DG12" s="198">
        <v>21</v>
      </c>
      <c r="DH12" s="200">
        <v>21</v>
      </c>
      <c r="DI12" s="201">
        <v>0</v>
      </c>
      <c r="DJ12" s="195">
        <v>0</v>
      </c>
      <c r="DK12" s="195">
        <v>0</v>
      </c>
      <c r="DL12" s="196">
        <v>0</v>
      </c>
      <c r="DM12" s="197">
        <v>0</v>
      </c>
      <c r="DN12" s="197">
        <v>0</v>
      </c>
      <c r="DO12" s="197">
        <v>0</v>
      </c>
      <c r="DP12" s="195">
        <v>1</v>
      </c>
      <c r="DQ12" s="198">
        <v>1</v>
      </c>
      <c r="DR12" s="200">
        <v>1</v>
      </c>
      <c r="DS12" s="201">
        <v>0</v>
      </c>
      <c r="DT12" s="195">
        <v>0</v>
      </c>
      <c r="DU12" s="195">
        <v>0</v>
      </c>
      <c r="DV12" s="196">
        <v>70</v>
      </c>
      <c r="DW12" s="197">
        <v>168</v>
      </c>
      <c r="DX12" s="197">
        <v>537</v>
      </c>
      <c r="DY12" s="197">
        <v>563</v>
      </c>
      <c r="DZ12" s="195">
        <v>327</v>
      </c>
      <c r="EA12" s="198">
        <v>1665</v>
      </c>
      <c r="EB12" s="200">
        <v>1665</v>
      </c>
      <c r="EC12" s="37"/>
    </row>
    <row r="13" spans="2:133" ht="21" customHeight="1" x14ac:dyDescent="0.2">
      <c r="B13" s="62" t="s">
        <v>9</v>
      </c>
      <c r="C13" s="194">
        <v>0</v>
      </c>
      <c r="D13" s="195">
        <v>0</v>
      </c>
      <c r="E13" s="195">
        <v>0</v>
      </c>
      <c r="F13" s="196">
        <v>8</v>
      </c>
      <c r="G13" s="197">
        <v>2</v>
      </c>
      <c r="H13" s="197">
        <v>190</v>
      </c>
      <c r="I13" s="197">
        <v>360</v>
      </c>
      <c r="J13" s="195">
        <v>265</v>
      </c>
      <c r="K13" s="198">
        <v>825</v>
      </c>
      <c r="L13" s="199">
        <v>825</v>
      </c>
      <c r="M13" s="194">
        <v>0</v>
      </c>
      <c r="N13" s="195">
        <v>0</v>
      </c>
      <c r="O13" s="198">
        <v>0</v>
      </c>
      <c r="P13" s="196">
        <v>8</v>
      </c>
      <c r="Q13" s="197">
        <v>2</v>
      </c>
      <c r="R13" s="197">
        <v>190</v>
      </c>
      <c r="S13" s="197">
        <v>356</v>
      </c>
      <c r="T13" s="195">
        <v>263</v>
      </c>
      <c r="U13" s="198">
        <v>819</v>
      </c>
      <c r="V13" s="200">
        <v>819</v>
      </c>
      <c r="W13" s="201">
        <v>0</v>
      </c>
      <c r="X13" s="195">
        <v>0</v>
      </c>
      <c r="Y13" s="198">
        <v>0</v>
      </c>
      <c r="Z13" s="201">
        <v>0</v>
      </c>
      <c r="AA13" s="197">
        <v>0</v>
      </c>
      <c r="AB13" s="197">
        <v>0</v>
      </c>
      <c r="AC13" s="197">
        <v>4</v>
      </c>
      <c r="AD13" s="195">
        <v>2</v>
      </c>
      <c r="AE13" s="198">
        <v>6</v>
      </c>
      <c r="AF13" s="202">
        <v>6</v>
      </c>
      <c r="AG13" s="201">
        <v>0</v>
      </c>
      <c r="AH13" s="195">
        <v>0</v>
      </c>
      <c r="AI13" s="198">
        <v>0</v>
      </c>
      <c r="AJ13" s="201">
        <v>23</v>
      </c>
      <c r="AK13" s="197">
        <v>74</v>
      </c>
      <c r="AL13" s="197">
        <v>79</v>
      </c>
      <c r="AM13" s="197">
        <v>127</v>
      </c>
      <c r="AN13" s="195">
        <v>62</v>
      </c>
      <c r="AO13" s="198">
        <v>365</v>
      </c>
      <c r="AP13" s="202">
        <v>365</v>
      </c>
      <c r="AQ13" s="201">
        <v>0</v>
      </c>
      <c r="AR13" s="195">
        <v>0</v>
      </c>
      <c r="AS13" s="198">
        <v>0</v>
      </c>
      <c r="AT13" s="196">
        <v>23</v>
      </c>
      <c r="AU13" s="197">
        <v>74</v>
      </c>
      <c r="AV13" s="197">
        <v>77</v>
      </c>
      <c r="AW13" s="197">
        <v>124</v>
      </c>
      <c r="AX13" s="195">
        <v>61</v>
      </c>
      <c r="AY13" s="198">
        <v>359</v>
      </c>
      <c r="AZ13" s="199">
        <v>359</v>
      </c>
      <c r="BA13" s="194">
        <v>0</v>
      </c>
      <c r="BB13" s="195">
        <v>0</v>
      </c>
      <c r="BC13" s="195">
        <v>0</v>
      </c>
      <c r="BD13" s="196">
        <v>0</v>
      </c>
      <c r="BE13" s="197">
        <v>0</v>
      </c>
      <c r="BF13" s="197">
        <v>2</v>
      </c>
      <c r="BG13" s="197">
        <v>3</v>
      </c>
      <c r="BH13" s="195">
        <v>1</v>
      </c>
      <c r="BI13" s="198">
        <v>6</v>
      </c>
      <c r="BJ13" s="200">
        <v>6</v>
      </c>
      <c r="BK13" s="201">
        <v>0</v>
      </c>
      <c r="BL13" s="195">
        <v>0</v>
      </c>
      <c r="BM13" s="195">
        <v>0</v>
      </c>
      <c r="BN13" s="196">
        <v>0</v>
      </c>
      <c r="BO13" s="197">
        <v>0</v>
      </c>
      <c r="BP13" s="197">
        <v>0</v>
      </c>
      <c r="BQ13" s="197">
        <v>1</v>
      </c>
      <c r="BR13" s="195">
        <v>0</v>
      </c>
      <c r="BS13" s="198">
        <v>1</v>
      </c>
      <c r="BT13" s="199">
        <v>1</v>
      </c>
      <c r="BU13" s="194">
        <v>0</v>
      </c>
      <c r="BV13" s="195">
        <v>0</v>
      </c>
      <c r="BW13" s="195">
        <v>0</v>
      </c>
      <c r="BX13" s="196">
        <v>0</v>
      </c>
      <c r="BY13" s="197">
        <v>0</v>
      </c>
      <c r="BZ13" s="197">
        <v>0</v>
      </c>
      <c r="CA13" s="197">
        <v>1</v>
      </c>
      <c r="CB13" s="195">
        <v>0</v>
      </c>
      <c r="CC13" s="198">
        <v>1</v>
      </c>
      <c r="CD13" s="200">
        <v>1</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1</v>
      </c>
      <c r="CT13" s="197">
        <v>1</v>
      </c>
      <c r="CU13" s="197">
        <v>3</v>
      </c>
      <c r="CV13" s="195">
        <v>5</v>
      </c>
      <c r="CW13" s="198">
        <v>10</v>
      </c>
      <c r="CX13" s="199">
        <v>10</v>
      </c>
      <c r="CY13" s="194">
        <v>0</v>
      </c>
      <c r="CZ13" s="195">
        <v>0</v>
      </c>
      <c r="DA13" s="195">
        <v>0</v>
      </c>
      <c r="DB13" s="196">
        <v>0</v>
      </c>
      <c r="DC13" s="197">
        <v>1</v>
      </c>
      <c r="DD13" s="197">
        <v>1</v>
      </c>
      <c r="DE13" s="197">
        <v>3</v>
      </c>
      <c r="DF13" s="195">
        <v>5</v>
      </c>
      <c r="DG13" s="198">
        <v>10</v>
      </c>
      <c r="DH13" s="200">
        <v>10</v>
      </c>
      <c r="DI13" s="201">
        <v>0</v>
      </c>
      <c r="DJ13" s="195">
        <v>0</v>
      </c>
      <c r="DK13" s="195">
        <v>0</v>
      </c>
      <c r="DL13" s="196">
        <v>0</v>
      </c>
      <c r="DM13" s="197">
        <v>0</v>
      </c>
      <c r="DN13" s="197">
        <v>0</v>
      </c>
      <c r="DO13" s="197">
        <v>0</v>
      </c>
      <c r="DP13" s="195">
        <v>0</v>
      </c>
      <c r="DQ13" s="198">
        <v>0</v>
      </c>
      <c r="DR13" s="200">
        <v>0</v>
      </c>
      <c r="DS13" s="201">
        <v>0</v>
      </c>
      <c r="DT13" s="195">
        <v>0</v>
      </c>
      <c r="DU13" s="195">
        <v>0</v>
      </c>
      <c r="DV13" s="196">
        <v>31</v>
      </c>
      <c r="DW13" s="197">
        <v>77</v>
      </c>
      <c r="DX13" s="197">
        <v>269</v>
      </c>
      <c r="DY13" s="197">
        <v>490</v>
      </c>
      <c r="DZ13" s="195">
        <v>332</v>
      </c>
      <c r="EA13" s="198">
        <v>1199</v>
      </c>
      <c r="EB13" s="200">
        <v>1199</v>
      </c>
      <c r="EC13" s="37"/>
    </row>
    <row r="14" spans="2:133" ht="21" customHeight="1" x14ac:dyDescent="0.2">
      <c r="B14" s="62" t="s">
        <v>10</v>
      </c>
      <c r="C14" s="194">
        <v>0</v>
      </c>
      <c r="D14" s="195">
        <v>0</v>
      </c>
      <c r="E14" s="195">
        <v>0</v>
      </c>
      <c r="F14" s="196">
        <v>18</v>
      </c>
      <c r="G14" s="197">
        <v>44</v>
      </c>
      <c r="H14" s="197">
        <v>374</v>
      </c>
      <c r="I14" s="197">
        <v>518</v>
      </c>
      <c r="J14" s="195">
        <v>494</v>
      </c>
      <c r="K14" s="198">
        <v>1448</v>
      </c>
      <c r="L14" s="199">
        <v>1448</v>
      </c>
      <c r="M14" s="194">
        <v>0</v>
      </c>
      <c r="N14" s="195">
        <v>0</v>
      </c>
      <c r="O14" s="198">
        <v>0</v>
      </c>
      <c r="P14" s="196">
        <v>18</v>
      </c>
      <c r="Q14" s="197">
        <v>43</v>
      </c>
      <c r="R14" s="197">
        <v>370</v>
      </c>
      <c r="S14" s="197">
        <v>515</v>
      </c>
      <c r="T14" s="195">
        <v>486</v>
      </c>
      <c r="U14" s="198">
        <v>1432</v>
      </c>
      <c r="V14" s="200">
        <v>1432</v>
      </c>
      <c r="W14" s="201">
        <v>0</v>
      </c>
      <c r="X14" s="195">
        <v>0</v>
      </c>
      <c r="Y14" s="198">
        <v>0</v>
      </c>
      <c r="Z14" s="201">
        <v>0</v>
      </c>
      <c r="AA14" s="197">
        <v>1</v>
      </c>
      <c r="AB14" s="197">
        <v>4</v>
      </c>
      <c r="AC14" s="197">
        <v>3</v>
      </c>
      <c r="AD14" s="195">
        <v>8</v>
      </c>
      <c r="AE14" s="198">
        <v>16</v>
      </c>
      <c r="AF14" s="202">
        <v>16</v>
      </c>
      <c r="AG14" s="201">
        <v>0</v>
      </c>
      <c r="AH14" s="195">
        <v>0</v>
      </c>
      <c r="AI14" s="198">
        <v>0</v>
      </c>
      <c r="AJ14" s="201">
        <v>93</v>
      </c>
      <c r="AK14" s="197">
        <v>122</v>
      </c>
      <c r="AL14" s="197">
        <v>162</v>
      </c>
      <c r="AM14" s="197">
        <v>168</v>
      </c>
      <c r="AN14" s="195">
        <v>97</v>
      </c>
      <c r="AO14" s="198">
        <v>642</v>
      </c>
      <c r="AP14" s="202">
        <v>642</v>
      </c>
      <c r="AQ14" s="201">
        <v>0</v>
      </c>
      <c r="AR14" s="195">
        <v>0</v>
      </c>
      <c r="AS14" s="198">
        <v>0</v>
      </c>
      <c r="AT14" s="196">
        <v>92</v>
      </c>
      <c r="AU14" s="197">
        <v>119</v>
      </c>
      <c r="AV14" s="197">
        <v>160</v>
      </c>
      <c r="AW14" s="197">
        <v>166</v>
      </c>
      <c r="AX14" s="195">
        <v>93</v>
      </c>
      <c r="AY14" s="198">
        <v>630</v>
      </c>
      <c r="AZ14" s="199">
        <v>630</v>
      </c>
      <c r="BA14" s="194">
        <v>0</v>
      </c>
      <c r="BB14" s="195">
        <v>0</v>
      </c>
      <c r="BC14" s="195">
        <v>0</v>
      </c>
      <c r="BD14" s="196">
        <v>1</v>
      </c>
      <c r="BE14" s="197">
        <v>3</v>
      </c>
      <c r="BF14" s="197">
        <v>2</v>
      </c>
      <c r="BG14" s="197">
        <v>2</v>
      </c>
      <c r="BH14" s="195">
        <v>4</v>
      </c>
      <c r="BI14" s="198">
        <v>12</v>
      </c>
      <c r="BJ14" s="200">
        <v>12</v>
      </c>
      <c r="BK14" s="201">
        <v>0</v>
      </c>
      <c r="BL14" s="195">
        <v>0</v>
      </c>
      <c r="BM14" s="195">
        <v>0</v>
      </c>
      <c r="BN14" s="196">
        <v>0</v>
      </c>
      <c r="BO14" s="197">
        <v>0</v>
      </c>
      <c r="BP14" s="197">
        <v>0</v>
      </c>
      <c r="BQ14" s="197">
        <v>0</v>
      </c>
      <c r="BR14" s="195">
        <v>2</v>
      </c>
      <c r="BS14" s="198">
        <v>2</v>
      </c>
      <c r="BT14" s="199">
        <v>2</v>
      </c>
      <c r="BU14" s="194">
        <v>0</v>
      </c>
      <c r="BV14" s="195">
        <v>0</v>
      </c>
      <c r="BW14" s="195">
        <v>0</v>
      </c>
      <c r="BX14" s="196">
        <v>0</v>
      </c>
      <c r="BY14" s="197">
        <v>0</v>
      </c>
      <c r="BZ14" s="197">
        <v>0</v>
      </c>
      <c r="CA14" s="197">
        <v>0</v>
      </c>
      <c r="CB14" s="195">
        <v>2</v>
      </c>
      <c r="CC14" s="198">
        <v>2</v>
      </c>
      <c r="CD14" s="200">
        <v>2</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1</v>
      </c>
      <c r="CT14" s="197">
        <v>0</v>
      </c>
      <c r="CU14" s="197">
        <v>3</v>
      </c>
      <c r="CV14" s="195">
        <v>33</v>
      </c>
      <c r="CW14" s="198">
        <v>38</v>
      </c>
      <c r="CX14" s="199">
        <v>38</v>
      </c>
      <c r="CY14" s="194">
        <v>0</v>
      </c>
      <c r="CZ14" s="195">
        <v>0</v>
      </c>
      <c r="DA14" s="195">
        <v>0</v>
      </c>
      <c r="DB14" s="196">
        <v>1</v>
      </c>
      <c r="DC14" s="197">
        <v>1</v>
      </c>
      <c r="DD14" s="197">
        <v>0</v>
      </c>
      <c r="DE14" s="197">
        <v>3</v>
      </c>
      <c r="DF14" s="195">
        <v>33</v>
      </c>
      <c r="DG14" s="198">
        <v>38</v>
      </c>
      <c r="DH14" s="200">
        <v>38</v>
      </c>
      <c r="DI14" s="201">
        <v>0</v>
      </c>
      <c r="DJ14" s="195">
        <v>0</v>
      </c>
      <c r="DK14" s="195">
        <v>0</v>
      </c>
      <c r="DL14" s="196">
        <v>0</v>
      </c>
      <c r="DM14" s="197">
        <v>0</v>
      </c>
      <c r="DN14" s="197">
        <v>0</v>
      </c>
      <c r="DO14" s="197">
        <v>0</v>
      </c>
      <c r="DP14" s="195">
        <v>0</v>
      </c>
      <c r="DQ14" s="198">
        <v>0</v>
      </c>
      <c r="DR14" s="200">
        <v>0</v>
      </c>
      <c r="DS14" s="201">
        <v>0</v>
      </c>
      <c r="DT14" s="195">
        <v>0</v>
      </c>
      <c r="DU14" s="195">
        <v>0</v>
      </c>
      <c r="DV14" s="196">
        <v>112</v>
      </c>
      <c r="DW14" s="197">
        <v>166</v>
      </c>
      <c r="DX14" s="197">
        <v>533</v>
      </c>
      <c r="DY14" s="197">
        <v>686</v>
      </c>
      <c r="DZ14" s="195">
        <v>622</v>
      </c>
      <c r="EA14" s="198">
        <v>2119</v>
      </c>
      <c r="EB14" s="200">
        <v>2119</v>
      </c>
      <c r="EC14" s="37"/>
    </row>
    <row r="15" spans="2:133" ht="21" customHeight="1" x14ac:dyDescent="0.2">
      <c r="B15" s="62" t="s">
        <v>11</v>
      </c>
      <c r="C15" s="194">
        <v>0</v>
      </c>
      <c r="D15" s="195">
        <v>0</v>
      </c>
      <c r="E15" s="195">
        <v>0</v>
      </c>
      <c r="F15" s="196">
        <v>2</v>
      </c>
      <c r="G15" s="197">
        <v>7</v>
      </c>
      <c r="H15" s="197">
        <v>207</v>
      </c>
      <c r="I15" s="197">
        <v>350</v>
      </c>
      <c r="J15" s="195">
        <v>190</v>
      </c>
      <c r="K15" s="198">
        <v>756</v>
      </c>
      <c r="L15" s="199">
        <v>756</v>
      </c>
      <c r="M15" s="194">
        <v>0</v>
      </c>
      <c r="N15" s="195">
        <v>0</v>
      </c>
      <c r="O15" s="198">
        <v>0</v>
      </c>
      <c r="P15" s="196">
        <v>2</v>
      </c>
      <c r="Q15" s="197">
        <v>7</v>
      </c>
      <c r="R15" s="197">
        <v>207</v>
      </c>
      <c r="S15" s="197">
        <v>347</v>
      </c>
      <c r="T15" s="195">
        <v>189</v>
      </c>
      <c r="U15" s="198">
        <v>752</v>
      </c>
      <c r="V15" s="200">
        <v>752</v>
      </c>
      <c r="W15" s="201">
        <v>0</v>
      </c>
      <c r="X15" s="195">
        <v>0</v>
      </c>
      <c r="Y15" s="198">
        <v>0</v>
      </c>
      <c r="Z15" s="201">
        <v>0</v>
      </c>
      <c r="AA15" s="197">
        <v>0</v>
      </c>
      <c r="AB15" s="197">
        <v>0</v>
      </c>
      <c r="AC15" s="197">
        <v>3</v>
      </c>
      <c r="AD15" s="195">
        <v>1</v>
      </c>
      <c r="AE15" s="198">
        <v>4</v>
      </c>
      <c r="AF15" s="202">
        <v>4</v>
      </c>
      <c r="AG15" s="201">
        <v>0</v>
      </c>
      <c r="AH15" s="195">
        <v>0</v>
      </c>
      <c r="AI15" s="198">
        <v>0</v>
      </c>
      <c r="AJ15" s="201">
        <v>67</v>
      </c>
      <c r="AK15" s="197">
        <v>89</v>
      </c>
      <c r="AL15" s="197">
        <v>121</v>
      </c>
      <c r="AM15" s="197">
        <v>152</v>
      </c>
      <c r="AN15" s="195">
        <v>62</v>
      </c>
      <c r="AO15" s="198">
        <v>491</v>
      </c>
      <c r="AP15" s="202">
        <v>491</v>
      </c>
      <c r="AQ15" s="201">
        <v>0</v>
      </c>
      <c r="AR15" s="195">
        <v>0</v>
      </c>
      <c r="AS15" s="198">
        <v>0</v>
      </c>
      <c r="AT15" s="196">
        <v>64</v>
      </c>
      <c r="AU15" s="197">
        <v>88</v>
      </c>
      <c r="AV15" s="197">
        <v>118</v>
      </c>
      <c r="AW15" s="197">
        <v>151</v>
      </c>
      <c r="AX15" s="195">
        <v>62</v>
      </c>
      <c r="AY15" s="198">
        <v>483</v>
      </c>
      <c r="AZ15" s="199">
        <v>483</v>
      </c>
      <c r="BA15" s="194">
        <v>0</v>
      </c>
      <c r="BB15" s="195">
        <v>0</v>
      </c>
      <c r="BC15" s="195">
        <v>0</v>
      </c>
      <c r="BD15" s="196">
        <v>3</v>
      </c>
      <c r="BE15" s="197">
        <v>1</v>
      </c>
      <c r="BF15" s="197">
        <v>3</v>
      </c>
      <c r="BG15" s="197">
        <v>1</v>
      </c>
      <c r="BH15" s="195">
        <v>0</v>
      </c>
      <c r="BI15" s="198">
        <v>8</v>
      </c>
      <c r="BJ15" s="200">
        <v>8</v>
      </c>
      <c r="BK15" s="201">
        <v>0</v>
      </c>
      <c r="BL15" s="195">
        <v>0</v>
      </c>
      <c r="BM15" s="195">
        <v>0</v>
      </c>
      <c r="BN15" s="196">
        <v>0</v>
      </c>
      <c r="BO15" s="197">
        <v>0</v>
      </c>
      <c r="BP15" s="197">
        <v>0</v>
      </c>
      <c r="BQ15" s="197">
        <v>1</v>
      </c>
      <c r="BR15" s="195">
        <v>1</v>
      </c>
      <c r="BS15" s="198">
        <v>2</v>
      </c>
      <c r="BT15" s="199">
        <v>2</v>
      </c>
      <c r="BU15" s="194">
        <v>0</v>
      </c>
      <c r="BV15" s="195">
        <v>0</v>
      </c>
      <c r="BW15" s="195">
        <v>0</v>
      </c>
      <c r="BX15" s="196">
        <v>0</v>
      </c>
      <c r="BY15" s="197">
        <v>0</v>
      </c>
      <c r="BZ15" s="197">
        <v>0</v>
      </c>
      <c r="CA15" s="197">
        <v>1</v>
      </c>
      <c r="CB15" s="195">
        <v>1</v>
      </c>
      <c r="CC15" s="198">
        <v>2</v>
      </c>
      <c r="CD15" s="200">
        <v>2</v>
      </c>
      <c r="CE15" s="201">
        <v>0</v>
      </c>
      <c r="CF15" s="195">
        <v>0</v>
      </c>
      <c r="CG15" s="195">
        <v>0</v>
      </c>
      <c r="CH15" s="196">
        <v>0</v>
      </c>
      <c r="CI15" s="197">
        <v>0</v>
      </c>
      <c r="CJ15" s="197">
        <v>0</v>
      </c>
      <c r="CK15" s="197">
        <v>0</v>
      </c>
      <c r="CL15" s="195">
        <v>0</v>
      </c>
      <c r="CM15" s="198">
        <v>0</v>
      </c>
      <c r="CN15" s="200">
        <v>0</v>
      </c>
      <c r="CO15" s="201">
        <v>0</v>
      </c>
      <c r="CP15" s="195">
        <v>0</v>
      </c>
      <c r="CQ15" s="195">
        <v>0</v>
      </c>
      <c r="CR15" s="196">
        <v>3</v>
      </c>
      <c r="CS15" s="197">
        <v>6</v>
      </c>
      <c r="CT15" s="197">
        <v>6</v>
      </c>
      <c r="CU15" s="197">
        <v>7</v>
      </c>
      <c r="CV15" s="195">
        <v>19</v>
      </c>
      <c r="CW15" s="198">
        <v>41</v>
      </c>
      <c r="CX15" s="199">
        <v>41</v>
      </c>
      <c r="CY15" s="194">
        <v>0</v>
      </c>
      <c r="CZ15" s="195">
        <v>0</v>
      </c>
      <c r="DA15" s="195">
        <v>0</v>
      </c>
      <c r="DB15" s="196">
        <v>2</v>
      </c>
      <c r="DC15" s="197">
        <v>6</v>
      </c>
      <c r="DD15" s="197">
        <v>6</v>
      </c>
      <c r="DE15" s="197">
        <v>7</v>
      </c>
      <c r="DF15" s="195">
        <v>17</v>
      </c>
      <c r="DG15" s="198">
        <v>38</v>
      </c>
      <c r="DH15" s="200">
        <v>38</v>
      </c>
      <c r="DI15" s="201">
        <v>0</v>
      </c>
      <c r="DJ15" s="195">
        <v>0</v>
      </c>
      <c r="DK15" s="195">
        <v>0</v>
      </c>
      <c r="DL15" s="196">
        <v>1</v>
      </c>
      <c r="DM15" s="197">
        <v>0</v>
      </c>
      <c r="DN15" s="197">
        <v>0</v>
      </c>
      <c r="DO15" s="197">
        <v>0</v>
      </c>
      <c r="DP15" s="195">
        <v>2</v>
      </c>
      <c r="DQ15" s="198">
        <v>3</v>
      </c>
      <c r="DR15" s="200">
        <v>3</v>
      </c>
      <c r="DS15" s="201">
        <v>0</v>
      </c>
      <c r="DT15" s="195">
        <v>0</v>
      </c>
      <c r="DU15" s="195">
        <v>0</v>
      </c>
      <c r="DV15" s="196">
        <v>72</v>
      </c>
      <c r="DW15" s="197">
        <v>102</v>
      </c>
      <c r="DX15" s="197">
        <v>331</v>
      </c>
      <c r="DY15" s="197">
        <v>507</v>
      </c>
      <c r="DZ15" s="195">
        <v>272</v>
      </c>
      <c r="EA15" s="198">
        <v>1284</v>
      </c>
      <c r="EB15" s="200">
        <v>1284</v>
      </c>
      <c r="EC15" s="37"/>
    </row>
    <row r="16" spans="2:133" ht="21" customHeight="1" x14ac:dyDescent="0.2">
      <c r="B16" s="62" t="s">
        <v>12</v>
      </c>
      <c r="C16" s="194">
        <v>0</v>
      </c>
      <c r="D16" s="195">
        <v>0</v>
      </c>
      <c r="E16" s="195">
        <v>0</v>
      </c>
      <c r="F16" s="196">
        <v>3</v>
      </c>
      <c r="G16" s="197">
        <v>18</v>
      </c>
      <c r="H16" s="197">
        <v>180</v>
      </c>
      <c r="I16" s="197">
        <v>294</v>
      </c>
      <c r="J16" s="195">
        <v>240</v>
      </c>
      <c r="K16" s="198">
        <v>735</v>
      </c>
      <c r="L16" s="199">
        <v>735</v>
      </c>
      <c r="M16" s="194">
        <v>0</v>
      </c>
      <c r="N16" s="195">
        <v>0</v>
      </c>
      <c r="O16" s="198">
        <v>0</v>
      </c>
      <c r="P16" s="196">
        <v>3</v>
      </c>
      <c r="Q16" s="197">
        <v>18</v>
      </c>
      <c r="R16" s="197">
        <v>180</v>
      </c>
      <c r="S16" s="197">
        <v>292</v>
      </c>
      <c r="T16" s="195">
        <v>237</v>
      </c>
      <c r="U16" s="198">
        <v>730</v>
      </c>
      <c r="V16" s="200">
        <v>730</v>
      </c>
      <c r="W16" s="201">
        <v>0</v>
      </c>
      <c r="X16" s="195">
        <v>0</v>
      </c>
      <c r="Y16" s="198">
        <v>0</v>
      </c>
      <c r="Z16" s="201">
        <v>0</v>
      </c>
      <c r="AA16" s="197">
        <v>0</v>
      </c>
      <c r="AB16" s="197">
        <v>0</v>
      </c>
      <c r="AC16" s="197">
        <v>2</v>
      </c>
      <c r="AD16" s="195">
        <v>3</v>
      </c>
      <c r="AE16" s="198">
        <v>5</v>
      </c>
      <c r="AF16" s="202">
        <v>5</v>
      </c>
      <c r="AG16" s="201">
        <v>0</v>
      </c>
      <c r="AH16" s="195">
        <v>0</v>
      </c>
      <c r="AI16" s="198">
        <v>0</v>
      </c>
      <c r="AJ16" s="201">
        <v>48</v>
      </c>
      <c r="AK16" s="197">
        <v>81</v>
      </c>
      <c r="AL16" s="197">
        <v>156</v>
      </c>
      <c r="AM16" s="197">
        <v>170</v>
      </c>
      <c r="AN16" s="195">
        <v>64</v>
      </c>
      <c r="AO16" s="198">
        <v>519</v>
      </c>
      <c r="AP16" s="202">
        <v>519</v>
      </c>
      <c r="AQ16" s="201">
        <v>0</v>
      </c>
      <c r="AR16" s="195">
        <v>0</v>
      </c>
      <c r="AS16" s="198">
        <v>0</v>
      </c>
      <c r="AT16" s="196">
        <v>48</v>
      </c>
      <c r="AU16" s="197">
        <v>80</v>
      </c>
      <c r="AV16" s="197">
        <v>154</v>
      </c>
      <c r="AW16" s="197">
        <v>168</v>
      </c>
      <c r="AX16" s="195">
        <v>64</v>
      </c>
      <c r="AY16" s="198">
        <v>514</v>
      </c>
      <c r="AZ16" s="199">
        <v>514</v>
      </c>
      <c r="BA16" s="194">
        <v>0</v>
      </c>
      <c r="BB16" s="195">
        <v>0</v>
      </c>
      <c r="BC16" s="195">
        <v>0</v>
      </c>
      <c r="BD16" s="196">
        <v>0</v>
      </c>
      <c r="BE16" s="197">
        <v>1</v>
      </c>
      <c r="BF16" s="197">
        <v>2</v>
      </c>
      <c r="BG16" s="197">
        <v>2</v>
      </c>
      <c r="BH16" s="195">
        <v>0</v>
      </c>
      <c r="BI16" s="198">
        <v>5</v>
      </c>
      <c r="BJ16" s="200">
        <v>5</v>
      </c>
      <c r="BK16" s="201">
        <v>0</v>
      </c>
      <c r="BL16" s="195">
        <v>0</v>
      </c>
      <c r="BM16" s="195">
        <v>0</v>
      </c>
      <c r="BN16" s="196">
        <v>0</v>
      </c>
      <c r="BO16" s="197">
        <v>0</v>
      </c>
      <c r="BP16" s="197">
        <v>0</v>
      </c>
      <c r="BQ16" s="197">
        <v>0</v>
      </c>
      <c r="BR16" s="195">
        <v>1</v>
      </c>
      <c r="BS16" s="198">
        <v>1</v>
      </c>
      <c r="BT16" s="199">
        <v>1</v>
      </c>
      <c r="BU16" s="194">
        <v>0</v>
      </c>
      <c r="BV16" s="195">
        <v>0</v>
      </c>
      <c r="BW16" s="195">
        <v>0</v>
      </c>
      <c r="BX16" s="196">
        <v>0</v>
      </c>
      <c r="BY16" s="197">
        <v>0</v>
      </c>
      <c r="BZ16" s="197">
        <v>0</v>
      </c>
      <c r="CA16" s="197">
        <v>0</v>
      </c>
      <c r="CB16" s="195">
        <v>1</v>
      </c>
      <c r="CC16" s="198">
        <v>1</v>
      </c>
      <c r="CD16" s="200">
        <v>1</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2</v>
      </c>
      <c r="CT16" s="197">
        <v>1</v>
      </c>
      <c r="CU16" s="197">
        <v>16</v>
      </c>
      <c r="CV16" s="195">
        <v>12</v>
      </c>
      <c r="CW16" s="198">
        <v>31</v>
      </c>
      <c r="CX16" s="199">
        <v>31</v>
      </c>
      <c r="CY16" s="194">
        <v>0</v>
      </c>
      <c r="CZ16" s="195">
        <v>0</v>
      </c>
      <c r="DA16" s="195">
        <v>0</v>
      </c>
      <c r="DB16" s="196">
        <v>0</v>
      </c>
      <c r="DC16" s="197">
        <v>2</v>
      </c>
      <c r="DD16" s="197">
        <v>1</v>
      </c>
      <c r="DE16" s="197">
        <v>16</v>
      </c>
      <c r="DF16" s="195">
        <v>12</v>
      </c>
      <c r="DG16" s="198">
        <v>31</v>
      </c>
      <c r="DH16" s="200">
        <v>31</v>
      </c>
      <c r="DI16" s="201">
        <v>0</v>
      </c>
      <c r="DJ16" s="195">
        <v>0</v>
      </c>
      <c r="DK16" s="195">
        <v>0</v>
      </c>
      <c r="DL16" s="196">
        <v>0</v>
      </c>
      <c r="DM16" s="197">
        <v>0</v>
      </c>
      <c r="DN16" s="197">
        <v>0</v>
      </c>
      <c r="DO16" s="197">
        <v>0</v>
      </c>
      <c r="DP16" s="195">
        <v>0</v>
      </c>
      <c r="DQ16" s="198">
        <v>0</v>
      </c>
      <c r="DR16" s="200">
        <v>0</v>
      </c>
      <c r="DS16" s="201">
        <v>0</v>
      </c>
      <c r="DT16" s="195">
        <v>0</v>
      </c>
      <c r="DU16" s="195">
        <v>0</v>
      </c>
      <c r="DV16" s="196">
        <v>51</v>
      </c>
      <c r="DW16" s="197">
        <v>101</v>
      </c>
      <c r="DX16" s="197">
        <v>336</v>
      </c>
      <c r="DY16" s="197">
        <v>479</v>
      </c>
      <c r="DZ16" s="195">
        <v>317</v>
      </c>
      <c r="EA16" s="198">
        <v>1284</v>
      </c>
      <c r="EB16" s="200">
        <v>1284</v>
      </c>
      <c r="EC16" s="37"/>
    </row>
    <row r="17" spans="2:133" ht="21" customHeight="1" x14ac:dyDescent="0.2">
      <c r="B17" s="62" t="s">
        <v>13</v>
      </c>
      <c r="C17" s="194">
        <v>0</v>
      </c>
      <c r="D17" s="195">
        <v>0</v>
      </c>
      <c r="E17" s="195">
        <v>0</v>
      </c>
      <c r="F17" s="196">
        <v>3</v>
      </c>
      <c r="G17" s="197">
        <v>4</v>
      </c>
      <c r="H17" s="197">
        <v>66</v>
      </c>
      <c r="I17" s="197">
        <v>154</v>
      </c>
      <c r="J17" s="195">
        <v>121</v>
      </c>
      <c r="K17" s="198">
        <v>348</v>
      </c>
      <c r="L17" s="199">
        <v>348</v>
      </c>
      <c r="M17" s="194">
        <v>0</v>
      </c>
      <c r="N17" s="195">
        <v>0</v>
      </c>
      <c r="O17" s="198">
        <v>0</v>
      </c>
      <c r="P17" s="196">
        <v>3</v>
      </c>
      <c r="Q17" s="197">
        <v>4</v>
      </c>
      <c r="R17" s="197">
        <v>66</v>
      </c>
      <c r="S17" s="197">
        <v>154</v>
      </c>
      <c r="T17" s="195">
        <v>120</v>
      </c>
      <c r="U17" s="198">
        <v>347</v>
      </c>
      <c r="V17" s="200">
        <v>347</v>
      </c>
      <c r="W17" s="201">
        <v>0</v>
      </c>
      <c r="X17" s="195">
        <v>0</v>
      </c>
      <c r="Y17" s="198">
        <v>0</v>
      </c>
      <c r="Z17" s="201">
        <v>0</v>
      </c>
      <c r="AA17" s="197">
        <v>0</v>
      </c>
      <c r="AB17" s="197">
        <v>0</v>
      </c>
      <c r="AC17" s="197">
        <v>0</v>
      </c>
      <c r="AD17" s="195">
        <v>1</v>
      </c>
      <c r="AE17" s="198">
        <v>1</v>
      </c>
      <c r="AF17" s="202">
        <v>1</v>
      </c>
      <c r="AG17" s="201">
        <v>0</v>
      </c>
      <c r="AH17" s="195">
        <v>0</v>
      </c>
      <c r="AI17" s="198">
        <v>0</v>
      </c>
      <c r="AJ17" s="201">
        <v>13</v>
      </c>
      <c r="AK17" s="197">
        <v>28</v>
      </c>
      <c r="AL17" s="197">
        <v>33</v>
      </c>
      <c r="AM17" s="197">
        <v>26</v>
      </c>
      <c r="AN17" s="195">
        <v>22</v>
      </c>
      <c r="AO17" s="198">
        <v>122</v>
      </c>
      <c r="AP17" s="202">
        <v>122</v>
      </c>
      <c r="AQ17" s="201">
        <v>0</v>
      </c>
      <c r="AR17" s="195">
        <v>0</v>
      </c>
      <c r="AS17" s="198">
        <v>0</v>
      </c>
      <c r="AT17" s="196">
        <v>13</v>
      </c>
      <c r="AU17" s="197">
        <v>28</v>
      </c>
      <c r="AV17" s="197">
        <v>31</v>
      </c>
      <c r="AW17" s="197">
        <v>25</v>
      </c>
      <c r="AX17" s="195">
        <v>21</v>
      </c>
      <c r="AY17" s="198">
        <v>118</v>
      </c>
      <c r="AZ17" s="199">
        <v>118</v>
      </c>
      <c r="BA17" s="194">
        <v>0</v>
      </c>
      <c r="BB17" s="195">
        <v>0</v>
      </c>
      <c r="BC17" s="195">
        <v>0</v>
      </c>
      <c r="BD17" s="196">
        <v>0</v>
      </c>
      <c r="BE17" s="197">
        <v>0</v>
      </c>
      <c r="BF17" s="197">
        <v>2</v>
      </c>
      <c r="BG17" s="197">
        <v>1</v>
      </c>
      <c r="BH17" s="195">
        <v>1</v>
      </c>
      <c r="BI17" s="198">
        <v>4</v>
      </c>
      <c r="BJ17" s="200">
        <v>4</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0</v>
      </c>
      <c r="CW17" s="198">
        <v>0</v>
      </c>
      <c r="CX17" s="199">
        <v>0</v>
      </c>
      <c r="CY17" s="194">
        <v>0</v>
      </c>
      <c r="CZ17" s="195">
        <v>0</v>
      </c>
      <c r="DA17" s="195">
        <v>0</v>
      </c>
      <c r="DB17" s="196">
        <v>0</v>
      </c>
      <c r="DC17" s="197">
        <v>0</v>
      </c>
      <c r="DD17" s="197">
        <v>0</v>
      </c>
      <c r="DE17" s="197">
        <v>0</v>
      </c>
      <c r="DF17" s="195">
        <v>0</v>
      </c>
      <c r="DG17" s="198">
        <v>0</v>
      </c>
      <c r="DH17" s="200">
        <v>0</v>
      </c>
      <c r="DI17" s="201">
        <v>0</v>
      </c>
      <c r="DJ17" s="195">
        <v>0</v>
      </c>
      <c r="DK17" s="195">
        <v>0</v>
      </c>
      <c r="DL17" s="196">
        <v>0</v>
      </c>
      <c r="DM17" s="197">
        <v>0</v>
      </c>
      <c r="DN17" s="197">
        <v>0</v>
      </c>
      <c r="DO17" s="197">
        <v>0</v>
      </c>
      <c r="DP17" s="195">
        <v>0</v>
      </c>
      <c r="DQ17" s="198">
        <v>0</v>
      </c>
      <c r="DR17" s="200">
        <v>0</v>
      </c>
      <c r="DS17" s="201">
        <v>0</v>
      </c>
      <c r="DT17" s="195">
        <v>0</v>
      </c>
      <c r="DU17" s="195">
        <v>0</v>
      </c>
      <c r="DV17" s="196">
        <v>16</v>
      </c>
      <c r="DW17" s="197">
        <v>32</v>
      </c>
      <c r="DX17" s="197">
        <v>99</v>
      </c>
      <c r="DY17" s="197">
        <v>180</v>
      </c>
      <c r="DZ17" s="195">
        <v>143</v>
      </c>
      <c r="EA17" s="198">
        <v>470</v>
      </c>
      <c r="EB17" s="200">
        <v>470</v>
      </c>
      <c r="EC17" s="37"/>
    </row>
    <row r="18" spans="2:133" ht="21" customHeight="1" x14ac:dyDescent="0.2">
      <c r="B18" s="62" t="s">
        <v>15</v>
      </c>
      <c r="C18" s="194">
        <v>0</v>
      </c>
      <c r="D18" s="195">
        <v>0</v>
      </c>
      <c r="E18" s="195">
        <v>0</v>
      </c>
      <c r="F18" s="196">
        <v>0</v>
      </c>
      <c r="G18" s="197">
        <v>1</v>
      </c>
      <c r="H18" s="197">
        <v>82</v>
      </c>
      <c r="I18" s="197">
        <v>134</v>
      </c>
      <c r="J18" s="195">
        <v>79</v>
      </c>
      <c r="K18" s="198">
        <v>296</v>
      </c>
      <c r="L18" s="199">
        <v>296</v>
      </c>
      <c r="M18" s="194">
        <v>0</v>
      </c>
      <c r="N18" s="195">
        <v>0</v>
      </c>
      <c r="O18" s="198">
        <v>0</v>
      </c>
      <c r="P18" s="196">
        <v>0</v>
      </c>
      <c r="Q18" s="197">
        <v>1</v>
      </c>
      <c r="R18" s="197">
        <v>82</v>
      </c>
      <c r="S18" s="197">
        <v>133</v>
      </c>
      <c r="T18" s="195">
        <v>77</v>
      </c>
      <c r="U18" s="198">
        <v>293</v>
      </c>
      <c r="V18" s="200">
        <v>293</v>
      </c>
      <c r="W18" s="201">
        <v>0</v>
      </c>
      <c r="X18" s="195">
        <v>0</v>
      </c>
      <c r="Y18" s="198">
        <v>0</v>
      </c>
      <c r="Z18" s="201">
        <v>0</v>
      </c>
      <c r="AA18" s="197">
        <v>0</v>
      </c>
      <c r="AB18" s="197">
        <v>0</v>
      </c>
      <c r="AC18" s="197">
        <v>1</v>
      </c>
      <c r="AD18" s="195">
        <v>2</v>
      </c>
      <c r="AE18" s="198">
        <v>3</v>
      </c>
      <c r="AF18" s="202">
        <v>3</v>
      </c>
      <c r="AG18" s="201">
        <v>0</v>
      </c>
      <c r="AH18" s="195">
        <v>0</v>
      </c>
      <c r="AI18" s="198">
        <v>0</v>
      </c>
      <c r="AJ18" s="201">
        <v>25</v>
      </c>
      <c r="AK18" s="197">
        <v>37</v>
      </c>
      <c r="AL18" s="197">
        <v>51</v>
      </c>
      <c r="AM18" s="197">
        <v>52</v>
      </c>
      <c r="AN18" s="195">
        <v>24</v>
      </c>
      <c r="AO18" s="198">
        <v>189</v>
      </c>
      <c r="AP18" s="202">
        <v>189</v>
      </c>
      <c r="AQ18" s="201">
        <v>0</v>
      </c>
      <c r="AR18" s="195">
        <v>0</v>
      </c>
      <c r="AS18" s="198">
        <v>0</v>
      </c>
      <c r="AT18" s="196">
        <v>24</v>
      </c>
      <c r="AU18" s="197">
        <v>37</v>
      </c>
      <c r="AV18" s="197">
        <v>51</v>
      </c>
      <c r="AW18" s="197">
        <v>50</v>
      </c>
      <c r="AX18" s="195">
        <v>23</v>
      </c>
      <c r="AY18" s="198">
        <v>185</v>
      </c>
      <c r="AZ18" s="199">
        <v>185</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1</v>
      </c>
      <c r="BS18" s="198">
        <v>1</v>
      </c>
      <c r="BT18" s="199">
        <v>1</v>
      </c>
      <c r="BU18" s="194">
        <v>0</v>
      </c>
      <c r="BV18" s="195">
        <v>0</v>
      </c>
      <c r="BW18" s="195">
        <v>0</v>
      </c>
      <c r="BX18" s="196">
        <v>0</v>
      </c>
      <c r="BY18" s="197">
        <v>0</v>
      </c>
      <c r="BZ18" s="197">
        <v>0</v>
      </c>
      <c r="CA18" s="197">
        <v>0</v>
      </c>
      <c r="CB18" s="195">
        <v>1</v>
      </c>
      <c r="CC18" s="198">
        <v>1</v>
      </c>
      <c r="CD18" s="200">
        <v>1</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5</v>
      </c>
      <c r="DW18" s="197">
        <v>38</v>
      </c>
      <c r="DX18" s="197">
        <v>133</v>
      </c>
      <c r="DY18" s="197">
        <v>186</v>
      </c>
      <c r="DZ18" s="195">
        <v>104</v>
      </c>
      <c r="EA18" s="198">
        <v>486</v>
      </c>
      <c r="EB18" s="200">
        <v>486</v>
      </c>
      <c r="EC18" s="37"/>
    </row>
    <row r="19" spans="2:133" ht="21" customHeight="1" x14ac:dyDescent="0.2">
      <c r="B19" s="62" t="s">
        <v>16</v>
      </c>
      <c r="C19" s="194">
        <v>0</v>
      </c>
      <c r="D19" s="195">
        <v>0</v>
      </c>
      <c r="E19" s="195">
        <v>0</v>
      </c>
      <c r="F19" s="196">
        <v>5</v>
      </c>
      <c r="G19" s="197">
        <v>25</v>
      </c>
      <c r="H19" s="197">
        <v>191</v>
      </c>
      <c r="I19" s="197">
        <v>295</v>
      </c>
      <c r="J19" s="195">
        <v>200</v>
      </c>
      <c r="K19" s="198">
        <v>716</v>
      </c>
      <c r="L19" s="199">
        <v>716</v>
      </c>
      <c r="M19" s="194">
        <v>0</v>
      </c>
      <c r="N19" s="195">
        <v>0</v>
      </c>
      <c r="O19" s="198">
        <v>0</v>
      </c>
      <c r="P19" s="196">
        <v>5</v>
      </c>
      <c r="Q19" s="197">
        <v>24</v>
      </c>
      <c r="R19" s="197">
        <v>191</v>
      </c>
      <c r="S19" s="197">
        <v>293</v>
      </c>
      <c r="T19" s="195">
        <v>196</v>
      </c>
      <c r="U19" s="198">
        <v>709</v>
      </c>
      <c r="V19" s="200">
        <v>709</v>
      </c>
      <c r="W19" s="201">
        <v>0</v>
      </c>
      <c r="X19" s="195">
        <v>0</v>
      </c>
      <c r="Y19" s="198">
        <v>0</v>
      </c>
      <c r="Z19" s="201">
        <v>0</v>
      </c>
      <c r="AA19" s="197">
        <v>1</v>
      </c>
      <c r="AB19" s="197">
        <v>0</v>
      </c>
      <c r="AC19" s="197">
        <v>2</v>
      </c>
      <c r="AD19" s="195">
        <v>4</v>
      </c>
      <c r="AE19" s="198">
        <v>7</v>
      </c>
      <c r="AF19" s="202">
        <v>7</v>
      </c>
      <c r="AG19" s="201">
        <v>0</v>
      </c>
      <c r="AH19" s="195">
        <v>0</v>
      </c>
      <c r="AI19" s="198">
        <v>0</v>
      </c>
      <c r="AJ19" s="201">
        <v>59</v>
      </c>
      <c r="AK19" s="197">
        <v>92</v>
      </c>
      <c r="AL19" s="197">
        <v>133</v>
      </c>
      <c r="AM19" s="197">
        <v>147</v>
      </c>
      <c r="AN19" s="195">
        <v>53</v>
      </c>
      <c r="AO19" s="198">
        <v>484</v>
      </c>
      <c r="AP19" s="202">
        <v>484</v>
      </c>
      <c r="AQ19" s="201">
        <v>0</v>
      </c>
      <c r="AR19" s="195">
        <v>0</v>
      </c>
      <c r="AS19" s="198">
        <v>0</v>
      </c>
      <c r="AT19" s="196">
        <v>59</v>
      </c>
      <c r="AU19" s="197">
        <v>91</v>
      </c>
      <c r="AV19" s="197">
        <v>132</v>
      </c>
      <c r="AW19" s="197">
        <v>146</v>
      </c>
      <c r="AX19" s="195">
        <v>51</v>
      </c>
      <c r="AY19" s="198">
        <v>479</v>
      </c>
      <c r="AZ19" s="199">
        <v>479</v>
      </c>
      <c r="BA19" s="194">
        <v>0</v>
      </c>
      <c r="BB19" s="195">
        <v>0</v>
      </c>
      <c r="BC19" s="195">
        <v>0</v>
      </c>
      <c r="BD19" s="196">
        <v>0</v>
      </c>
      <c r="BE19" s="197">
        <v>1</v>
      </c>
      <c r="BF19" s="197">
        <v>1</v>
      </c>
      <c r="BG19" s="197">
        <v>1</v>
      </c>
      <c r="BH19" s="195">
        <v>2</v>
      </c>
      <c r="BI19" s="198">
        <v>5</v>
      </c>
      <c r="BJ19" s="200">
        <v>5</v>
      </c>
      <c r="BK19" s="201">
        <v>0</v>
      </c>
      <c r="BL19" s="195">
        <v>0</v>
      </c>
      <c r="BM19" s="195">
        <v>0</v>
      </c>
      <c r="BN19" s="196">
        <v>0</v>
      </c>
      <c r="BO19" s="197">
        <v>0</v>
      </c>
      <c r="BP19" s="197">
        <v>0</v>
      </c>
      <c r="BQ19" s="197">
        <v>0</v>
      </c>
      <c r="BR19" s="195">
        <v>1</v>
      </c>
      <c r="BS19" s="198">
        <v>1</v>
      </c>
      <c r="BT19" s="199">
        <v>1</v>
      </c>
      <c r="BU19" s="194">
        <v>0</v>
      </c>
      <c r="BV19" s="195">
        <v>0</v>
      </c>
      <c r="BW19" s="195">
        <v>0</v>
      </c>
      <c r="BX19" s="196">
        <v>0</v>
      </c>
      <c r="BY19" s="197">
        <v>0</v>
      </c>
      <c r="BZ19" s="197">
        <v>0</v>
      </c>
      <c r="CA19" s="197">
        <v>0</v>
      </c>
      <c r="CB19" s="195">
        <v>1</v>
      </c>
      <c r="CC19" s="198">
        <v>1</v>
      </c>
      <c r="CD19" s="200">
        <v>1</v>
      </c>
      <c r="CE19" s="201">
        <v>0</v>
      </c>
      <c r="CF19" s="195">
        <v>0</v>
      </c>
      <c r="CG19" s="195">
        <v>0</v>
      </c>
      <c r="CH19" s="196">
        <v>0</v>
      </c>
      <c r="CI19" s="197">
        <v>0</v>
      </c>
      <c r="CJ19" s="197">
        <v>0</v>
      </c>
      <c r="CK19" s="197">
        <v>0</v>
      </c>
      <c r="CL19" s="195">
        <v>0</v>
      </c>
      <c r="CM19" s="198">
        <v>0</v>
      </c>
      <c r="CN19" s="200">
        <v>0</v>
      </c>
      <c r="CO19" s="201">
        <v>0</v>
      </c>
      <c r="CP19" s="195">
        <v>0</v>
      </c>
      <c r="CQ19" s="195">
        <v>0</v>
      </c>
      <c r="CR19" s="196">
        <v>1</v>
      </c>
      <c r="CS19" s="197">
        <v>0</v>
      </c>
      <c r="CT19" s="197">
        <v>3</v>
      </c>
      <c r="CU19" s="197">
        <v>12</v>
      </c>
      <c r="CV19" s="195">
        <v>12</v>
      </c>
      <c r="CW19" s="198">
        <v>28</v>
      </c>
      <c r="CX19" s="199">
        <v>28</v>
      </c>
      <c r="CY19" s="194">
        <v>0</v>
      </c>
      <c r="CZ19" s="195">
        <v>0</v>
      </c>
      <c r="DA19" s="195">
        <v>0</v>
      </c>
      <c r="DB19" s="196">
        <v>1</v>
      </c>
      <c r="DC19" s="197">
        <v>0</v>
      </c>
      <c r="DD19" s="197">
        <v>3</v>
      </c>
      <c r="DE19" s="197">
        <v>12</v>
      </c>
      <c r="DF19" s="195">
        <v>12</v>
      </c>
      <c r="DG19" s="198">
        <v>28</v>
      </c>
      <c r="DH19" s="200">
        <v>28</v>
      </c>
      <c r="DI19" s="201">
        <v>0</v>
      </c>
      <c r="DJ19" s="195">
        <v>0</v>
      </c>
      <c r="DK19" s="195">
        <v>0</v>
      </c>
      <c r="DL19" s="196">
        <v>0</v>
      </c>
      <c r="DM19" s="197">
        <v>0</v>
      </c>
      <c r="DN19" s="197">
        <v>0</v>
      </c>
      <c r="DO19" s="197">
        <v>0</v>
      </c>
      <c r="DP19" s="195">
        <v>0</v>
      </c>
      <c r="DQ19" s="198">
        <v>0</v>
      </c>
      <c r="DR19" s="200">
        <v>0</v>
      </c>
      <c r="DS19" s="201">
        <v>0</v>
      </c>
      <c r="DT19" s="195">
        <v>0</v>
      </c>
      <c r="DU19" s="195">
        <v>0</v>
      </c>
      <c r="DV19" s="196">
        <v>65</v>
      </c>
      <c r="DW19" s="197">
        <v>117</v>
      </c>
      <c r="DX19" s="197">
        <v>327</v>
      </c>
      <c r="DY19" s="197">
        <v>452</v>
      </c>
      <c r="DZ19" s="195">
        <v>265</v>
      </c>
      <c r="EA19" s="198">
        <v>1226</v>
      </c>
      <c r="EB19" s="200">
        <v>1226</v>
      </c>
      <c r="EC19" s="37"/>
    </row>
    <row r="20" spans="2:133" ht="21" customHeight="1" x14ac:dyDescent="0.2">
      <c r="B20" s="62" t="s">
        <v>17</v>
      </c>
      <c r="C20" s="194">
        <v>0</v>
      </c>
      <c r="D20" s="195">
        <v>0</v>
      </c>
      <c r="E20" s="195">
        <v>0</v>
      </c>
      <c r="F20" s="196">
        <v>4</v>
      </c>
      <c r="G20" s="197">
        <v>16</v>
      </c>
      <c r="H20" s="197">
        <v>209</v>
      </c>
      <c r="I20" s="197">
        <v>278</v>
      </c>
      <c r="J20" s="195">
        <v>205</v>
      </c>
      <c r="K20" s="198">
        <v>712</v>
      </c>
      <c r="L20" s="199">
        <v>712</v>
      </c>
      <c r="M20" s="194">
        <v>0</v>
      </c>
      <c r="N20" s="195">
        <v>0</v>
      </c>
      <c r="O20" s="198">
        <v>0</v>
      </c>
      <c r="P20" s="196">
        <v>4</v>
      </c>
      <c r="Q20" s="197">
        <v>16</v>
      </c>
      <c r="R20" s="197">
        <v>208</v>
      </c>
      <c r="S20" s="197">
        <v>277</v>
      </c>
      <c r="T20" s="195">
        <v>203</v>
      </c>
      <c r="U20" s="198">
        <v>708</v>
      </c>
      <c r="V20" s="200">
        <v>708</v>
      </c>
      <c r="W20" s="201">
        <v>0</v>
      </c>
      <c r="X20" s="195">
        <v>0</v>
      </c>
      <c r="Y20" s="198">
        <v>0</v>
      </c>
      <c r="Z20" s="201">
        <v>0</v>
      </c>
      <c r="AA20" s="197">
        <v>0</v>
      </c>
      <c r="AB20" s="197">
        <v>1</v>
      </c>
      <c r="AC20" s="197">
        <v>1</v>
      </c>
      <c r="AD20" s="195">
        <v>2</v>
      </c>
      <c r="AE20" s="198">
        <v>4</v>
      </c>
      <c r="AF20" s="202">
        <v>4</v>
      </c>
      <c r="AG20" s="201">
        <v>0</v>
      </c>
      <c r="AH20" s="195">
        <v>0</v>
      </c>
      <c r="AI20" s="198">
        <v>0</v>
      </c>
      <c r="AJ20" s="201">
        <v>36</v>
      </c>
      <c r="AK20" s="197">
        <v>97</v>
      </c>
      <c r="AL20" s="197">
        <v>126</v>
      </c>
      <c r="AM20" s="197">
        <v>119</v>
      </c>
      <c r="AN20" s="195">
        <v>68</v>
      </c>
      <c r="AO20" s="198">
        <v>446</v>
      </c>
      <c r="AP20" s="202">
        <v>446</v>
      </c>
      <c r="AQ20" s="201">
        <v>0</v>
      </c>
      <c r="AR20" s="195">
        <v>0</v>
      </c>
      <c r="AS20" s="198">
        <v>0</v>
      </c>
      <c r="AT20" s="196">
        <v>35</v>
      </c>
      <c r="AU20" s="197">
        <v>96</v>
      </c>
      <c r="AV20" s="197">
        <v>124</v>
      </c>
      <c r="AW20" s="197">
        <v>116</v>
      </c>
      <c r="AX20" s="195">
        <v>66</v>
      </c>
      <c r="AY20" s="198">
        <v>437</v>
      </c>
      <c r="AZ20" s="199">
        <v>437</v>
      </c>
      <c r="BA20" s="194">
        <v>0</v>
      </c>
      <c r="BB20" s="195">
        <v>0</v>
      </c>
      <c r="BC20" s="195">
        <v>0</v>
      </c>
      <c r="BD20" s="196">
        <v>1</v>
      </c>
      <c r="BE20" s="197">
        <v>1</v>
      </c>
      <c r="BF20" s="197">
        <v>2</v>
      </c>
      <c r="BG20" s="197">
        <v>3</v>
      </c>
      <c r="BH20" s="195">
        <v>2</v>
      </c>
      <c r="BI20" s="198">
        <v>9</v>
      </c>
      <c r="BJ20" s="200">
        <v>9</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4</v>
      </c>
      <c r="CV20" s="195">
        <v>13</v>
      </c>
      <c r="CW20" s="198">
        <v>18</v>
      </c>
      <c r="CX20" s="199">
        <v>18</v>
      </c>
      <c r="CY20" s="194">
        <v>0</v>
      </c>
      <c r="CZ20" s="195">
        <v>0</v>
      </c>
      <c r="DA20" s="195">
        <v>0</v>
      </c>
      <c r="DB20" s="196">
        <v>0</v>
      </c>
      <c r="DC20" s="197">
        <v>0</v>
      </c>
      <c r="DD20" s="197">
        <v>1</v>
      </c>
      <c r="DE20" s="197">
        <v>4</v>
      </c>
      <c r="DF20" s="195">
        <v>12</v>
      </c>
      <c r="DG20" s="198">
        <v>17</v>
      </c>
      <c r="DH20" s="200">
        <v>17</v>
      </c>
      <c r="DI20" s="201">
        <v>0</v>
      </c>
      <c r="DJ20" s="195">
        <v>0</v>
      </c>
      <c r="DK20" s="195">
        <v>0</v>
      </c>
      <c r="DL20" s="196">
        <v>0</v>
      </c>
      <c r="DM20" s="197">
        <v>0</v>
      </c>
      <c r="DN20" s="197">
        <v>0</v>
      </c>
      <c r="DO20" s="197">
        <v>0</v>
      </c>
      <c r="DP20" s="195">
        <v>1</v>
      </c>
      <c r="DQ20" s="198">
        <v>1</v>
      </c>
      <c r="DR20" s="200">
        <v>1</v>
      </c>
      <c r="DS20" s="201">
        <v>0</v>
      </c>
      <c r="DT20" s="195">
        <v>0</v>
      </c>
      <c r="DU20" s="195">
        <v>0</v>
      </c>
      <c r="DV20" s="196">
        <v>40</v>
      </c>
      <c r="DW20" s="197">
        <v>113</v>
      </c>
      <c r="DX20" s="197">
        <v>336</v>
      </c>
      <c r="DY20" s="197">
        <v>401</v>
      </c>
      <c r="DZ20" s="195">
        <v>290</v>
      </c>
      <c r="EA20" s="198">
        <v>1180</v>
      </c>
      <c r="EB20" s="200">
        <v>1180</v>
      </c>
      <c r="EC20" s="37"/>
    </row>
    <row r="21" spans="2:133" ht="21" customHeight="1" x14ac:dyDescent="0.2">
      <c r="B21" s="62" t="s">
        <v>18</v>
      </c>
      <c r="C21" s="194">
        <v>0</v>
      </c>
      <c r="D21" s="195">
        <v>0</v>
      </c>
      <c r="E21" s="195">
        <v>0</v>
      </c>
      <c r="F21" s="196">
        <v>5</v>
      </c>
      <c r="G21" s="197">
        <v>14</v>
      </c>
      <c r="H21" s="197">
        <v>177</v>
      </c>
      <c r="I21" s="197">
        <v>368</v>
      </c>
      <c r="J21" s="195">
        <v>257</v>
      </c>
      <c r="K21" s="198">
        <v>821</v>
      </c>
      <c r="L21" s="199">
        <v>821</v>
      </c>
      <c r="M21" s="194">
        <v>0</v>
      </c>
      <c r="N21" s="195">
        <v>0</v>
      </c>
      <c r="O21" s="198">
        <v>0</v>
      </c>
      <c r="P21" s="196">
        <v>5</v>
      </c>
      <c r="Q21" s="197">
        <v>14</v>
      </c>
      <c r="R21" s="197">
        <v>174</v>
      </c>
      <c r="S21" s="197">
        <v>366</v>
      </c>
      <c r="T21" s="195">
        <v>256</v>
      </c>
      <c r="U21" s="198">
        <v>815</v>
      </c>
      <c r="V21" s="200">
        <v>815</v>
      </c>
      <c r="W21" s="201">
        <v>0</v>
      </c>
      <c r="X21" s="195">
        <v>0</v>
      </c>
      <c r="Y21" s="198">
        <v>0</v>
      </c>
      <c r="Z21" s="201">
        <v>0</v>
      </c>
      <c r="AA21" s="197">
        <v>0</v>
      </c>
      <c r="AB21" s="197">
        <v>3</v>
      </c>
      <c r="AC21" s="197">
        <v>2</v>
      </c>
      <c r="AD21" s="195">
        <v>1</v>
      </c>
      <c r="AE21" s="198">
        <v>6</v>
      </c>
      <c r="AF21" s="202">
        <v>6</v>
      </c>
      <c r="AG21" s="201">
        <v>0</v>
      </c>
      <c r="AH21" s="195">
        <v>0</v>
      </c>
      <c r="AI21" s="198">
        <v>0</v>
      </c>
      <c r="AJ21" s="201">
        <v>38</v>
      </c>
      <c r="AK21" s="197">
        <v>62</v>
      </c>
      <c r="AL21" s="197">
        <v>109</v>
      </c>
      <c r="AM21" s="197">
        <v>121</v>
      </c>
      <c r="AN21" s="195">
        <v>84</v>
      </c>
      <c r="AO21" s="198">
        <v>414</v>
      </c>
      <c r="AP21" s="202">
        <v>414</v>
      </c>
      <c r="AQ21" s="201">
        <v>0</v>
      </c>
      <c r="AR21" s="195">
        <v>0</v>
      </c>
      <c r="AS21" s="198">
        <v>0</v>
      </c>
      <c r="AT21" s="196">
        <v>38</v>
      </c>
      <c r="AU21" s="197">
        <v>61</v>
      </c>
      <c r="AV21" s="197">
        <v>106</v>
      </c>
      <c r="AW21" s="197">
        <v>119</v>
      </c>
      <c r="AX21" s="195">
        <v>82</v>
      </c>
      <c r="AY21" s="198">
        <v>406</v>
      </c>
      <c r="AZ21" s="199">
        <v>406</v>
      </c>
      <c r="BA21" s="194">
        <v>0</v>
      </c>
      <c r="BB21" s="195">
        <v>0</v>
      </c>
      <c r="BC21" s="195">
        <v>0</v>
      </c>
      <c r="BD21" s="196">
        <v>0</v>
      </c>
      <c r="BE21" s="197">
        <v>1</v>
      </c>
      <c r="BF21" s="197">
        <v>3</v>
      </c>
      <c r="BG21" s="197">
        <v>2</v>
      </c>
      <c r="BH21" s="195">
        <v>2</v>
      </c>
      <c r="BI21" s="198">
        <v>8</v>
      </c>
      <c r="BJ21" s="200">
        <v>8</v>
      </c>
      <c r="BK21" s="201">
        <v>0</v>
      </c>
      <c r="BL21" s="195">
        <v>0</v>
      </c>
      <c r="BM21" s="195">
        <v>0</v>
      </c>
      <c r="BN21" s="196">
        <v>0</v>
      </c>
      <c r="BO21" s="197">
        <v>0</v>
      </c>
      <c r="BP21" s="197">
        <v>0</v>
      </c>
      <c r="BQ21" s="197">
        <v>1</v>
      </c>
      <c r="BR21" s="195">
        <v>8</v>
      </c>
      <c r="BS21" s="198">
        <v>9</v>
      </c>
      <c r="BT21" s="199">
        <v>9</v>
      </c>
      <c r="BU21" s="194">
        <v>0</v>
      </c>
      <c r="BV21" s="195">
        <v>0</v>
      </c>
      <c r="BW21" s="195">
        <v>0</v>
      </c>
      <c r="BX21" s="196">
        <v>0</v>
      </c>
      <c r="BY21" s="197">
        <v>0</v>
      </c>
      <c r="BZ21" s="197">
        <v>0</v>
      </c>
      <c r="CA21" s="197">
        <v>1</v>
      </c>
      <c r="CB21" s="195">
        <v>8</v>
      </c>
      <c r="CC21" s="198">
        <v>9</v>
      </c>
      <c r="CD21" s="200">
        <v>9</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9</v>
      </c>
      <c r="CV21" s="195">
        <v>18</v>
      </c>
      <c r="CW21" s="198">
        <v>28</v>
      </c>
      <c r="CX21" s="199">
        <v>28</v>
      </c>
      <c r="CY21" s="194">
        <v>0</v>
      </c>
      <c r="CZ21" s="195">
        <v>0</v>
      </c>
      <c r="DA21" s="195">
        <v>0</v>
      </c>
      <c r="DB21" s="196">
        <v>0</v>
      </c>
      <c r="DC21" s="197">
        <v>0</v>
      </c>
      <c r="DD21" s="197">
        <v>1</v>
      </c>
      <c r="DE21" s="197">
        <v>9</v>
      </c>
      <c r="DF21" s="195">
        <v>17</v>
      </c>
      <c r="DG21" s="198">
        <v>27</v>
      </c>
      <c r="DH21" s="200">
        <v>27</v>
      </c>
      <c r="DI21" s="201">
        <v>0</v>
      </c>
      <c r="DJ21" s="195">
        <v>0</v>
      </c>
      <c r="DK21" s="195">
        <v>0</v>
      </c>
      <c r="DL21" s="196">
        <v>0</v>
      </c>
      <c r="DM21" s="197">
        <v>0</v>
      </c>
      <c r="DN21" s="197">
        <v>0</v>
      </c>
      <c r="DO21" s="197">
        <v>0</v>
      </c>
      <c r="DP21" s="195">
        <v>1</v>
      </c>
      <c r="DQ21" s="198">
        <v>1</v>
      </c>
      <c r="DR21" s="200">
        <v>1</v>
      </c>
      <c r="DS21" s="201">
        <v>0</v>
      </c>
      <c r="DT21" s="195">
        <v>0</v>
      </c>
      <c r="DU21" s="195">
        <v>0</v>
      </c>
      <c r="DV21" s="196">
        <v>43</v>
      </c>
      <c r="DW21" s="197">
        <v>76</v>
      </c>
      <c r="DX21" s="197">
        <v>286</v>
      </c>
      <c r="DY21" s="197">
        <v>493</v>
      </c>
      <c r="DZ21" s="195">
        <v>365</v>
      </c>
      <c r="EA21" s="198">
        <v>1263</v>
      </c>
      <c r="EB21" s="200">
        <v>1263</v>
      </c>
      <c r="EC21" s="37"/>
    </row>
    <row r="22" spans="2:133" ht="21" customHeight="1" x14ac:dyDescent="0.2">
      <c r="B22" s="62" t="s">
        <v>19</v>
      </c>
      <c r="C22" s="194">
        <v>0</v>
      </c>
      <c r="D22" s="195">
        <v>0</v>
      </c>
      <c r="E22" s="195">
        <v>0</v>
      </c>
      <c r="F22" s="196">
        <v>0</v>
      </c>
      <c r="G22" s="197">
        <v>7</v>
      </c>
      <c r="H22" s="197">
        <v>112</v>
      </c>
      <c r="I22" s="197">
        <v>150</v>
      </c>
      <c r="J22" s="195">
        <v>92</v>
      </c>
      <c r="K22" s="198">
        <v>361</v>
      </c>
      <c r="L22" s="199">
        <v>361</v>
      </c>
      <c r="M22" s="194">
        <v>0</v>
      </c>
      <c r="N22" s="195">
        <v>0</v>
      </c>
      <c r="O22" s="198">
        <v>0</v>
      </c>
      <c r="P22" s="196">
        <v>0</v>
      </c>
      <c r="Q22" s="197">
        <v>7</v>
      </c>
      <c r="R22" s="197">
        <v>111</v>
      </c>
      <c r="S22" s="197">
        <v>150</v>
      </c>
      <c r="T22" s="195">
        <v>92</v>
      </c>
      <c r="U22" s="198">
        <v>360</v>
      </c>
      <c r="V22" s="200">
        <v>360</v>
      </c>
      <c r="W22" s="201">
        <v>0</v>
      </c>
      <c r="X22" s="195">
        <v>0</v>
      </c>
      <c r="Y22" s="198">
        <v>0</v>
      </c>
      <c r="Z22" s="201">
        <v>0</v>
      </c>
      <c r="AA22" s="197">
        <v>0</v>
      </c>
      <c r="AB22" s="197">
        <v>1</v>
      </c>
      <c r="AC22" s="197">
        <v>0</v>
      </c>
      <c r="AD22" s="195">
        <v>0</v>
      </c>
      <c r="AE22" s="198">
        <v>1</v>
      </c>
      <c r="AF22" s="202">
        <v>1</v>
      </c>
      <c r="AG22" s="201">
        <v>0</v>
      </c>
      <c r="AH22" s="195">
        <v>0</v>
      </c>
      <c r="AI22" s="198">
        <v>0</v>
      </c>
      <c r="AJ22" s="201">
        <v>20</v>
      </c>
      <c r="AK22" s="197">
        <v>53</v>
      </c>
      <c r="AL22" s="197">
        <v>73</v>
      </c>
      <c r="AM22" s="197">
        <v>52</v>
      </c>
      <c r="AN22" s="195">
        <v>33</v>
      </c>
      <c r="AO22" s="198">
        <v>231</v>
      </c>
      <c r="AP22" s="202">
        <v>231</v>
      </c>
      <c r="AQ22" s="201">
        <v>0</v>
      </c>
      <c r="AR22" s="195">
        <v>0</v>
      </c>
      <c r="AS22" s="198">
        <v>0</v>
      </c>
      <c r="AT22" s="196">
        <v>20</v>
      </c>
      <c r="AU22" s="197">
        <v>53</v>
      </c>
      <c r="AV22" s="197">
        <v>70</v>
      </c>
      <c r="AW22" s="197">
        <v>51</v>
      </c>
      <c r="AX22" s="195">
        <v>33</v>
      </c>
      <c r="AY22" s="198">
        <v>227</v>
      </c>
      <c r="AZ22" s="199">
        <v>227</v>
      </c>
      <c r="BA22" s="194">
        <v>0</v>
      </c>
      <c r="BB22" s="195">
        <v>0</v>
      </c>
      <c r="BC22" s="195">
        <v>0</v>
      </c>
      <c r="BD22" s="196">
        <v>0</v>
      </c>
      <c r="BE22" s="197">
        <v>0</v>
      </c>
      <c r="BF22" s="197">
        <v>3</v>
      </c>
      <c r="BG22" s="197">
        <v>1</v>
      </c>
      <c r="BH22" s="195">
        <v>0</v>
      </c>
      <c r="BI22" s="198">
        <v>4</v>
      </c>
      <c r="BJ22" s="200">
        <v>4</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3</v>
      </c>
      <c r="CV22" s="195">
        <v>3</v>
      </c>
      <c r="CW22" s="198">
        <v>6</v>
      </c>
      <c r="CX22" s="199">
        <v>6</v>
      </c>
      <c r="CY22" s="194">
        <v>0</v>
      </c>
      <c r="CZ22" s="195">
        <v>0</v>
      </c>
      <c r="DA22" s="195">
        <v>0</v>
      </c>
      <c r="DB22" s="196">
        <v>0</v>
      </c>
      <c r="DC22" s="197">
        <v>0</v>
      </c>
      <c r="DD22" s="197">
        <v>0</v>
      </c>
      <c r="DE22" s="197">
        <v>3</v>
      </c>
      <c r="DF22" s="195">
        <v>3</v>
      </c>
      <c r="DG22" s="198">
        <v>6</v>
      </c>
      <c r="DH22" s="200">
        <v>6</v>
      </c>
      <c r="DI22" s="201">
        <v>0</v>
      </c>
      <c r="DJ22" s="195">
        <v>0</v>
      </c>
      <c r="DK22" s="195">
        <v>0</v>
      </c>
      <c r="DL22" s="196">
        <v>0</v>
      </c>
      <c r="DM22" s="197">
        <v>0</v>
      </c>
      <c r="DN22" s="197">
        <v>0</v>
      </c>
      <c r="DO22" s="197">
        <v>0</v>
      </c>
      <c r="DP22" s="195">
        <v>0</v>
      </c>
      <c r="DQ22" s="198">
        <v>0</v>
      </c>
      <c r="DR22" s="200">
        <v>0</v>
      </c>
      <c r="DS22" s="201">
        <v>0</v>
      </c>
      <c r="DT22" s="195">
        <v>0</v>
      </c>
      <c r="DU22" s="195">
        <v>0</v>
      </c>
      <c r="DV22" s="196">
        <v>20</v>
      </c>
      <c r="DW22" s="197">
        <v>60</v>
      </c>
      <c r="DX22" s="197">
        <v>185</v>
      </c>
      <c r="DY22" s="197">
        <v>205</v>
      </c>
      <c r="DZ22" s="195">
        <v>126</v>
      </c>
      <c r="EA22" s="198">
        <v>596</v>
      </c>
      <c r="EB22" s="200">
        <v>596</v>
      </c>
      <c r="EC22" s="37"/>
    </row>
    <row r="23" spans="2:133" ht="21" customHeight="1" x14ac:dyDescent="0.2">
      <c r="B23" s="62" t="s">
        <v>20</v>
      </c>
      <c r="C23" s="194">
        <v>0</v>
      </c>
      <c r="D23" s="195">
        <v>0</v>
      </c>
      <c r="E23" s="195">
        <v>0</v>
      </c>
      <c r="F23" s="196">
        <v>3</v>
      </c>
      <c r="G23" s="197">
        <v>16</v>
      </c>
      <c r="H23" s="197">
        <v>124</v>
      </c>
      <c r="I23" s="197">
        <v>176</v>
      </c>
      <c r="J23" s="195">
        <v>98</v>
      </c>
      <c r="K23" s="198">
        <v>417</v>
      </c>
      <c r="L23" s="199">
        <v>417</v>
      </c>
      <c r="M23" s="194">
        <v>0</v>
      </c>
      <c r="N23" s="195">
        <v>0</v>
      </c>
      <c r="O23" s="198">
        <v>0</v>
      </c>
      <c r="P23" s="196">
        <v>3</v>
      </c>
      <c r="Q23" s="197">
        <v>16</v>
      </c>
      <c r="R23" s="197">
        <v>123</v>
      </c>
      <c r="S23" s="197">
        <v>174</v>
      </c>
      <c r="T23" s="195">
        <v>96</v>
      </c>
      <c r="U23" s="198">
        <v>412</v>
      </c>
      <c r="V23" s="200">
        <v>412</v>
      </c>
      <c r="W23" s="201">
        <v>0</v>
      </c>
      <c r="X23" s="195">
        <v>0</v>
      </c>
      <c r="Y23" s="198">
        <v>0</v>
      </c>
      <c r="Z23" s="201">
        <v>0</v>
      </c>
      <c r="AA23" s="197">
        <v>0</v>
      </c>
      <c r="AB23" s="197">
        <v>1</v>
      </c>
      <c r="AC23" s="197">
        <v>2</v>
      </c>
      <c r="AD23" s="195">
        <v>2</v>
      </c>
      <c r="AE23" s="198">
        <v>5</v>
      </c>
      <c r="AF23" s="202">
        <v>5</v>
      </c>
      <c r="AG23" s="201">
        <v>0</v>
      </c>
      <c r="AH23" s="195">
        <v>0</v>
      </c>
      <c r="AI23" s="198">
        <v>0</v>
      </c>
      <c r="AJ23" s="201">
        <v>19</v>
      </c>
      <c r="AK23" s="197">
        <v>32</v>
      </c>
      <c r="AL23" s="197">
        <v>46</v>
      </c>
      <c r="AM23" s="197">
        <v>47</v>
      </c>
      <c r="AN23" s="195">
        <v>19</v>
      </c>
      <c r="AO23" s="198">
        <v>163</v>
      </c>
      <c r="AP23" s="202">
        <v>163</v>
      </c>
      <c r="AQ23" s="201">
        <v>0</v>
      </c>
      <c r="AR23" s="195">
        <v>0</v>
      </c>
      <c r="AS23" s="198">
        <v>0</v>
      </c>
      <c r="AT23" s="196">
        <v>19</v>
      </c>
      <c r="AU23" s="197">
        <v>32</v>
      </c>
      <c r="AV23" s="197">
        <v>45</v>
      </c>
      <c r="AW23" s="197">
        <v>46</v>
      </c>
      <c r="AX23" s="195">
        <v>19</v>
      </c>
      <c r="AY23" s="198">
        <v>161</v>
      </c>
      <c r="AZ23" s="199">
        <v>161</v>
      </c>
      <c r="BA23" s="194">
        <v>0</v>
      </c>
      <c r="BB23" s="195">
        <v>0</v>
      </c>
      <c r="BC23" s="195">
        <v>0</v>
      </c>
      <c r="BD23" s="196">
        <v>0</v>
      </c>
      <c r="BE23" s="197">
        <v>0</v>
      </c>
      <c r="BF23" s="197">
        <v>1</v>
      </c>
      <c r="BG23" s="197">
        <v>1</v>
      </c>
      <c r="BH23" s="195">
        <v>0</v>
      </c>
      <c r="BI23" s="198">
        <v>2</v>
      </c>
      <c r="BJ23" s="200">
        <v>2</v>
      </c>
      <c r="BK23" s="201">
        <v>0</v>
      </c>
      <c r="BL23" s="195">
        <v>0</v>
      </c>
      <c r="BM23" s="195">
        <v>0</v>
      </c>
      <c r="BN23" s="196">
        <v>0</v>
      </c>
      <c r="BO23" s="197">
        <v>0</v>
      </c>
      <c r="BP23" s="197">
        <v>0</v>
      </c>
      <c r="BQ23" s="197">
        <v>1</v>
      </c>
      <c r="BR23" s="195">
        <v>1</v>
      </c>
      <c r="BS23" s="198">
        <v>2</v>
      </c>
      <c r="BT23" s="199">
        <v>2</v>
      </c>
      <c r="BU23" s="194">
        <v>0</v>
      </c>
      <c r="BV23" s="195">
        <v>0</v>
      </c>
      <c r="BW23" s="195">
        <v>0</v>
      </c>
      <c r="BX23" s="196">
        <v>0</v>
      </c>
      <c r="BY23" s="197">
        <v>0</v>
      </c>
      <c r="BZ23" s="197">
        <v>0</v>
      </c>
      <c r="CA23" s="197">
        <v>1</v>
      </c>
      <c r="CB23" s="195">
        <v>1</v>
      </c>
      <c r="CC23" s="198">
        <v>2</v>
      </c>
      <c r="CD23" s="200">
        <v>2</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0</v>
      </c>
      <c r="CU23" s="197">
        <v>1</v>
      </c>
      <c r="CV23" s="195">
        <v>6</v>
      </c>
      <c r="CW23" s="198">
        <v>7</v>
      </c>
      <c r="CX23" s="199">
        <v>7</v>
      </c>
      <c r="CY23" s="194">
        <v>0</v>
      </c>
      <c r="CZ23" s="195">
        <v>0</v>
      </c>
      <c r="DA23" s="195">
        <v>0</v>
      </c>
      <c r="DB23" s="196">
        <v>0</v>
      </c>
      <c r="DC23" s="197">
        <v>0</v>
      </c>
      <c r="DD23" s="197">
        <v>0</v>
      </c>
      <c r="DE23" s="197">
        <v>1</v>
      </c>
      <c r="DF23" s="195">
        <v>6</v>
      </c>
      <c r="DG23" s="198">
        <v>7</v>
      </c>
      <c r="DH23" s="200">
        <v>7</v>
      </c>
      <c r="DI23" s="201">
        <v>0</v>
      </c>
      <c r="DJ23" s="195">
        <v>0</v>
      </c>
      <c r="DK23" s="195">
        <v>0</v>
      </c>
      <c r="DL23" s="196">
        <v>0</v>
      </c>
      <c r="DM23" s="197">
        <v>0</v>
      </c>
      <c r="DN23" s="197">
        <v>0</v>
      </c>
      <c r="DO23" s="197">
        <v>0</v>
      </c>
      <c r="DP23" s="195">
        <v>0</v>
      </c>
      <c r="DQ23" s="198">
        <v>0</v>
      </c>
      <c r="DR23" s="200">
        <v>0</v>
      </c>
      <c r="DS23" s="201">
        <v>0</v>
      </c>
      <c r="DT23" s="195">
        <v>0</v>
      </c>
      <c r="DU23" s="195">
        <v>0</v>
      </c>
      <c r="DV23" s="196">
        <v>22</v>
      </c>
      <c r="DW23" s="197">
        <v>48</v>
      </c>
      <c r="DX23" s="197">
        <v>170</v>
      </c>
      <c r="DY23" s="197">
        <v>225</v>
      </c>
      <c r="DZ23" s="195">
        <v>124</v>
      </c>
      <c r="EA23" s="198">
        <v>589</v>
      </c>
      <c r="EB23" s="200">
        <v>589</v>
      </c>
      <c r="EC23" s="37"/>
    </row>
    <row r="24" spans="2:133" ht="21" customHeight="1" x14ac:dyDescent="0.2">
      <c r="B24" s="62" t="s">
        <v>21</v>
      </c>
      <c r="C24" s="194">
        <v>0</v>
      </c>
      <c r="D24" s="195">
        <v>0</v>
      </c>
      <c r="E24" s="195">
        <v>0</v>
      </c>
      <c r="F24" s="196">
        <v>1</v>
      </c>
      <c r="G24" s="197">
        <v>15</v>
      </c>
      <c r="H24" s="197">
        <v>180</v>
      </c>
      <c r="I24" s="197">
        <v>176</v>
      </c>
      <c r="J24" s="195">
        <v>143</v>
      </c>
      <c r="K24" s="198">
        <v>515</v>
      </c>
      <c r="L24" s="199">
        <v>515</v>
      </c>
      <c r="M24" s="194">
        <v>0</v>
      </c>
      <c r="N24" s="195">
        <v>0</v>
      </c>
      <c r="O24" s="198">
        <v>0</v>
      </c>
      <c r="P24" s="196">
        <v>1</v>
      </c>
      <c r="Q24" s="197">
        <v>15</v>
      </c>
      <c r="R24" s="197">
        <v>179</v>
      </c>
      <c r="S24" s="197">
        <v>176</v>
      </c>
      <c r="T24" s="195">
        <v>141</v>
      </c>
      <c r="U24" s="198">
        <v>512</v>
      </c>
      <c r="V24" s="200">
        <v>512</v>
      </c>
      <c r="W24" s="201">
        <v>0</v>
      </c>
      <c r="X24" s="195">
        <v>0</v>
      </c>
      <c r="Y24" s="198">
        <v>0</v>
      </c>
      <c r="Z24" s="201">
        <v>0</v>
      </c>
      <c r="AA24" s="197">
        <v>0</v>
      </c>
      <c r="AB24" s="197">
        <v>1</v>
      </c>
      <c r="AC24" s="197">
        <v>0</v>
      </c>
      <c r="AD24" s="195">
        <v>2</v>
      </c>
      <c r="AE24" s="198">
        <v>3</v>
      </c>
      <c r="AF24" s="202">
        <v>3</v>
      </c>
      <c r="AG24" s="201">
        <v>0</v>
      </c>
      <c r="AH24" s="195">
        <v>0</v>
      </c>
      <c r="AI24" s="198">
        <v>0</v>
      </c>
      <c r="AJ24" s="201">
        <v>14</v>
      </c>
      <c r="AK24" s="197">
        <v>28</v>
      </c>
      <c r="AL24" s="197">
        <v>27</v>
      </c>
      <c r="AM24" s="197">
        <v>40</v>
      </c>
      <c r="AN24" s="195">
        <v>19</v>
      </c>
      <c r="AO24" s="198">
        <v>128</v>
      </c>
      <c r="AP24" s="202">
        <v>128</v>
      </c>
      <c r="AQ24" s="201">
        <v>0</v>
      </c>
      <c r="AR24" s="195">
        <v>0</v>
      </c>
      <c r="AS24" s="198">
        <v>0</v>
      </c>
      <c r="AT24" s="196">
        <v>14</v>
      </c>
      <c r="AU24" s="197">
        <v>27</v>
      </c>
      <c r="AV24" s="197">
        <v>27</v>
      </c>
      <c r="AW24" s="197">
        <v>37</v>
      </c>
      <c r="AX24" s="195">
        <v>16</v>
      </c>
      <c r="AY24" s="198">
        <v>121</v>
      </c>
      <c r="AZ24" s="199">
        <v>121</v>
      </c>
      <c r="BA24" s="194">
        <v>0</v>
      </c>
      <c r="BB24" s="195">
        <v>0</v>
      </c>
      <c r="BC24" s="195">
        <v>0</v>
      </c>
      <c r="BD24" s="196">
        <v>0</v>
      </c>
      <c r="BE24" s="197">
        <v>1</v>
      </c>
      <c r="BF24" s="197">
        <v>0</v>
      </c>
      <c r="BG24" s="197">
        <v>3</v>
      </c>
      <c r="BH24" s="195">
        <v>3</v>
      </c>
      <c r="BI24" s="198">
        <v>7</v>
      </c>
      <c r="BJ24" s="200">
        <v>7</v>
      </c>
      <c r="BK24" s="201">
        <v>0</v>
      </c>
      <c r="BL24" s="195">
        <v>0</v>
      </c>
      <c r="BM24" s="195">
        <v>0</v>
      </c>
      <c r="BN24" s="196">
        <v>0</v>
      </c>
      <c r="BO24" s="197">
        <v>0</v>
      </c>
      <c r="BP24" s="197">
        <v>1</v>
      </c>
      <c r="BQ24" s="197">
        <v>2</v>
      </c>
      <c r="BR24" s="195">
        <v>1</v>
      </c>
      <c r="BS24" s="198">
        <v>4</v>
      </c>
      <c r="BT24" s="199">
        <v>4</v>
      </c>
      <c r="BU24" s="194">
        <v>0</v>
      </c>
      <c r="BV24" s="195">
        <v>0</v>
      </c>
      <c r="BW24" s="195">
        <v>0</v>
      </c>
      <c r="BX24" s="196">
        <v>0</v>
      </c>
      <c r="BY24" s="197">
        <v>0</v>
      </c>
      <c r="BZ24" s="197">
        <v>1</v>
      </c>
      <c r="CA24" s="197">
        <v>2</v>
      </c>
      <c r="CB24" s="195">
        <v>1</v>
      </c>
      <c r="CC24" s="198">
        <v>4</v>
      </c>
      <c r="CD24" s="200">
        <v>4</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9</v>
      </c>
      <c r="CV24" s="195">
        <v>12</v>
      </c>
      <c r="CW24" s="198">
        <v>22</v>
      </c>
      <c r="CX24" s="199">
        <v>22</v>
      </c>
      <c r="CY24" s="194">
        <v>0</v>
      </c>
      <c r="CZ24" s="195">
        <v>0</v>
      </c>
      <c r="DA24" s="195">
        <v>0</v>
      </c>
      <c r="DB24" s="196">
        <v>0</v>
      </c>
      <c r="DC24" s="197">
        <v>0</v>
      </c>
      <c r="DD24" s="197">
        <v>1</v>
      </c>
      <c r="DE24" s="197">
        <v>9</v>
      </c>
      <c r="DF24" s="195">
        <v>11</v>
      </c>
      <c r="DG24" s="198">
        <v>21</v>
      </c>
      <c r="DH24" s="200">
        <v>21</v>
      </c>
      <c r="DI24" s="201">
        <v>0</v>
      </c>
      <c r="DJ24" s="195">
        <v>0</v>
      </c>
      <c r="DK24" s="195">
        <v>0</v>
      </c>
      <c r="DL24" s="196">
        <v>0</v>
      </c>
      <c r="DM24" s="197">
        <v>0</v>
      </c>
      <c r="DN24" s="197">
        <v>0</v>
      </c>
      <c r="DO24" s="197">
        <v>0</v>
      </c>
      <c r="DP24" s="195">
        <v>1</v>
      </c>
      <c r="DQ24" s="198">
        <v>1</v>
      </c>
      <c r="DR24" s="200">
        <v>1</v>
      </c>
      <c r="DS24" s="201">
        <v>0</v>
      </c>
      <c r="DT24" s="195">
        <v>0</v>
      </c>
      <c r="DU24" s="195">
        <v>0</v>
      </c>
      <c r="DV24" s="196">
        <v>15</v>
      </c>
      <c r="DW24" s="197">
        <v>43</v>
      </c>
      <c r="DX24" s="197">
        <v>209</v>
      </c>
      <c r="DY24" s="197">
        <v>227</v>
      </c>
      <c r="DZ24" s="195">
        <v>175</v>
      </c>
      <c r="EA24" s="198">
        <v>669</v>
      </c>
      <c r="EB24" s="200">
        <v>669</v>
      </c>
      <c r="EC24" s="37"/>
    </row>
    <row r="25" spans="2:133" ht="21" customHeight="1" x14ac:dyDescent="0.2">
      <c r="B25" s="62" t="s">
        <v>22</v>
      </c>
      <c r="C25" s="194">
        <v>0</v>
      </c>
      <c r="D25" s="195">
        <v>0</v>
      </c>
      <c r="E25" s="195">
        <v>0</v>
      </c>
      <c r="F25" s="196">
        <v>2</v>
      </c>
      <c r="G25" s="197">
        <v>2</v>
      </c>
      <c r="H25" s="197">
        <v>49</v>
      </c>
      <c r="I25" s="197">
        <v>63</v>
      </c>
      <c r="J25" s="195">
        <v>35</v>
      </c>
      <c r="K25" s="198">
        <v>151</v>
      </c>
      <c r="L25" s="199">
        <v>151</v>
      </c>
      <c r="M25" s="194">
        <v>0</v>
      </c>
      <c r="N25" s="195">
        <v>0</v>
      </c>
      <c r="O25" s="198">
        <v>0</v>
      </c>
      <c r="P25" s="196">
        <v>2</v>
      </c>
      <c r="Q25" s="197">
        <v>2</v>
      </c>
      <c r="R25" s="197">
        <v>49</v>
      </c>
      <c r="S25" s="197">
        <v>63</v>
      </c>
      <c r="T25" s="195">
        <v>33</v>
      </c>
      <c r="U25" s="198">
        <v>149</v>
      </c>
      <c r="V25" s="200">
        <v>149</v>
      </c>
      <c r="W25" s="201">
        <v>0</v>
      </c>
      <c r="X25" s="195">
        <v>0</v>
      </c>
      <c r="Y25" s="198">
        <v>0</v>
      </c>
      <c r="Z25" s="201">
        <v>0</v>
      </c>
      <c r="AA25" s="197">
        <v>0</v>
      </c>
      <c r="AB25" s="197">
        <v>0</v>
      </c>
      <c r="AC25" s="197">
        <v>0</v>
      </c>
      <c r="AD25" s="195">
        <v>2</v>
      </c>
      <c r="AE25" s="198">
        <v>2</v>
      </c>
      <c r="AF25" s="202">
        <v>2</v>
      </c>
      <c r="AG25" s="201">
        <v>0</v>
      </c>
      <c r="AH25" s="195">
        <v>0</v>
      </c>
      <c r="AI25" s="198">
        <v>0</v>
      </c>
      <c r="AJ25" s="201">
        <v>8</v>
      </c>
      <c r="AK25" s="197">
        <v>26</v>
      </c>
      <c r="AL25" s="197">
        <v>28</v>
      </c>
      <c r="AM25" s="197">
        <v>37</v>
      </c>
      <c r="AN25" s="195">
        <v>21</v>
      </c>
      <c r="AO25" s="198">
        <v>120</v>
      </c>
      <c r="AP25" s="202">
        <v>120</v>
      </c>
      <c r="AQ25" s="201">
        <v>0</v>
      </c>
      <c r="AR25" s="195">
        <v>0</v>
      </c>
      <c r="AS25" s="198">
        <v>0</v>
      </c>
      <c r="AT25" s="196">
        <v>8</v>
      </c>
      <c r="AU25" s="197">
        <v>26</v>
      </c>
      <c r="AV25" s="197">
        <v>28</v>
      </c>
      <c r="AW25" s="197">
        <v>36</v>
      </c>
      <c r="AX25" s="195">
        <v>21</v>
      </c>
      <c r="AY25" s="198">
        <v>119</v>
      </c>
      <c r="AZ25" s="199">
        <v>119</v>
      </c>
      <c r="BA25" s="194">
        <v>0</v>
      </c>
      <c r="BB25" s="195">
        <v>0</v>
      </c>
      <c r="BC25" s="195">
        <v>0</v>
      </c>
      <c r="BD25" s="196">
        <v>0</v>
      </c>
      <c r="BE25" s="197">
        <v>0</v>
      </c>
      <c r="BF25" s="197">
        <v>0</v>
      </c>
      <c r="BG25" s="197">
        <v>1</v>
      </c>
      <c r="BH25" s="195">
        <v>0</v>
      </c>
      <c r="BI25" s="198">
        <v>1</v>
      </c>
      <c r="BJ25" s="200">
        <v>1</v>
      </c>
      <c r="BK25" s="201">
        <v>0</v>
      </c>
      <c r="BL25" s="195">
        <v>0</v>
      </c>
      <c r="BM25" s="195">
        <v>0</v>
      </c>
      <c r="BN25" s="196">
        <v>0</v>
      </c>
      <c r="BO25" s="197">
        <v>0</v>
      </c>
      <c r="BP25" s="197">
        <v>0</v>
      </c>
      <c r="BQ25" s="197">
        <v>0</v>
      </c>
      <c r="BR25" s="195">
        <v>2</v>
      </c>
      <c r="BS25" s="198">
        <v>2</v>
      </c>
      <c r="BT25" s="199">
        <v>2</v>
      </c>
      <c r="BU25" s="194">
        <v>0</v>
      </c>
      <c r="BV25" s="195">
        <v>0</v>
      </c>
      <c r="BW25" s="195">
        <v>0</v>
      </c>
      <c r="BX25" s="196">
        <v>0</v>
      </c>
      <c r="BY25" s="197">
        <v>0</v>
      </c>
      <c r="BZ25" s="197">
        <v>0</v>
      </c>
      <c r="CA25" s="197">
        <v>0</v>
      </c>
      <c r="CB25" s="195">
        <v>2</v>
      </c>
      <c r="CC25" s="198">
        <v>2</v>
      </c>
      <c r="CD25" s="200">
        <v>2</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4</v>
      </c>
      <c r="CV25" s="195">
        <v>2</v>
      </c>
      <c r="CW25" s="198">
        <v>6</v>
      </c>
      <c r="CX25" s="199">
        <v>6</v>
      </c>
      <c r="CY25" s="194">
        <v>0</v>
      </c>
      <c r="CZ25" s="195">
        <v>0</v>
      </c>
      <c r="DA25" s="195">
        <v>0</v>
      </c>
      <c r="DB25" s="196">
        <v>0</v>
      </c>
      <c r="DC25" s="197">
        <v>0</v>
      </c>
      <c r="DD25" s="197">
        <v>0</v>
      </c>
      <c r="DE25" s="197">
        <v>4</v>
      </c>
      <c r="DF25" s="195">
        <v>2</v>
      </c>
      <c r="DG25" s="198">
        <v>6</v>
      </c>
      <c r="DH25" s="200">
        <v>6</v>
      </c>
      <c r="DI25" s="201">
        <v>0</v>
      </c>
      <c r="DJ25" s="195">
        <v>0</v>
      </c>
      <c r="DK25" s="195">
        <v>0</v>
      </c>
      <c r="DL25" s="196">
        <v>0</v>
      </c>
      <c r="DM25" s="197">
        <v>0</v>
      </c>
      <c r="DN25" s="197">
        <v>0</v>
      </c>
      <c r="DO25" s="197">
        <v>0</v>
      </c>
      <c r="DP25" s="195">
        <v>0</v>
      </c>
      <c r="DQ25" s="198">
        <v>0</v>
      </c>
      <c r="DR25" s="200">
        <v>0</v>
      </c>
      <c r="DS25" s="201">
        <v>0</v>
      </c>
      <c r="DT25" s="195">
        <v>0</v>
      </c>
      <c r="DU25" s="195">
        <v>0</v>
      </c>
      <c r="DV25" s="196">
        <v>10</v>
      </c>
      <c r="DW25" s="197">
        <v>28</v>
      </c>
      <c r="DX25" s="197">
        <v>77</v>
      </c>
      <c r="DY25" s="197">
        <v>104</v>
      </c>
      <c r="DZ25" s="195">
        <v>60</v>
      </c>
      <c r="EA25" s="198">
        <v>279</v>
      </c>
      <c r="EB25" s="200">
        <v>279</v>
      </c>
      <c r="EC25" s="37"/>
    </row>
    <row r="26" spans="2:133" ht="21" customHeight="1" x14ac:dyDescent="0.2">
      <c r="B26" s="62" t="s">
        <v>23</v>
      </c>
      <c r="C26" s="194">
        <v>0</v>
      </c>
      <c r="D26" s="195">
        <v>0</v>
      </c>
      <c r="E26" s="195">
        <v>0</v>
      </c>
      <c r="F26" s="196">
        <v>4</v>
      </c>
      <c r="G26" s="197">
        <v>14</v>
      </c>
      <c r="H26" s="197">
        <v>81</v>
      </c>
      <c r="I26" s="197">
        <v>127</v>
      </c>
      <c r="J26" s="195">
        <v>107</v>
      </c>
      <c r="K26" s="198">
        <v>333</v>
      </c>
      <c r="L26" s="199">
        <v>333</v>
      </c>
      <c r="M26" s="194">
        <v>0</v>
      </c>
      <c r="N26" s="195">
        <v>0</v>
      </c>
      <c r="O26" s="198">
        <v>0</v>
      </c>
      <c r="P26" s="196">
        <v>4</v>
      </c>
      <c r="Q26" s="197">
        <v>14</v>
      </c>
      <c r="R26" s="197">
        <v>81</v>
      </c>
      <c r="S26" s="197">
        <v>126</v>
      </c>
      <c r="T26" s="195">
        <v>106</v>
      </c>
      <c r="U26" s="198">
        <v>331</v>
      </c>
      <c r="V26" s="200">
        <v>331</v>
      </c>
      <c r="W26" s="201">
        <v>0</v>
      </c>
      <c r="X26" s="195">
        <v>0</v>
      </c>
      <c r="Y26" s="198">
        <v>0</v>
      </c>
      <c r="Z26" s="201">
        <v>0</v>
      </c>
      <c r="AA26" s="197">
        <v>0</v>
      </c>
      <c r="AB26" s="197">
        <v>0</v>
      </c>
      <c r="AC26" s="197">
        <v>1</v>
      </c>
      <c r="AD26" s="195">
        <v>1</v>
      </c>
      <c r="AE26" s="198">
        <v>2</v>
      </c>
      <c r="AF26" s="202">
        <v>2</v>
      </c>
      <c r="AG26" s="201">
        <v>0</v>
      </c>
      <c r="AH26" s="195">
        <v>0</v>
      </c>
      <c r="AI26" s="198">
        <v>0</v>
      </c>
      <c r="AJ26" s="201">
        <v>16</v>
      </c>
      <c r="AK26" s="197">
        <v>24</v>
      </c>
      <c r="AL26" s="197">
        <v>35</v>
      </c>
      <c r="AM26" s="197">
        <v>55</v>
      </c>
      <c r="AN26" s="195">
        <v>34</v>
      </c>
      <c r="AO26" s="198">
        <v>164</v>
      </c>
      <c r="AP26" s="202">
        <v>164</v>
      </c>
      <c r="AQ26" s="201">
        <v>0</v>
      </c>
      <c r="AR26" s="195">
        <v>0</v>
      </c>
      <c r="AS26" s="198">
        <v>0</v>
      </c>
      <c r="AT26" s="196">
        <v>15</v>
      </c>
      <c r="AU26" s="197">
        <v>24</v>
      </c>
      <c r="AV26" s="197">
        <v>35</v>
      </c>
      <c r="AW26" s="197">
        <v>55</v>
      </c>
      <c r="AX26" s="195">
        <v>32</v>
      </c>
      <c r="AY26" s="198">
        <v>161</v>
      </c>
      <c r="AZ26" s="199">
        <v>161</v>
      </c>
      <c r="BA26" s="194">
        <v>0</v>
      </c>
      <c r="BB26" s="195">
        <v>0</v>
      </c>
      <c r="BC26" s="195">
        <v>0</v>
      </c>
      <c r="BD26" s="196">
        <v>1</v>
      </c>
      <c r="BE26" s="197">
        <v>0</v>
      </c>
      <c r="BF26" s="197">
        <v>0</v>
      </c>
      <c r="BG26" s="197">
        <v>0</v>
      </c>
      <c r="BH26" s="195">
        <v>2</v>
      </c>
      <c r="BI26" s="198">
        <v>3</v>
      </c>
      <c r="BJ26" s="200">
        <v>3</v>
      </c>
      <c r="BK26" s="201">
        <v>0</v>
      </c>
      <c r="BL26" s="195">
        <v>0</v>
      </c>
      <c r="BM26" s="195">
        <v>0</v>
      </c>
      <c r="BN26" s="196">
        <v>0</v>
      </c>
      <c r="BO26" s="197">
        <v>0</v>
      </c>
      <c r="BP26" s="197">
        <v>0</v>
      </c>
      <c r="BQ26" s="197">
        <v>0</v>
      </c>
      <c r="BR26" s="195">
        <v>2</v>
      </c>
      <c r="BS26" s="198">
        <v>2</v>
      </c>
      <c r="BT26" s="199">
        <v>2</v>
      </c>
      <c r="BU26" s="194">
        <v>0</v>
      </c>
      <c r="BV26" s="195">
        <v>0</v>
      </c>
      <c r="BW26" s="195">
        <v>0</v>
      </c>
      <c r="BX26" s="196">
        <v>0</v>
      </c>
      <c r="BY26" s="197">
        <v>0</v>
      </c>
      <c r="BZ26" s="197">
        <v>0</v>
      </c>
      <c r="CA26" s="197">
        <v>0</v>
      </c>
      <c r="CB26" s="195">
        <v>2</v>
      </c>
      <c r="CC26" s="198">
        <v>2</v>
      </c>
      <c r="CD26" s="200">
        <v>2</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0</v>
      </c>
      <c r="CU26" s="197">
        <v>3</v>
      </c>
      <c r="CV26" s="195">
        <v>8</v>
      </c>
      <c r="CW26" s="198">
        <v>11</v>
      </c>
      <c r="CX26" s="199">
        <v>11</v>
      </c>
      <c r="CY26" s="194">
        <v>0</v>
      </c>
      <c r="CZ26" s="195">
        <v>0</v>
      </c>
      <c r="DA26" s="195">
        <v>0</v>
      </c>
      <c r="DB26" s="196">
        <v>0</v>
      </c>
      <c r="DC26" s="197">
        <v>0</v>
      </c>
      <c r="DD26" s="197">
        <v>0</v>
      </c>
      <c r="DE26" s="197">
        <v>3</v>
      </c>
      <c r="DF26" s="195">
        <v>8</v>
      </c>
      <c r="DG26" s="198">
        <v>11</v>
      </c>
      <c r="DH26" s="200">
        <v>11</v>
      </c>
      <c r="DI26" s="201">
        <v>0</v>
      </c>
      <c r="DJ26" s="195">
        <v>0</v>
      </c>
      <c r="DK26" s="195">
        <v>0</v>
      </c>
      <c r="DL26" s="196">
        <v>0</v>
      </c>
      <c r="DM26" s="197">
        <v>0</v>
      </c>
      <c r="DN26" s="197">
        <v>0</v>
      </c>
      <c r="DO26" s="197">
        <v>0</v>
      </c>
      <c r="DP26" s="195">
        <v>0</v>
      </c>
      <c r="DQ26" s="198">
        <v>0</v>
      </c>
      <c r="DR26" s="200">
        <v>0</v>
      </c>
      <c r="DS26" s="201">
        <v>0</v>
      </c>
      <c r="DT26" s="195">
        <v>0</v>
      </c>
      <c r="DU26" s="195">
        <v>0</v>
      </c>
      <c r="DV26" s="196">
        <v>20</v>
      </c>
      <c r="DW26" s="197">
        <v>38</v>
      </c>
      <c r="DX26" s="197">
        <v>115</v>
      </c>
      <c r="DY26" s="197">
        <v>185</v>
      </c>
      <c r="DZ26" s="195">
        <v>151</v>
      </c>
      <c r="EA26" s="198">
        <v>509</v>
      </c>
      <c r="EB26" s="200">
        <v>509</v>
      </c>
      <c r="EC26" s="37"/>
    </row>
    <row r="27" spans="2:133" ht="21" customHeight="1" x14ac:dyDescent="0.2">
      <c r="B27" s="62" t="s">
        <v>24</v>
      </c>
      <c r="C27" s="194">
        <v>0</v>
      </c>
      <c r="D27" s="195">
        <v>0</v>
      </c>
      <c r="E27" s="195">
        <v>0</v>
      </c>
      <c r="F27" s="196">
        <v>0</v>
      </c>
      <c r="G27" s="197">
        <v>0</v>
      </c>
      <c r="H27" s="197">
        <v>34</v>
      </c>
      <c r="I27" s="197">
        <v>74</v>
      </c>
      <c r="J27" s="195">
        <v>69</v>
      </c>
      <c r="K27" s="198">
        <v>177</v>
      </c>
      <c r="L27" s="199">
        <v>177</v>
      </c>
      <c r="M27" s="194">
        <v>0</v>
      </c>
      <c r="N27" s="195">
        <v>0</v>
      </c>
      <c r="O27" s="198">
        <v>0</v>
      </c>
      <c r="P27" s="196">
        <v>0</v>
      </c>
      <c r="Q27" s="197">
        <v>0</v>
      </c>
      <c r="R27" s="197">
        <v>34</v>
      </c>
      <c r="S27" s="197">
        <v>74</v>
      </c>
      <c r="T27" s="195">
        <v>69</v>
      </c>
      <c r="U27" s="198">
        <v>177</v>
      </c>
      <c r="V27" s="200">
        <v>177</v>
      </c>
      <c r="W27" s="201">
        <v>0</v>
      </c>
      <c r="X27" s="195">
        <v>0</v>
      </c>
      <c r="Y27" s="198">
        <v>0</v>
      </c>
      <c r="Z27" s="201">
        <v>0</v>
      </c>
      <c r="AA27" s="197">
        <v>0</v>
      </c>
      <c r="AB27" s="197">
        <v>0</v>
      </c>
      <c r="AC27" s="197">
        <v>0</v>
      </c>
      <c r="AD27" s="195">
        <v>0</v>
      </c>
      <c r="AE27" s="198">
        <v>0</v>
      </c>
      <c r="AF27" s="202">
        <v>0</v>
      </c>
      <c r="AG27" s="201">
        <v>0</v>
      </c>
      <c r="AH27" s="195">
        <v>0</v>
      </c>
      <c r="AI27" s="198">
        <v>0</v>
      </c>
      <c r="AJ27" s="201">
        <v>12</v>
      </c>
      <c r="AK27" s="197">
        <v>17</v>
      </c>
      <c r="AL27" s="197">
        <v>18</v>
      </c>
      <c r="AM27" s="197">
        <v>29</v>
      </c>
      <c r="AN27" s="195">
        <v>7</v>
      </c>
      <c r="AO27" s="198">
        <v>83</v>
      </c>
      <c r="AP27" s="202">
        <v>83</v>
      </c>
      <c r="AQ27" s="201">
        <v>0</v>
      </c>
      <c r="AR27" s="195">
        <v>0</v>
      </c>
      <c r="AS27" s="198">
        <v>0</v>
      </c>
      <c r="AT27" s="196">
        <v>12</v>
      </c>
      <c r="AU27" s="197">
        <v>17</v>
      </c>
      <c r="AV27" s="197">
        <v>18</v>
      </c>
      <c r="AW27" s="197">
        <v>28</v>
      </c>
      <c r="AX27" s="195">
        <v>7</v>
      </c>
      <c r="AY27" s="198">
        <v>82</v>
      </c>
      <c r="AZ27" s="199">
        <v>82</v>
      </c>
      <c r="BA27" s="194">
        <v>0</v>
      </c>
      <c r="BB27" s="195">
        <v>0</v>
      </c>
      <c r="BC27" s="195">
        <v>0</v>
      </c>
      <c r="BD27" s="196">
        <v>0</v>
      </c>
      <c r="BE27" s="197">
        <v>0</v>
      </c>
      <c r="BF27" s="197">
        <v>0</v>
      </c>
      <c r="BG27" s="197">
        <v>1</v>
      </c>
      <c r="BH27" s="195">
        <v>0</v>
      </c>
      <c r="BI27" s="198">
        <v>1</v>
      </c>
      <c r="BJ27" s="200">
        <v>1</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2</v>
      </c>
      <c r="DW27" s="197">
        <v>17</v>
      </c>
      <c r="DX27" s="197">
        <v>52</v>
      </c>
      <c r="DY27" s="197">
        <v>103</v>
      </c>
      <c r="DZ27" s="195">
        <v>76</v>
      </c>
      <c r="EA27" s="198">
        <v>260</v>
      </c>
      <c r="EB27" s="200">
        <v>260</v>
      </c>
      <c r="EC27" s="37"/>
    </row>
    <row r="28" spans="2:133" ht="21" customHeight="1" x14ac:dyDescent="0.2">
      <c r="B28" s="62" t="s">
        <v>25</v>
      </c>
      <c r="C28" s="194">
        <v>0</v>
      </c>
      <c r="D28" s="195">
        <v>0</v>
      </c>
      <c r="E28" s="195">
        <v>0</v>
      </c>
      <c r="F28" s="196">
        <v>3</v>
      </c>
      <c r="G28" s="197">
        <v>8</v>
      </c>
      <c r="H28" s="197">
        <v>61</v>
      </c>
      <c r="I28" s="197">
        <v>73</v>
      </c>
      <c r="J28" s="195">
        <v>55</v>
      </c>
      <c r="K28" s="198">
        <v>200</v>
      </c>
      <c r="L28" s="199">
        <v>200</v>
      </c>
      <c r="M28" s="194">
        <v>0</v>
      </c>
      <c r="N28" s="195">
        <v>0</v>
      </c>
      <c r="O28" s="198">
        <v>0</v>
      </c>
      <c r="P28" s="196">
        <v>3</v>
      </c>
      <c r="Q28" s="197">
        <v>8</v>
      </c>
      <c r="R28" s="197">
        <v>61</v>
      </c>
      <c r="S28" s="197">
        <v>71</v>
      </c>
      <c r="T28" s="195">
        <v>51</v>
      </c>
      <c r="U28" s="198">
        <v>194</v>
      </c>
      <c r="V28" s="200">
        <v>194</v>
      </c>
      <c r="W28" s="201">
        <v>0</v>
      </c>
      <c r="X28" s="195">
        <v>0</v>
      </c>
      <c r="Y28" s="198">
        <v>0</v>
      </c>
      <c r="Z28" s="201">
        <v>0</v>
      </c>
      <c r="AA28" s="197">
        <v>0</v>
      </c>
      <c r="AB28" s="197">
        <v>0</v>
      </c>
      <c r="AC28" s="197">
        <v>2</v>
      </c>
      <c r="AD28" s="195">
        <v>4</v>
      </c>
      <c r="AE28" s="198">
        <v>6</v>
      </c>
      <c r="AF28" s="202">
        <v>6</v>
      </c>
      <c r="AG28" s="201">
        <v>0</v>
      </c>
      <c r="AH28" s="195">
        <v>0</v>
      </c>
      <c r="AI28" s="198">
        <v>0</v>
      </c>
      <c r="AJ28" s="201">
        <v>11</v>
      </c>
      <c r="AK28" s="197">
        <v>17</v>
      </c>
      <c r="AL28" s="197">
        <v>23</v>
      </c>
      <c r="AM28" s="197">
        <v>40</v>
      </c>
      <c r="AN28" s="195">
        <v>15</v>
      </c>
      <c r="AO28" s="198">
        <v>106</v>
      </c>
      <c r="AP28" s="202">
        <v>106</v>
      </c>
      <c r="AQ28" s="201">
        <v>0</v>
      </c>
      <c r="AR28" s="195">
        <v>0</v>
      </c>
      <c r="AS28" s="198">
        <v>0</v>
      </c>
      <c r="AT28" s="196">
        <v>11</v>
      </c>
      <c r="AU28" s="197">
        <v>17</v>
      </c>
      <c r="AV28" s="197">
        <v>23</v>
      </c>
      <c r="AW28" s="197">
        <v>39</v>
      </c>
      <c r="AX28" s="195">
        <v>15</v>
      </c>
      <c r="AY28" s="198">
        <v>105</v>
      </c>
      <c r="AZ28" s="199">
        <v>105</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1</v>
      </c>
      <c r="CV28" s="195">
        <v>2</v>
      </c>
      <c r="CW28" s="198">
        <v>3</v>
      </c>
      <c r="CX28" s="199">
        <v>3</v>
      </c>
      <c r="CY28" s="194">
        <v>0</v>
      </c>
      <c r="CZ28" s="195">
        <v>0</v>
      </c>
      <c r="DA28" s="195">
        <v>0</v>
      </c>
      <c r="DB28" s="196">
        <v>0</v>
      </c>
      <c r="DC28" s="197">
        <v>0</v>
      </c>
      <c r="DD28" s="197">
        <v>0</v>
      </c>
      <c r="DE28" s="197">
        <v>1</v>
      </c>
      <c r="DF28" s="195">
        <v>2</v>
      </c>
      <c r="DG28" s="198">
        <v>3</v>
      </c>
      <c r="DH28" s="200">
        <v>3</v>
      </c>
      <c r="DI28" s="201">
        <v>0</v>
      </c>
      <c r="DJ28" s="195">
        <v>0</v>
      </c>
      <c r="DK28" s="195">
        <v>0</v>
      </c>
      <c r="DL28" s="196">
        <v>0</v>
      </c>
      <c r="DM28" s="197">
        <v>0</v>
      </c>
      <c r="DN28" s="197">
        <v>0</v>
      </c>
      <c r="DO28" s="197">
        <v>0</v>
      </c>
      <c r="DP28" s="195">
        <v>0</v>
      </c>
      <c r="DQ28" s="198">
        <v>0</v>
      </c>
      <c r="DR28" s="200">
        <v>0</v>
      </c>
      <c r="DS28" s="201">
        <v>0</v>
      </c>
      <c r="DT28" s="195">
        <v>0</v>
      </c>
      <c r="DU28" s="195">
        <v>0</v>
      </c>
      <c r="DV28" s="196">
        <v>14</v>
      </c>
      <c r="DW28" s="197">
        <v>25</v>
      </c>
      <c r="DX28" s="197">
        <v>84</v>
      </c>
      <c r="DY28" s="197">
        <v>114</v>
      </c>
      <c r="DZ28" s="195">
        <v>72</v>
      </c>
      <c r="EA28" s="198">
        <v>309</v>
      </c>
      <c r="EB28" s="200">
        <v>309</v>
      </c>
      <c r="EC28" s="37"/>
    </row>
    <row r="29" spans="2:133" ht="21" customHeight="1" x14ac:dyDescent="0.2">
      <c r="B29" s="62" t="s">
        <v>26</v>
      </c>
      <c r="C29" s="194">
        <v>0</v>
      </c>
      <c r="D29" s="195">
        <v>0</v>
      </c>
      <c r="E29" s="195">
        <v>0</v>
      </c>
      <c r="F29" s="196">
        <v>0</v>
      </c>
      <c r="G29" s="197">
        <v>8</v>
      </c>
      <c r="H29" s="197">
        <v>31</v>
      </c>
      <c r="I29" s="197">
        <v>83</v>
      </c>
      <c r="J29" s="195">
        <v>46</v>
      </c>
      <c r="K29" s="198">
        <v>168</v>
      </c>
      <c r="L29" s="199">
        <v>168</v>
      </c>
      <c r="M29" s="194">
        <v>0</v>
      </c>
      <c r="N29" s="195">
        <v>0</v>
      </c>
      <c r="O29" s="198">
        <v>0</v>
      </c>
      <c r="P29" s="196">
        <v>0</v>
      </c>
      <c r="Q29" s="197">
        <v>8</v>
      </c>
      <c r="R29" s="197">
        <v>31</v>
      </c>
      <c r="S29" s="197">
        <v>81</v>
      </c>
      <c r="T29" s="195">
        <v>46</v>
      </c>
      <c r="U29" s="198">
        <v>166</v>
      </c>
      <c r="V29" s="200">
        <v>166</v>
      </c>
      <c r="W29" s="201">
        <v>0</v>
      </c>
      <c r="X29" s="195">
        <v>0</v>
      </c>
      <c r="Y29" s="198">
        <v>0</v>
      </c>
      <c r="Z29" s="201">
        <v>0</v>
      </c>
      <c r="AA29" s="197">
        <v>0</v>
      </c>
      <c r="AB29" s="197">
        <v>0</v>
      </c>
      <c r="AC29" s="197">
        <v>2</v>
      </c>
      <c r="AD29" s="195">
        <v>0</v>
      </c>
      <c r="AE29" s="198">
        <v>2</v>
      </c>
      <c r="AF29" s="202">
        <v>2</v>
      </c>
      <c r="AG29" s="201">
        <v>0</v>
      </c>
      <c r="AH29" s="195">
        <v>0</v>
      </c>
      <c r="AI29" s="198">
        <v>0</v>
      </c>
      <c r="AJ29" s="201">
        <v>10</v>
      </c>
      <c r="AK29" s="197">
        <v>19</v>
      </c>
      <c r="AL29" s="197">
        <v>19</v>
      </c>
      <c r="AM29" s="197">
        <v>24</v>
      </c>
      <c r="AN29" s="195">
        <v>13</v>
      </c>
      <c r="AO29" s="198">
        <v>85</v>
      </c>
      <c r="AP29" s="202">
        <v>85</v>
      </c>
      <c r="AQ29" s="201">
        <v>0</v>
      </c>
      <c r="AR29" s="195">
        <v>0</v>
      </c>
      <c r="AS29" s="198">
        <v>0</v>
      </c>
      <c r="AT29" s="196">
        <v>10</v>
      </c>
      <c r="AU29" s="197">
        <v>19</v>
      </c>
      <c r="AV29" s="197">
        <v>19</v>
      </c>
      <c r="AW29" s="197">
        <v>23</v>
      </c>
      <c r="AX29" s="195">
        <v>13</v>
      </c>
      <c r="AY29" s="198">
        <v>84</v>
      </c>
      <c r="AZ29" s="199">
        <v>84</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0</v>
      </c>
      <c r="CU29" s="197">
        <v>1</v>
      </c>
      <c r="CV29" s="195">
        <v>2</v>
      </c>
      <c r="CW29" s="198">
        <v>3</v>
      </c>
      <c r="CX29" s="199">
        <v>3</v>
      </c>
      <c r="CY29" s="194">
        <v>0</v>
      </c>
      <c r="CZ29" s="195">
        <v>0</v>
      </c>
      <c r="DA29" s="195">
        <v>0</v>
      </c>
      <c r="DB29" s="196">
        <v>0</v>
      </c>
      <c r="DC29" s="197">
        <v>0</v>
      </c>
      <c r="DD29" s="197">
        <v>0</v>
      </c>
      <c r="DE29" s="197">
        <v>1</v>
      </c>
      <c r="DF29" s="195">
        <v>2</v>
      </c>
      <c r="DG29" s="198">
        <v>3</v>
      </c>
      <c r="DH29" s="200">
        <v>3</v>
      </c>
      <c r="DI29" s="201">
        <v>0</v>
      </c>
      <c r="DJ29" s="195">
        <v>0</v>
      </c>
      <c r="DK29" s="195">
        <v>0</v>
      </c>
      <c r="DL29" s="196">
        <v>0</v>
      </c>
      <c r="DM29" s="197">
        <v>0</v>
      </c>
      <c r="DN29" s="197">
        <v>0</v>
      </c>
      <c r="DO29" s="197">
        <v>0</v>
      </c>
      <c r="DP29" s="195">
        <v>0</v>
      </c>
      <c r="DQ29" s="198">
        <v>0</v>
      </c>
      <c r="DR29" s="200">
        <v>0</v>
      </c>
      <c r="DS29" s="201">
        <v>0</v>
      </c>
      <c r="DT29" s="195">
        <v>0</v>
      </c>
      <c r="DU29" s="195">
        <v>0</v>
      </c>
      <c r="DV29" s="196">
        <v>10</v>
      </c>
      <c r="DW29" s="197">
        <v>27</v>
      </c>
      <c r="DX29" s="197">
        <v>50</v>
      </c>
      <c r="DY29" s="197">
        <v>107</v>
      </c>
      <c r="DZ29" s="195">
        <v>60</v>
      </c>
      <c r="EA29" s="198">
        <v>254</v>
      </c>
      <c r="EB29" s="200">
        <v>254</v>
      </c>
      <c r="EC29" s="37"/>
    </row>
    <row r="30" spans="2:133" ht="21" customHeight="1" x14ac:dyDescent="0.2">
      <c r="B30" s="62" t="s">
        <v>27</v>
      </c>
      <c r="C30" s="194">
        <v>0</v>
      </c>
      <c r="D30" s="195">
        <v>0</v>
      </c>
      <c r="E30" s="195">
        <v>0</v>
      </c>
      <c r="F30" s="196">
        <v>2</v>
      </c>
      <c r="G30" s="197">
        <v>2</v>
      </c>
      <c r="H30" s="197">
        <v>39</v>
      </c>
      <c r="I30" s="197">
        <v>54</v>
      </c>
      <c r="J30" s="195">
        <v>44</v>
      </c>
      <c r="K30" s="198">
        <v>141</v>
      </c>
      <c r="L30" s="199">
        <v>141</v>
      </c>
      <c r="M30" s="194">
        <v>0</v>
      </c>
      <c r="N30" s="195">
        <v>0</v>
      </c>
      <c r="O30" s="198">
        <v>0</v>
      </c>
      <c r="P30" s="196">
        <v>2</v>
      </c>
      <c r="Q30" s="197">
        <v>2</v>
      </c>
      <c r="R30" s="197">
        <v>37</v>
      </c>
      <c r="S30" s="197">
        <v>54</v>
      </c>
      <c r="T30" s="195">
        <v>44</v>
      </c>
      <c r="U30" s="198">
        <v>139</v>
      </c>
      <c r="V30" s="200">
        <v>139</v>
      </c>
      <c r="W30" s="201">
        <v>0</v>
      </c>
      <c r="X30" s="195">
        <v>0</v>
      </c>
      <c r="Y30" s="198">
        <v>0</v>
      </c>
      <c r="Z30" s="201">
        <v>0</v>
      </c>
      <c r="AA30" s="197">
        <v>0</v>
      </c>
      <c r="AB30" s="197">
        <v>2</v>
      </c>
      <c r="AC30" s="197">
        <v>0</v>
      </c>
      <c r="AD30" s="195">
        <v>0</v>
      </c>
      <c r="AE30" s="198">
        <v>2</v>
      </c>
      <c r="AF30" s="202">
        <v>2</v>
      </c>
      <c r="AG30" s="201">
        <v>0</v>
      </c>
      <c r="AH30" s="195">
        <v>0</v>
      </c>
      <c r="AI30" s="198">
        <v>0</v>
      </c>
      <c r="AJ30" s="201">
        <v>9</v>
      </c>
      <c r="AK30" s="197">
        <v>19</v>
      </c>
      <c r="AL30" s="197">
        <v>24</v>
      </c>
      <c r="AM30" s="197">
        <v>21</v>
      </c>
      <c r="AN30" s="195">
        <v>12</v>
      </c>
      <c r="AO30" s="198">
        <v>85</v>
      </c>
      <c r="AP30" s="202">
        <v>85</v>
      </c>
      <c r="AQ30" s="201">
        <v>0</v>
      </c>
      <c r="AR30" s="195">
        <v>0</v>
      </c>
      <c r="AS30" s="198">
        <v>0</v>
      </c>
      <c r="AT30" s="196">
        <v>9</v>
      </c>
      <c r="AU30" s="197">
        <v>17</v>
      </c>
      <c r="AV30" s="197">
        <v>24</v>
      </c>
      <c r="AW30" s="197">
        <v>21</v>
      </c>
      <c r="AX30" s="195">
        <v>12</v>
      </c>
      <c r="AY30" s="198">
        <v>83</v>
      </c>
      <c r="AZ30" s="199">
        <v>83</v>
      </c>
      <c r="BA30" s="194">
        <v>0</v>
      </c>
      <c r="BB30" s="195">
        <v>0</v>
      </c>
      <c r="BC30" s="195">
        <v>0</v>
      </c>
      <c r="BD30" s="196">
        <v>0</v>
      </c>
      <c r="BE30" s="197">
        <v>2</v>
      </c>
      <c r="BF30" s="197">
        <v>0</v>
      </c>
      <c r="BG30" s="197">
        <v>0</v>
      </c>
      <c r="BH30" s="195">
        <v>0</v>
      </c>
      <c r="BI30" s="198">
        <v>2</v>
      </c>
      <c r="BJ30" s="200">
        <v>2</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3</v>
      </c>
      <c r="CV30" s="195">
        <v>1</v>
      </c>
      <c r="CW30" s="198">
        <v>4</v>
      </c>
      <c r="CX30" s="199">
        <v>4</v>
      </c>
      <c r="CY30" s="194">
        <v>0</v>
      </c>
      <c r="CZ30" s="195">
        <v>0</v>
      </c>
      <c r="DA30" s="195">
        <v>0</v>
      </c>
      <c r="DB30" s="196">
        <v>0</v>
      </c>
      <c r="DC30" s="197">
        <v>0</v>
      </c>
      <c r="DD30" s="197">
        <v>0</v>
      </c>
      <c r="DE30" s="197">
        <v>3</v>
      </c>
      <c r="DF30" s="195">
        <v>0</v>
      </c>
      <c r="DG30" s="198">
        <v>3</v>
      </c>
      <c r="DH30" s="200">
        <v>3</v>
      </c>
      <c r="DI30" s="201">
        <v>0</v>
      </c>
      <c r="DJ30" s="195">
        <v>0</v>
      </c>
      <c r="DK30" s="195">
        <v>0</v>
      </c>
      <c r="DL30" s="196">
        <v>0</v>
      </c>
      <c r="DM30" s="197">
        <v>0</v>
      </c>
      <c r="DN30" s="197">
        <v>0</v>
      </c>
      <c r="DO30" s="197">
        <v>0</v>
      </c>
      <c r="DP30" s="195">
        <v>1</v>
      </c>
      <c r="DQ30" s="198">
        <v>1</v>
      </c>
      <c r="DR30" s="200">
        <v>1</v>
      </c>
      <c r="DS30" s="201">
        <v>0</v>
      </c>
      <c r="DT30" s="195">
        <v>0</v>
      </c>
      <c r="DU30" s="195">
        <v>0</v>
      </c>
      <c r="DV30" s="196">
        <v>11</v>
      </c>
      <c r="DW30" s="197">
        <v>21</v>
      </c>
      <c r="DX30" s="197">
        <v>63</v>
      </c>
      <c r="DY30" s="197">
        <v>78</v>
      </c>
      <c r="DZ30" s="195">
        <v>57</v>
      </c>
      <c r="EA30" s="198">
        <v>230</v>
      </c>
      <c r="EB30" s="200">
        <v>230</v>
      </c>
      <c r="EC30" s="37"/>
    </row>
    <row r="31" spans="2:133" ht="21" customHeight="1" x14ac:dyDescent="0.2">
      <c r="B31" s="62" t="s">
        <v>28</v>
      </c>
      <c r="C31" s="194">
        <v>0</v>
      </c>
      <c r="D31" s="195">
        <v>0</v>
      </c>
      <c r="E31" s="195">
        <v>0</v>
      </c>
      <c r="F31" s="196">
        <v>0</v>
      </c>
      <c r="G31" s="197">
        <v>1</v>
      </c>
      <c r="H31" s="197">
        <v>15</v>
      </c>
      <c r="I31" s="197">
        <v>20</v>
      </c>
      <c r="J31" s="195">
        <v>11</v>
      </c>
      <c r="K31" s="198">
        <v>47</v>
      </c>
      <c r="L31" s="199">
        <v>47</v>
      </c>
      <c r="M31" s="194">
        <v>0</v>
      </c>
      <c r="N31" s="195">
        <v>0</v>
      </c>
      <c r="O31" s="198">
        <v>0</v>
      </c>
      <c r="P31" s="196">
        <v>0</v>
      </c>
      <c r="Q31" s="197">
        <v>1</v>
      </c>
      <c r="R31" s="197">
        <v>15</v>
      </c>
      <c r="S31" s="197">
        <v>20</v>
      </c>
      <c r="T31" s="195">
        <v>11</v>
      </c>
      <c r="U31" s="198">
        <v>47</v>
      </c>
      <c r="V31" s="200">
        <v>47</v>
      </c>
      <c r="W31" s="201">
        <v>0</v>
      </c>
      <c r="X31" s="195">
        <v>0</v>
      </c>
      <c r="Y31" s="198">
        <v>0</v>
      </c>
      <c r="Z31" s="201">
        <v>0</v>
      </c>
      <c r="AA31" s="197">
        <v>0</v>
      </c>
      <c r="AB31" s="197">
        <v>0</v>
      </c>
      <c r="AC31" s="197">
        <v>0</v>
      </c>
      <c r="AD31" s="195">
        <v>0</v>
      </c>
      <c r="AE31" s="198">
        <v>0</v>
      </c>
      <c r="AF31" s="202">
        <v>0</v>
      </c>
      <c r="AG31" s="201">
        <v>0</v>
      </c>
      <c r="AH31" s="195">
        <v>0</v>
      </c>
      <c r="AI31" s="198">
        <v>0</v>
      </c>
      <c r="AJ31" s="201">
        <v>1</v>
      </c>
      <c r="AK31" s="197">
        <v>8</v>
      </c>
      <c r="AL31" s="197">
        <v>8</v>
      </c>
      <c r="AM31" s="197">
        <v>12</v>
      </c>
      <c r="AN31" s="195">
        <v>4</v>
      </c>
      <c r="AO31" s="198">
        <v>33</v>
      </c>
      <c r="AP31" s="202">
        <v>33</v>
      </c>
      <c r="AQ31" s="201">
        <v>0</v>
      </c>
      <c r="AR31" s="195">
        <v>0</v>
      </c>
      <c r="AS31" s="198">
        <v>0</v>
      </c>
      <c r="AT31" s="196">
        <v>1</v>
      </c>
      <c r="AU31" s="197">
        <v>8</v>
      </c>
      <c r="AV31" s="197">
        <v>8</v>
      </c>
      <c r="AW31" s="197">
        <v>12</v>
      </c>
      <c r="AX31" s="195">
        <v>3</v>
      </c>
      <c r="AY31" s="198">
        <v>32</v>
      </c>
      <c r="AZ31" s="199">
        <v>32</v>
      </c>
      <c r="BA31" s="194">
        <v>0</v>
      </c>
      <c r="BB31" s="195">
        <v>0</v>
      </c>
      <c r="BC31" s="195">
        <v>0</v>
      </c>
      <c r="BD31" s="196">
        <v>0</v>
      </c>
      <c r="BE31" s="197">
        <v>0</v>
      </c>
      <c r="BF31" s="197">
        <v>0</v>
      </c>
      <c r="BG31" s="197">
        <v>0</v>
      </c>
      <c r="BH31" s="195">
        <v>1</v>
      </c>
      <c r="BI31" s="198">
        <v>1</v>
      </c>
      <c r="BJ31" s="200">
        <v>1</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1</v>
      </c>
      <c r="DW31" s="197">
        <v>9</v>
      </c>
      <c r="DX31" s="197">
        <v>23</v>
      </c>
      <c r="DY31" s="197">
        <v>31</v>
      </c>
      <c r="DZ31" s="195">
        <v>15</v>
      </c>
      <c r="EA31" s="198">
        <v>79</v>
      </c>
      <c r="EB31" s="200">
        <v>79</v>
      </c>
      <c r="EC31" s="37"/>
    </row>
    <row r="32" spans="2:133" ht="21" customHeight="1" x14ac:dyDescent="0.2">
      <c r="B32" s="62" t="s">
        <v>29</v>
      </c>
      <c r="C32" s="194">
        <v>0</v>
      </c>
      <c r="D32" s="195">
        <v>0</v>
      </c>
      <c r="E32" s="195">
        <v>0</v>
      </c>
      <c r="F32" s="196">
        <v>0</v>
      </c>
      <c r="G32" s="197">
        <v>3</v>
      </c>
      <c r="H32" s="197">
        <v>15</v>
      </c>
      <c r="I32" s="197">
        <v>33</v>
      </c>
      <c r="J32" s="195">
        <v>20</v>
      </c>
      <c r="K32" s="198">
        <v>71</v>
      </c>
      <c r="L32" s="199">
        <v>71</v>
      </c>
      <c r="M32" s="194">
        <v>0</v>
      </c>
      <c r="N32" s="195">
        <v>0</v>
      </c>
      <c r="O32" s="198">
        <v>0</v>
      </c>
      <c r="P32" s="196">
        <v>0</v>
      </c>
      <c r="Q32" s="197">
        <v>3</v>
      </c>
      <c r="R32" s="197">
        <v>15</v>
      </c>
      <c r="S32" s="197">
        <v>33</v>
      </c>
      <c r="T32" s="195">
        <v>20</v>
      </c>
      <c r="U32" s="198">
        <v>71</v>
      </c>
      <c r="V32" s="200">
        <v>71</v>
      </c>
      <c r="W32" s="201">
        <v>0</v>
      </c>
      <c r="X32" s="195">
        <v>0</v>
      </c>
      <c r="Y32" s="198">
        <v>0</v>
      </c>
      <c r="Z32" s="201">
        <v>0</v>
      </c>
      <c r="AA32" s="197">
        <v>0</v>
      </c>
      <c r="AB32" s="197">
        <v>0</v>
      </c>
      <c r="AC32" s="197">
        <v>0</v>
      </c>
      <c r="AD32" s="195">
        <v>0</v>
      </c>
      <c r="AE32" s="198">
        <v>0</v>
      </c>
      <c r="AF32" s="202">
        <v>0</v>
      </c>
      <c r="AG32" s="201">
        <v>0</v>
      </c>
      <c r="AH32" s="195">
        <v>0</v>
      </c>
      <c r="AI32" s="198">
        <v>0</v>
      </c>
      <c r="AJ32" s="201">
        <v>2</v>
      </c>
      <c r="AK32" s="197">
        <v>6</v>
      </c>
      <c r="AL32" s="197">
        <v>10</v>
      </c>
      <c r="AM32" s="197">
        <v>14</v>
      </c>
      <c r="AN32" s="195">
        <v>11</v>
      </c>
      <c r="AO32" s="198">
        <v>43</v>
      </c>
      <c r="AP32" s="202">
        <v>43</v>
      </c>
      <c r="AQ32" s="201">
        <v>0</v>
      </c>
      <c r="AR32" s="195">
        <v>0</v>
      </c>
      <c r="AS32" s="198">
        <v>0</v>
      </c>
      <c r="AT32" s="196">
        <v>2</v>
      </c>
      <c r="AU32" s="197">
        <v>5</v>
      </c>
      <c r="AV32" s="197">
        <v>10</v>
      </c>
      <c r="AW32" s="197">
        <v>14</v>
      </c>
      <c r="AX32" s="195">
        <v>10</v>
      </c>
      <c r="AY32" s="198">
        <v>41</v>
      </c>
      <c r="AZ32" s="199">
        <v>41</v>
      </c>
      <c r="BA32" s="194">
        <v>0</v>
      </c>
      <c r="BB32" s="195">
        <v>0</v>
      </c>
      <c r="BC32" s="195">
        <v>0</v>
      </c>
      <c r="BD32" s="196">
        <v>0</v>
      </c>
      <c r="BE32" s="197">
        <v>1</v>
      </c>
      <c r="BF32" s="197">
        <v>0</v>
      </c>
      <c r="BG32" s="197">
        <v>0</v>
      </c>
      <c r="BH32" s="195">
        <v>1</v>
      </c>
      <c r="BI32" s="198">
        <v>2</v>
      </c>
      <c r="BJ32" s="200">
        <v>2</v>
      </c>
      <c r="BK32" s="201">
        <v>0</v>
      </c>
      <c r="BL32" s="195">
        <v>0</v>
      </c>
      <c r="BM32" s="195">
        <v>0</v>
      </c>
      <c r="BN32" s="196">
        <v>0</v>
      </c>
      <c r="BO32" s="197">
        <v>0</v>
      </c>
      <c r="BP32" s="197">
        <v>0</v>
      </c>
      <c r="BQ32" s="197">
        <v>0</v>
      </c>
      <c r="BR32" s="195">
        <v>1</v>
      </c>
      <c r="BS32" s="198">
        <v>1</v>
      </c>
      <c r="BT32" s="199">
        <v>1</v>
      </c>
      <c r="BU32" s="194">
        <v>0</v>
      </c>
      <c r="BV32" s="195">
        <v>0</v>
      </c>
      <c r="BW32" s="195">
        <v>0</v>
      </c>
      <c r="BX32" s="196">
        <v>0</v>
      </c>
      <c r="BY32" s="197">
        <v>0</v>
      </c>
      <c r="BZ32" s="197">
        <v>0</v>
      </c>
      <c r="CA32" s="197">
        <v>0</v>
      </c>
      <c r="CB32" s="195">
        <v>1</v>
      </c>
      <c r="CC32" s="198">
        <v>1</v>
      </c>
      <c r="CD32" s="200">
        <v>1</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1</v>
      </c>
      <c r="CV32" s="195">
        <v>0</v>
      </c>
      <c r="CW32" s="198">
        <v>1</v>
      </c>
      <c r="CX32" s="199">
        <v>1</v>
      </c>
      <c r="CY32" s="194">
        <v>0</v>
      </c>
      <c r="CZ32" s="195">
        <v>0</v>
      </c>
      <c r="DA32" s="195">
        <v>0</v>
      </c>
      <c r="DB32" s="196">
        <v>0</v>
      </c>
      <c r="DC32" s="197">
        <v>0</v>
      </c>
      <c r="DD32" s="197">
        <v>0</v>
      </c>
      <c r="DE32" s="197">
        <v>1</v>
      </c>
      <c r="DF32" s="195">
        <v>0</v>
      </c>
      <c r="DG32" s="198">
        <v>1</v>
      </c>
      <c r="DH32" s="200">
        <v>1</v>
      </c>
      <c r="DI32" s="201">
        <v>0</v>
      </c>
      <c r="DJ32" s="195">
        <v>0</v>
      </c>
      <c r="DK32" s="195">
        <v>0</v>
      </c>
      <c r="DL32" s="196">
        <v>0</v>
      </c>
      <c r="DM32" s="197">
        <v>0</v>
      </c>
      <c r="DN32" s="197">
        <v>0</v>
      </c>
      <c r="DO32" s="197">
        <v>0</v>
      </c>
      <c r="DP32" s="195">
        <v>0</v>
      </c>
      <c r="DQ32" s="198">
        <v>0</v>
      </c>
      <c r="DR32" s="200">
        <v>0</v>
      </c>
      <c r="DS32" s="201">
        <v>0</v>
      </c>
      <c r="DT32" s="195">
        <v>0</v>
      </c>
      <c r="DU32" s="195">
        <v>0</v>
      </c>
      <c r="DV32" s="196">
        <v>2</v>
      </c>
      <c r="DW32" s="197">
        <v>9</v>
      </c>
      <c r="DX32" s="197">
        <v>25</v>
      </c>
      <c r="DY32" s="197">
        <v>48</v>
      </c>
      <c r="DZ32" s="195">
        <v>31</v>
      </c>
      <c r="EA32" s="198">
        <v>115</v>
      </c>
      <c r="EB32" s="200">
        <v>115</v>
      </c>
      <c r="EC32" s="37"/>
    </row>
    <row r="33" spans="2:133" ht="21" customHeight="1" x14ac:dyDescent="0.2">
      <c r="B33" s="62" t="s">
        <v>30</v>
      </c>
      <c r="C33" s="194">
        <v>0</v>
      </c>
      <c r="D33" s="195">
        <v>0</v>
      </c>
      <c r="E33" s="195">
        <v>0</v>
      </c>
      <c r="F33" s="196">
        <v>1</v>
      </c>
      <c r="G33" s="197">
        <v>1</v>
      </c>
      <c r="H33" s="197">
        <v>21</v>
      </c>
      <c r="I33" s="197">
        <v>23</v>
      </c>
      <c r="J33" s="195">
        <v>16</v>
      </c>
      <c r="K33" s="198">
        <v>62</v>
      </c>
      <c r="L33" s="199">
        <v>62</v>
      </c>
      <c r="M33" s="194">
        <v>0</v>
      </c>
      <c r="N33" s="195">
        <v>0</v>
      </c>
      <c r="O33" s="198">
        <v>0</v>
      </c>
      <c r="P33" s="196">
        <v>1</v>
      </c>
      <c r="Q33" s="197">
        <v>1</v>
      </c>
      <c r="R33" s="197">
        <v>21</v>
      </c>
      <c r="S33" s="197">
        <v>23</v>
      </c>
      <c r="T33" s="195">
        <v>16</v>
      </c>
      <c r="U33" s="198">
        <v>62</v>
      </c>
      <c r="V33" s="200">
        <v>62</v>
      </c>
      <c r="W33" s="201">
        <v>0</v>
      </c>
      <c r="X33" s="195">
        <v>0</v>
      </c>
      <c r="Y33" s="198">
        <v>0</v>
      </c>
      <c r="Z33" s="201">
        <v>0</v>
      </c>
      <c r="AA33" s="197">
        <v>0</v>
      </c>
      <c r="AB33" s="197">
        <v>0</v>
      </c>
      <c r="AC33" s="197">
        <v>0</v>
      </c>
      <c r="AD33" s="195">
        <v>0</v>
      </c>
      <c r="AE33" s="198">
        <v>0</v>
      </c>
      <c r="AF33" s="202">
        <v>0</v>
      </c>
      <c r="AG33" s="201">
        <v>0</v>
      </c>
      <c r="AH33" s="195">
        <v>0</v>
      </c>
      <c r="AI33" s="198">
        <v>0</v>
      </c>
      <c r="AJ33" s="201">
        <v>6</v>
      </c>
      <c r="AK33" s="197">
        <v>1</v>
      </c>
      <c r="AL33" s="197">
        <v>15</v>
      </c>
      <c r="AM33" s="197">
        <v>20</v>
      </c>
      <c r="AN33" s="195">
        <v>4</v>
      </c>
      <c r="AO33" s="198">
        <v>46</v>
      </c>
      <c r="AP33" s="202">
        <v>46</v>
      </c>
      <c r="AQ33" s="201">
        <v>0</v>
      </c>
      <c r="AR33" s="195">
        <v>0</v>
      </c>
      <c r="AS33" s="198">
        <v>0</v>
      </c>
      <c r="AT33" s="196">
        <v>6</v>
      </c>
      <c r="AU33" s="197">
        <v>1</v>
      </c>
      <c r="AV33" s="197">
        <v>14</v>
      </c>
      <c r="AW33" s="197">
        <v>20</v>
      </c>
      <c r="AX33" s="195">
        <v>4</v>
      </c>
      <c r="AY33" s="198">
        <v>45</v>
      </c>
      <c r="AZ33" s="199">
        <v>45</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0</v>
      </c>
      <c r="CU33" s="197">
        <v>0</v>
      </c>
      <c r="CV33" s="195">
        <v>3</v>
      </c>
      <c r="CW33" s="198">
        <v>4</v>
      </c>
      <c r="CX33" s="199">
        <v>4</v>
      </c>
      <c r="CY33" s="194">
        <v>0</v>
      </c>
      <c r="CZ33" s="195">
        <v>0</v>
      </c>
      <c r="DA33" s="195">
        <v>0</v>
      </c>
      <c r="DB33" s="196">
        <v>0</v>
      </c>
      <c r="DC33" s="197">
        <v>1</v>
      </c>
      <c r="DD33" s="197">
        <v>0</v>
      </c>
      <c r="DE33" s="197">
        <v>0</v>
      </c>
      <c r="DF33" s="195">
        <v>2</v>
      </c>
      <c r="DG33" s="198">
        <v>3</v>
      </c>
      <c r="DH33" s="200">
        <v>3</v>
      </c>
      <c r="DI33" s="201">
        <v>0</v>
      </c>
      <c r="DJ33" s="195">
        <v>0</v>
      </c>
      <c r="DK33" s="195">
        <v>0</v>
      </c>
      <c r="DL33" s="196">
        <v>0</v>
      </c>
      <c r="DM33" s="197">
        <v>0</v>
      </c>
      <c r="DN33" s="197">
        <v>0</v>
      </c>
      <c r="DO33" s="197">
        <v>0</v>
      </c>
      <c r="DP33" s="195">
        <v>1</v>
      </c>
      <c r="DQ33" s="198">
        <v>1</v>
      </c>
      <c r="DR33" s="200">
        <v>1</v>
      </c>
      <c r="DS33" s="201">
        <v>0</v>
      </c>
      <c r="DT33" s="195">
        <v>0</v>
      </c>
      <c r="DU33" s="195">
        <v>0</v>
      </c>
      <c r="DV33" s="196">
        <v>7</v>
      </c>
      <c r="DW33" s="197">
        <v>3</v>
      </c>
      <c r="DX33" s="197">
        <v>36</v>
      </c>
      <c r="DY33" s="197">
        <v>43</v>
      </c>
      <c r="DZ33" s="195">
        <v>23</v>
      </c>
      <c r="EA33" s="198">
        <v>112</v>
      </c>
      <c r="EB33" s="200">
        <v>112</v>
      </c>
      <c r="EC33" s="37"/>
    </row>
    <row r="34" spans="2:133" ht="21" customHeight="1" x14ac:dyDescent="0.2">
      <c r="B34" s="62" t="s">
        <v>31</v>
      </c>
      <c r="C34" s="194">
        <v>0</v>
      </c>
      <c r="D34" s="195">
        <v>0</v>
      </c>
      <c r="E34" s="195">
        <v>0</v>
      </c>
      <c r="F34" s="196">
        <v>0</v>
      </c>
      <c r="G34" s="197">
        <v>2</v>
      </c>
      <c r="H34" s="197">
        <v>29</v>
      </c>
      <c r="I34" s="197">
        <v>26</v>
      </c>
      <c r="J34" s="195">
        <v>23</v>
      </c>
      <c r="K34" s="198">
        <v>80</v>
      </c>
      <c r="L34" s="199">
        <v>80</v>
      </c>
      <c r="M34" s="194">
        <v>0</v>
      </c>
      <c r="N34" s="195">
        <v>0</v>
      </c>
      <c r="O34" s="198">
        <v>0</v>
      </c>
      <c r="P34" s="196">
        <v>0</v>
      </c>
      <c r="Q34" s="197">
        <v>2</v>
      </c>
      <c r="R34" s="197">
        <v>28</v>
      </c>
      <c r="S34" s="197">
        <v>26</v>
      </c>
      <c r="T34" s="195">
        <v>23</v>
      </c>
      <c r="U34" s="198">
        <v>79</v>
      </c>
      <c r="V34" s="200">
        <v>79</v>
      </c>
      <c r="W34" s="201">
        <v>0</v>
      </c>
      <c r="X34" s="195">
        <v>0</v>
      </c>
      <c r="Y34" s="198">
        <v>0</v>
      </c>
      <c r="Z34" s="201">
        <v>0</v>
      </c>
      <c r="AA34" s="197">
        <v>0</v>
      </c>
      <c r="AB34" s="197">
        <v>1</v>
      </c>
      <c r="AC34" s="197">
        <v>0</v>
      </c>
      <c r="AD34" s="195">
        <v>0</v>
      </c>
      <c r="AE34" s="198">
        <v>1</v>
      </c>
      <c r="AF34" s="202">
        <v>1</v>
      </c>
      <c r="AG34" s="201">
        <v>0</v>
      </c>
      <c r="AH34" s="195">
        <v>0</v>
      </c>
      <c r="AI34" s="198">
        <v>0</v>
      </c>
      <c r="AJ34" s="201">
        <v>3</v>
      </c>
      <c r="AK34" s="197">
        <v>12</v>
      </c>
      <c r="AL34" s="197">
        <v>9</v>
      </c>
      <c r="AM34" s="197">
        <v>7</v>
      </c>
      <c r="AN34" s="195">
        <v>6</v>
      </c>
      <c r="AO34" s="198">
        <v>37</v>
      </c>
      <c r="AP34" s="202">
        <v>37</v>
      </c>
      <c r="AQ34" s="201">
        <v>0</v>
      </c>
      <c r="AR34" s="195">
        <v>0</v>
      </c>
      <c r="AS34" s="198">
        <v>0</v>
      </c>
      <c r="AT34" s="196">
        <v>3</v>
      </c>
      <c r="AU34" s="197">
        <v>12</v>
      </c>
      <c r="AV34" s="197">
        <v>9</v>
      </c>
      <c r="AW34" s="197">
        <v>7</v>
      </c>
      <c r="AX34" s="195">
        <v>6</v>
      </c>
      <c r="AY34" s="198">
        <v>37</v>
      </c>
      <c r="AZ34" s="199">
        <v>37</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0</v>
      </c>
      <c r="BR34" s="195">
        <v>0</v>
      </c>
      <c r="BS34" s="198">
        <v>0</v>
      </c>
      <c r="BT34" s="199">
        <v>0</v>
      </c>
      <c r="BU34" s="194">
        <v>0</v>
      </c>
      <c r="BV34" s="195">
        <v>0</v>
      </c>
      <c r="BW34" s="195">
        <v>0</v>
      </c>
      <c r="BX34" s="196">
        <v>0</v>
      </c>
      <c r="BY34" s="197">
        <v>0</v>
      </c>
      <c r="BZ34" s="197">
        <v>0</v>
      </c>
      <c r="CA34" s="197">
        <v>0</v>
      </c>
      <c r="CB34" s="195">
        <v>0</v>
      </c>
      <c r="CC34" s="198">
        <v>0</v>
      </c>
      <c r="CD34" s="200">
        <v>0</v>
      </c>
      <c r="CE34" s="201">
        <v>0</v>
      </c>
      <c r="CF34" s="195">
        <v>0</v>
      </c>
      <c r="CG34" s="195">
        <v>0</v>
      </c>
      <c r="CH34" s="196">
        <v>0</v>
      </c>
      <c r="CI34" s="197">
        <v>0</v>
      </c>
      <c r="CJ34" s="197">
        <v>0</v>
      </c>
      <c r="CK34" s="197">
        <v>0</v>
      </c>
      <c r="CL34" s="195">
        <v>0</v>
      </c>
      <c r="CM34" s="198">
        <v>0</v>
      </c>
      <c r="CN34" s="200">
        <v>0</v>
      </c>
      <c r="CO34" s="201">
        <v>0</v>
      </c>
      <c r="CP34" s="195">
        <v>0</v>
      </c>
      <c r="CQ34" s="195">
        <v>0</v>
      </c>
      <c r="CR34" s="196">
        <v>0</v>
      </c>
      <c r="CS34" s="197">
        <v>0</v>
      </c>
      <c r="CT34" s="197">
        <v>0</v>
      </c>
      <c r="CU34" s="197">
        <v>0</v>
      </c>
      <c r="CV34" s="195">
        <v>0</v>
      </c>
      <c r="CW34" s="198">
        <v>0</v>
      </c>
      <c r="CX34" s="199">
        <v>0</v>
      </c>
      <c r="CY34" s="194">
        <v>0</v>
      </c>
      <c r="CZ34" s="195">
        <v>0</v>
      </c>
      <c r="DA34" s="195">
        <v>0</v>
      </c>
      <c r="DB34" s="196">
        <v>0</v>
      </c>
      <c r="DC34" s="197">
        <v>0</v>
      </c>
      <c r="DD34" s="197">
        <v>0</v>
      </c>
      <c r="DE34" s="197">
        <v>0</v>
      </c>
      <c r="DF34" s="195">
        <v>0</v>
      </c>
      <c r="DG34" s="198">
        <v>0</v>
      </c>
      <c r="DH34" s="200">
        <v>0</v>
      </c>
      <c r="DI34" s="201">
        <v>0</v>
      </c>
      <c r="DJ34" s="195">
        <v>0</v>
      </c>
      <c r="DK34" s="195">
        <v>0</v>
      </c>
      <c r="DL34" s="196">
        <v>0</v>
      </c>
      <c r="DM34" s="197">
        <v>0</v>
      </c>
      <c r="DN34" s="197">
        <v>0</v>
      </c>
      <c r="DO34" s="197">
        <v>0</v>
      </c>
      <c r="DP34" s="195">
        <v>0</v>
      </c>
      <c r="DQ34" s="198">
        <v>0</v>
      </c>
      <c r="DR34" s="200">
        <v>0</v>
      </c>
      <c r="DS34" s="201">
        <v>0</v>
      </c>
      <c r="DT34" s="195">
        <v>0</v>
      </c>
      <c r="DU34" s="195">
        <v>0</v>
      </c>
      <c r="DV34" s="196">
        <v>3</v>
      </c>
      <c r="DW34" s="197">
        <v>14</v>
      </c>
      <c r="DX34" s="197">
        <v>38</v>
      </c>
      <c r="DY34" s="197">
        <v>33</v>
      </c>
      <c r="DZ34" s="195">
        <v>29</v>
      </c>
      <c r="EA34" s="198">
        <v>117</v>
      </c>
      <c r="EB34" s="200">
        <v>117</v>
      </c>
      <c r="EC34" s="37"/>
    </row>
    <row r="35" spans="2:133" ht="21" customHeight="1" x14ac:dyDescent="0.2">
      <c r="B35" s="62" t="s">
        <v>32</v>
      </c>
      <c r="C35" s="194">
        <v>0</v>
      </c>
      <c r="D35" s="195">
        <v>0</v>
      </c>
      <c r="E35" s="195">
        <v>0</v>
      </c>
      <c r="F35" s="196">
        <v>2</v>
      </c>
      <c r="G35" s="197">
        <v>0</v>
      </c>
      <c r="H35" s="197">
        <v>12</v>
      </c>
      <c r="I35" s="197">
        <v>20</v>
      </c>
      <c r="J35" s="195">
        <v>11</v>
      </c>
      <c r="K35" s="198">
        <v>45</v>
      </c>
      <c r="L35" s="199">
        <v>45</v>
      </c>
      <c r="M35" s="194">
        <v>0</v>
      </c>
      <c r="N35" s="195">
        <v>0</v>
      </c>
      <c r="O35" s="198">
        <v>0</v>
      </c>
      <c r="P35" s="196">
        <v>2</v>
      </c>
      <c r="Q35" s="197">
        <v>0</v>
      </c>
      <c r="R35" s="197">
        <v>12</v>
      </c>
      <c r="S35" s="197">
        <v>20</v>
      </c>
      <c r="T35" s="195">
        <v>10</v>
      </c>
      <c r="U35" s="198">
        <v>44</v>
      </c>
      <c r="V35" s="200">
        <v>44</v>
      </c>
      <c r="W35" s="201">
        <v>0</v>
      </c>
      <c r="X35" s="195">
        <v>0</v>
      </c>
      <c r="Y35" s="198">
        <v>0</v>
      </c>
      <c r="Z35" s="201">
        <v>0</v>
      </c>
      <c r="AA35" s="197">
        <v>0</v>
      </c>
      <c r="AB35" s="197">
        <v>0</v>
      </c>
      <c r="AC35" s="197">
        <v>0</v>
      </c>
      <c r="AD35" s="195">
        <v>1</v>
      </c>
      <c r="AE35" s="198">
        <v>1</v>
      </c>
      <c r="AF35" s="202">
        <v>1</v>
      </c>
      <c r="AG35" s="201">
        <v>0</v>
      </c>
      <c r="AH35" s="195">
        <v>0</v>
      </c>
      <c r="AI35" s="198">
        <v>0</v>
      </c>
      <c r="AJ35" s="201">
        <v>1</v>
      </c>
      <c r="AK35" s="197">
        <v>10</v>
      </c>
      <c r="AL35" s="197">
        <v>12</v>
      </c>
      <c r="AM35" s="197">
        <v>16</v>
      </c>
      <c r="AN35" s="195">
        <v>5</v>
      </c>
      <c r="AO35" s="198">
        <v>44</v>
      </c>
      <c r="AP35" s="202">
        <v>44</v>
      </c>
      <c r="AQ35" s="201">
        <v>0</v>
      </c>
      <c r="AR35" s="195">
        <v>0</v>
      </c>
      <c r="AS35" s="198">
        <v>0</v>
      </c>
      <c r="AT35" s="196">
        <v>1</v>
      </c>
      <c r="AU35" s="197">
        <v>10</v>
      </c>
      <c r="AV35" s="197">
        <v>12</v>
      </c>
      <c r="AW35" s="197">
        <v>16</v>
      </c>
      <c r="AX35" s="195">
        <v>5</v>
      </c>
      <c r="AY35" s="198">
        <v>44</v>
      </c>
      <c r="AZ35" s="199">
        <v>44</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0</v>
      </c>
      <c r="CU35" s="197">
        <v>0</v>
      </c>
      <c r="CV35" s="195">
        <v>1</v>
      </c>
      <c r="CW35" s="198">
        <v>1</v>
      </c>
      <c r="CX35" s="199">
        <v>1</v>
      </c>
      <c r="CY35" s="194">
        <v>0</v>
      </c>
      <c r="CZ35" s="195">
        <v>0</v>
      </c>
      <c r="DA35" s="195">
        <v>0</v>
      </c>
      <c r="DB35" s="196">
        <v>0</v>
      </c>
      <c r="DC35" s="197">
        <v>0</v>
      </c>
      <c r="DD35" s="197">
        <v>0</v>
      </c>
      <c r="DE35" s="197">
        <v>0</v>
      </c>
      <c r="DF35" s="195">
        <v>1</v>
      </c>
      <c r="DG35" s="198">
        <v>1</v>
      </c>
      <c r="DH35" s="200">
        <v>1</v>
      </c>
      <c r="DI35" s="201">
        <v>0</v>
      </c>
      <c r="DJ35" s="195">
        <v>0</v>
      </c>
      <c r="DK35" s="195">
        <v>0</v>
      </c>
      <c r="DL35" s="196">
        <v>0</v>
      </c>
      <c r="DM35" s="197">
        <v>0</v>
      </c>
      <c r="DN35" s="197">
        <v>0</v>
      </c>
      <c r="DO35" s="197">
        <v>0</v>
      </c>
      <c r="DP35" s="195">
        <v>0</v>
      </c>
      <c r="DQ35" s="198">
        <v>0</v>
      </c>
      <c r="DR35" s="200">
        <v>0</v>
      </c>
      <c r="DS35" s="201">
        <v>0</v>
      </c>
      <c r="DT35" s="195">
        <v>0</v>
      </c>
      <c r="DU35" s="195">
        <v>0</v>
      </c>
      <c r="DV35" s="196">
        <v>3</v>
      </c>
      <c r="DW35" s="197">
        <v>10</v>
      </c>
      <c r="DX35" s="197">
        <v>24</v>
      </c>
      <c r="DY35" s="197">
        <v>36</v>
      </c>
      <c r="DZ35" s="195">
        <v>17</v>
      </c>
      <c r="EA35" s="198">
        <v>90</v>
      </c>
      <c r="EB35" s="200">
        <v>90</v>
      </c>
      <c r="EC35" s="37"/>
    </row>
    <row r="36" spans="2:133" ht="21" customHeight="1" x14ac:dyDescent="0.2">
      <c r="B36" s="62" t="s">
        <v>33</v>
      </c>
      <c r="C36" s="194">
        <v>0</v>
      </c>
      <c r="D36" s="195">
        <v>0</v>
      </c>
      <c r="E36" s="195">
        <v>0</v>
      </c>
      <c r="F36" s="196">
        <v>0</v>
      </c>
      <c r="G36" s="197">
        <v>5</v>
      </c>
      <c r="H36" s="197">
        <v>23</v>
      </c>
      <c r="I36" s="197">
        <v>37</v>
      </c>
      <c r="J36" s="195">
        <v>21</v>
      </c>
      <c r="K36" s="198">
        <v>86</v>
      </c>
      <c r="L36" s="199">
        <v>86</v>
      </c>
      <c r="M36" s="194">
        <v>0</v>
      </c>
      <c r="N36" s="195">
        <v>0</v>
      </c>
      <c r="O36" s="198">
        <v>0</v>
      </c>
      <c r="P36" s="196">
        <v>0</v>
      </c>
      <c r="Q36" s="197">
        <v>5</v>
      </c>
      <c r="R36" s="197">
        <v>23</v>
      </c>
      <c r="S36" s="197">
        <v>37</v>
      </c>
      <c r="T36" s="195">
        <v>21</v>
      </c>
      <c r="U36" s="198">
        <v>86</v>
      </c>
      <c r="V36" s="200">
        <v>86</v>
      </c>
      <c r="W36" s="201">
        <v>0</v>
      </c>
      <c r="X36" s="195">
        <v>0</v>
      </c>
      <c r="Y36" s="198">
        <v>0</v>
      </c>
      <c r="Z36" s="201">
        <v>0</v>
      </c>
      <c r="AA36" s="197">
        <v>0</v>
      </c>
      <c r="AB36" s="197">
        <v>0</v>
      </c>
      <c r="AC36" s="197">
        <v>0</v>
      </c>
      <c r="AD36" s="195">
        <v>0</v>
      </c>
      <c r="AE36" s="198">
        <v>0</v>
      </c>
      <c r="AF36" s="202">
        <v>0</v>
      </c>
      <c r="AG36" s="201">
        <v>0</v>
      </c>
      <c r="AH36" s="195">
        <v>0</v>
      </c>
      <c r="AI36" s="198">
        <v>0</v>
      </c>
      <c r="AJ36" s="201">
        <v>9</v>
      </c>
      <c r="AK36" s="197">
        <v>8</v>
      </c>
      <c r="AL36" s="197">
        <v>11</v>
      </c>
      <c r="AM36" s="197">
        <v>14</v>
      </c>
      <c r="AN36" s="195">
        <v>3</v>
      </c>
      <c r="AO36" s="198">
        <v>45</v>
      </c>
      <c r="AP36" s="202">
        <v>45</v>
      </c>
      <c r="AQ36" s="201">
        <v>0</v>
      </c>
      <c r="AR36" s="195">
        <v>0</v>
      </c>
      <c r="AS36" s="198">
        <v>0</v>
      </c>
      <c r="AT36" s="196">
        <v>9</v>
      </c>
      <c r="AU36" s="197">
        <v>8</v>
      </c>
      <c r="AV36" s="197">
        <v>11</v>
      </c>
      <c r="AW36" s="197">
        <v>14</v>
      </c>
      <c r="AX36" s="195">
        <v>3</v>
      </c>
      <c r="AY36" s="198">
        <v>45</v>
      </c>
      <c r="AZ36" s="199">
        <v>45</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3</v>
      </c>
      <c r="CS36" s="197">
        <v>6</v>
      </c>
      <c r="CT36" s="197">
        <v>7</v>
      </c>
      <c r="CU36" s="197">
        <v>6</v>
      </c>
      <c r="CV36" s="195">
        <v>9</v>
      </c>
      <c r="CW36" s="198">
        <v>31</v>
      </c>
      <c r="CX36" s="199">
        <v>31</v>
      </c>
      <c r="CY36" s="194">
        <v>0</v>
      </c>
      <c r="CZ36" s="195">
        <v>0</v>
      </c>
      <c r="DA36" s="195">
        <v>0</v>
      </c>
      <c r="DB36" s="196">
        <v>3</v>
      </c>
      <c r="DC36" s="197">
        <v>6</v>
      </c>
      <c r="DD36" s="197">
        <v>7</v>
      </c>
      <c r="DE36" s="197">
        <v>6</v>
      </c>
      <c r="DF36" s="195">
        <v>9</v>
      </c>
      <c r="DG36" s="198">
        <v>31</v>
      </c>
      <c r="DH36" s="200">
        <v>31</v>
      </c>
      <c r="DI36" s="201">
        <v>0</v>
      </c>
      <c r="DJ36" s="195">
        <v>0</v>
      </c>
      <c r="DK36" s="195">
        <v>0</v>
      </c>
      <c r="DL36" s="196">
        <v>0</v>
      </c>
      <c r="DM36" s="197">
        <v>0</v>
      </c>
      <c r="DN36" s="197">
        <v>0</v>
      </c>
      <c r="DO36" s="197">
        <v>0</v>
      </c>
      <c r="DP36" s="195">
        <v>0</v>
      </c>
      <c r="DQ36" s="198">
        <v>0</v>
      </c>
      <c r="DR36" s="200">
        <v>0</v>
      </c>
      <c r="DS36" s="201">
        <v>0</v>
      </c>
      <c r="DT36" s="195">
        <v>0</v>
      </c>
      <c r="DU36" s="195">
        <v>0</v>
      </c>
      <c r="DV36" s="196">
        <v>12</v>
      </c>
      <c r="DW36" s="197">
        <v>19</v>
      </c>
      <c r="DX36" s="197">
        <v>41</v>
      </c>
      <c r="DY36" s="197">
        <v>57</v>
      </c>
      <c r="DZ36" s="195">
        <v>33</v>
      </c>
      <c r="EA36" s="198">
        <v>162</v>
      </c>
      <c r="EB36" s="200">
        <v>162</v>
      </c>
      <c r="EC36" s="37"/>
    </row>
    <row r="37" spans="2:133" ht="21" customHeight="1" x14ac:dyDescent="0.2">
      <c r="B37" s="62" t="s">
        <v>34</v>
      </c>
      <c r="C37" s="194">
        <v>0</v>
      </c>
      <c r="D37" s="195">
        <v>0</v>
      </c>
      <c r="E37" s="195">
        <v>0</v>
      </c>
      <c r="F37" s="196">
        <v>0</v>
      </c>
      <c r="G37" s="197">
        <v>0</v>
      </c>
      <c r="H37" s="197">
        <v>6</v>
      </c>
      <c r="I37" s="197">
        <v>24</v>
      </c>
      <c r="J37" s="195">
        <v>13</v>
      </c>
      <c r="K37" s="198">
        <v>43</v>
      </c>
      <c r="L37" s="199">
        <v>43</v>
      </c>
      <c r="M37" s="194">
        <v>0</v>
      </c>
      <c r="N37" s="195">
        <v>0</v>
      </c>
      <c r="O37" s="198">
        <v>0</v>
      </c>
      <c r="P37" s="196">
        <v>0</v>
      </c>
      <c r="Q37" s="197">
        <v>0</v>
      </c>
      <c r="R37" s="197">
        <v>6</v>
      </c>
      <c r="S37" s="197">
        <v>24</v>
      </c>
      <c r="T37" s="195">
        <v>13</v>
      </c>
      <c r="U37" s="198">
        <v>43</v>
      </c>
      <c r="V37" s="200">
        <v>43</v>
      </c>
      <c r="W37" s="201">
        <v>0</v>
      </c>
      <c r="X37" s="195">
        <v>0</v>
      </c>
      <c r="Y37" s="198">
        <v>0</v>
      </c>
      <c r="Z37" s="201">
        <v>0</v>
      </c>
      <c r="AA37" s="197">
        <v>0</v>
      </c>
      <c r="AB37" s="197">
        <v>0</v>
      </c>
      <c r="AC37" s="197">
        <v>0</v>
      </c>
      <c r="AD37" s="195">
        <v>0</v>
      </c>
      <c r="AE37" s="198">
        <v>0</v>
      </c>
      <c r="AF37" s="202">
        <v>0</v>
      </c>
      <c r="AG37" s="201">
        <v>0</v>
      </c>
      <c r="AH37" s="195">
        <v>0</v>
      </c>
      <c r="AI37" s="198">
        <v>0</v>
      </c>
      <c r="AJ37" s="201">
        <v>4</v>
      </c>
      <c r="AK37" s="197">
        <v>10</v>
      </c>
      <c r="AL37" s="197">
        <v>12</v>
      </c>
      <c r="AM37" s="197">
        <v>12</v>
      </c>
      <c r="AN37" s="195">
        <v>6</v>
      </c>
      <c r="AO37" s="198">
        <v>44</v>
      </c>
      <c r="AP37" s="202">
        <v>44</v>
      </c>
      <c r="AQ37" s="201">
        <v>0</v>
      </c>
      <c r="AR37" s="195">
        <v>0</v>
      </c>
      <c r="AS37" s="198">
        <v>0</v>
      </c>
      <c r="AT37" s="196">
        <v>4</v>
      </c>
      <c r="AU37" s="197">
        <v>10</v>
      </c>
      <c r="AV37" s="197">
        <v>12</v>
      </c>
      <c r="AW37" s="197">
        <v>12</v>
      </c>
      <c r="AX37" s="195">
        <v>6</v>
      </c>
      <c r="AY37" s="198">
        <v>44</v>
      </c>
      <c r="AZ37" s="199">
        <v>44</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1</v>
      </c>
      <c r="CT37" s="197">
        <v>0</v>
      </c>
      <c r="CU37" s="197">
        <v>0</v>
      </c>
      <c r="CV37" s="195">
        <v>0</v>
      </c>
      <c r="CW37" s="198">
        <v>1</v>
      </c>
      <c r="CX37" s="199">
        <v>1</v>
      </c>
      <c r="CY37" s="194">
        <v>0</v>
      </c>
      <c r="CZ37" s="195">
        <v>0</v>
      </c>
      <c r="DA37" s="195">
        <v>0</v>
      </c>
      <c r="DB37" s="196">
        <v>0</v>
      </c>
      <c r="DC37" s="197">
        <v>1</v>
      </c>
      <c r="DD37" s="197">
        <v>0</v>
      </c>
      <c r="DE37" s="197">
        <v>0</v>
      </c>
      <c r="DF37" s="195">
        <v>0</v>
      </c>
      <c r="DG37" s="198">
        <v>1</v>
      </c>
      <c r="DH37" s="200">
        <v>1</v>
      </c>
      <c r="DI37" s="201">
        <v>0</v>
      </c>
      <c r="DJ37" s="195">
        <v>0</v>
      </c>
      <c r="DK37" s="195">
        <v>0</v>
      </c>
      <c r="DL37" s="196">
        <v>0</v>
      </c>
      <c r="DM37" s="197">
        <v>0</v>
      </c>
      <c r="DN37" s="197">
        <v>0</v>
      </c>
      <c r="DO37" s="197">
        <v>0</v>
      </c>
      <c r="DP37" s="195">
        <v>0</v>
      </c>
      <c r="DQ37" s="198">
        <v>0</v>
      </c>
      <c r="DR37" s="200">
        <v>0</v>
      </c>
      <c r="DS37" s="201">
        <v>0</v>
      </c>
      <c r="DT37" s="195">
        <v>0</v>
      </c>
      <c r="DU37" s="195">
        <v>0</v>
      </c>
      <c r="DV37" s="196">
        <v>4</v>
      </c>
      <c r="DW37" s="197">
        <v>11</v>
      </c>
      <c r="DX37" s="197">
        <v>18</v>
      </c>
      <c r="DY37" s="197">
        <v>36</v>
      </c>
      <c r="DZ37" s="195">
        <v>19</v>
      </c>
      <c r="EA37" s="198">
        <v>88</v>
      </c>
      <c r="EB37" s="200">
        <v>88</v>
      </c>
      <c r="EC37" s="37"/>
    </row>
    <row r="38" spans="2:133" ht="21" customHeight="1" x14ac:dyDescent="0.2">
      <c r="B38" s="62" t="s">
        <v>35</v>
      </c>
      <c r="C38" s="194">
        <v>0</v>
      </c>
      <c r="D38" s="195">
        <v>0</v>
      </c>
      <c r="E38" s="195">
        <v>0</v>
      </c>
      <c r="F38" s="196">
        <v>1</v>
      </c>
      <c r="G38" s="197">
        <v>2</v>
      </c>
      <c r="H38" s="197">
        <v>25</v>
      </c>
      <c r="I38" s="197">
        <v>51</v>
      </c>
      <c r="J38" s="195">
        <v>33</v>
      </c>
      <c r="K38" s="198">
        <v>112</v>
      </c>
      <c r="L38" s="199">
        <v>112</v>
      </c>
      <c r="M38" s="194">
        <v>0</v>
      </c>
      <c r="N38" s="195">
        <v>0</v>
      </c>
      <c r="O38" s="198">
        <v>0</v>
      </c>
      <c r="P38" s="196">
        <v>1</v>
      </c>
      <c r="Q38" s="197">
        <v>2</v>
      </c>
      <c r="R38" s="197">
        <v>25</v>
      </c>
      <c r="S38" s="197">
        <v>51</v>
      </c>
      <c r="T38" s="195">
        <v>33</v>
      </c>
      <c r="U38" s="198">
        <v>112</v>
      </c>
      <c r="V38" s="200">
        <v>112</v>
      </c>
      <c r="W38" s="201">
        <v>0</v>
      </c>
      <c r="X38" s="195">
        <v>0</v>
      </c>
      <c r="Y38" s="198">
        <v>0</v>
      </c>
      <c r="Z38" s="201">
        <v>0</v>
      </c>
      <c r="AA38" s="197">
        <v>0</v>
      </c>
      <c r="AB38" s="197">
        <v>0</v>
      </c>
      <c r="AC38" s="197">
        <v>0</v>
      </c>
      <c r="AD38" s="195">
        <v>0</v>
      </c>
      <c r="AE38" s="198">
        <v>0</v>
      </c>
      <c r="AF38" s="202">
        <v>0</v>
      </c>
      <c r="AG38" s="201">
        <v>0</v>
      </c>
      <c r="AH38" s="195">
        <v>0</v>
      </c>
      <c r="AI38" s="198">
        <v>0</v>
      </c>
      <c r="AJ38" s="201">
        <v>16</v>
      </c>
      <c r="AK38" s="197">
        <v>32</v>
      </c>
      <c r="AL38" s="197">
        <v>26</v>
      </c>
      <c r="AM38" s="197">
        <v>17</v>
      </c>
      <c r="AN38" s="195">
        <v>8</v>
      </c>
      <c r="AO38" s="198">
        <v>99</v>
      </c>
      <c r="AP38" s="202">
        <v>99</v>
      </c>
      <c r="AQ38" s="201">
        <v>0</v>
      </c>
      <c r="AR38" s="195">
        <v>0</v>
      </c>
      <c r="AS38" s="198">
        <v>0</v>
      </c>
      <c r="AT38" s="196">
        <v>16</v>
      </c>
      <c r="AU38" s="197">
        <v>32</v>
      </c>
      <c r="AV38" s="197">
        <v>26</v>
      </c>
      <c r="AW38" s="197">
        <v>16</v>
      </c>
      <c r="AX38" s="195">
        <v>8</v>
      </c>
      <c r="AY38" s="198">
        <v>98</v>
      </c>
      <c r="AZ38" s="199">
        <v>98</v>
      </c>
      <c r="BA38" s="194">
        <v>0</v>
      </c>
      <c r="BB38" s="195">
        <v>0</v>
      </c>
      <c r="BC38" s="195">
        <v>0</v>
      </c>
      <c r="BD38" s="196">
        <v>0</v>
      </c>
      <c r="BE38" s="197">
        <v>0</v>
      </c>
      <c r="BF38" s="197">
        <v>0</v>
      </c>
      <c r="BG38" s="197">
        <v>1</v>
      </c>
      <c r="BH38" s="195">
        <v>0</v>
      </c>
      <c r="BI38" s="198">
        <v>1</v>
      </c>
      <c r="BJ38" s="200">
        <v>1</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4</v>
      </c>
      <c r="CS38" s="197">
        <v>2</v>
      </c>
      <c r="CT38" s="197">
        <v>5</v>
      </c>
      <c r="CU38" s="197">
        <v>8</v>
      </c>
      <c r="CV38" s="195">
        <v>10</v>
      </c>
      <c r="CW38" s="198">
        <v>29</v>
      </c>
      <c r="CX38" s="199">
        <v>29</v>
      </c>
      <c r="CY38" s="194">
        <v>0</v>
      </c>
      <c r="CZ38" s="195">
        <v>0</v>
      </c>
      <c r="DA38" s="195">
        <v>0</v>
      </c>
      <c r="DB38" s="196">
        <v>4</v>
      </c>
      <c r="DC38" s="197">
        <v>1</v>
      </c>
      <c r="DD38" s="197">
        <v>5</v>
      </c>
      <c r="DE38" s="197">
        <v>8</v>
      </c>
      <c r="DF38" s="195">
        <v>9</v>
      </c>
      <c r="DG38" s="198">
        <v>27</v>
      </c>
      <c r="DH38" s="200">
        <v>27</v>
      </c>
      <c r="DI38" s="201">
        <v>0</v>
      </c>
      <c r="DJ38" s="195">
        <v>0</v>
      </c>
      <c r="DK38" s="195">
        <v>0</v>
      </c>
      <c r="DL38" s="196">
        <v>0</v>
      </c>
      <c r="DM38" s="197">
        <v>1</v>
      </c>
      <c r="DN38" s="197">
        <v>0</v>
      </c>
      <c r="DO38" s="197">
        <v>0</v>
      </c>
      <c r="DP38" s="195">
        <v>1</v>
      </c>
      <c r="DQ38" s="198">
        <v>2</v>
      </c>
      <c r="DR38" s="200">
        <v>2</v>
      </c>
      <c r="DS38" s="201">
        <v>0</v>
      </c>
      <c r="DT38" s="195">
        <v>0</v>
      </c>
      <c r="DU38" s="195">
        <v>0</v>
      </c>
      <c r="DV38" s="196">
        <v>21</v>
      </c>
      <c r="DW38" s="197">
        <v>36</v>
      </c>
      <c r="DX38" s="197">
        <v>56</v>
      </c>
      <c r="DY38" s="197">
        <v>75</v>
      </c>
      <c r="DZ38" s="195">
        <v>50</v>
      </c>
      <c r="EA38" s="198">
        <v>238</v>
      </c>
      <c r="EB38" s="200">
        <v>238</v>
      </c>
      <c r="EC38" s="37"/>
    </row>
    <row r="39" spans="2:133" ht="21" customHeight="1" x14ac:dyDescent="0.2">
      <c r="B39" s="62" t="s">
        <v>36</v>
      </c>
      <c r="C39" s="194">
        <v>0</v>
      </c>
      <c r="D39" s="195">
        <v>0</v>
      </c>
      <c r="E39" s="195">
        <v>0</v>
      </c>
      <c r="F39" s="196">
        <v>0</v>
      </c>
      <c r="G39" s="197">
        <v>3</v>
      </c>
      <c r="H39" s="197">
        <v>51</v>
      </c>
      <c r="I39" s="197">
        <v>80</v>
      </c>
      <c r="J39" s="195">
        <v>72</v>
      </c>
      <c r="K39" s="198">
        <v>206</v>
      </c>
      <c r="L39" s="199">
        <v>206</v>
      </c>
      <c r="M39" s="194">
        <v>0</v>
      </c>
      <c r="N39" s="195">
        <v>0</v>
      </c>
      <c r="O39" s="198">
        <v>0</v>
      </c>
      <c r="P39" s="196">
        <v>0</v>
      </c>
      <c r="Q39" s="197">
        <v>3</v>
      </c>
      <c r="R39" s="197">
        <v>51</v>
      </c>
      <c r="S39" s="197">
        <v>75</v>
      </c>
      <c r="T39" s="195">
        <v>71</v>
      </c>
      <c r="U39" s="198">
        <v>200</v>
      </c>
      <c r="V39" s="200">
        <v>200</v>
      </c>
      <c r="W39" s="201">
        <v>0</v>
      </c>
      <c r="X39" s="195">
        <v>0</v>
      </c>
      <c r="Y39" s="198">
        <v>0</v>
      </c>
      <c r="Z39" s="201">
        <v>0</v>
      </c>
      <c r="AA39" s="197">
        <v>0</v>
      </c>
      <c r="AB39" s="197">
        <v>0</v>
      </c>
      <c r="AC39" s="197">
        <v>5</v>
      </c>
      <c r="AD39" s="195">
        <v>1</v>
      </c>
      <c r="AE39" s="198">
        <v>6</v>
      </c>
      <c r="AF39" s="202">
        <v>6</v>
      </c>
      <c r="AG39" s="201">
        <v>0</v>
      </c>
      <c r="AH39" s="195">
        <v>0</v>
      </c>
      <c r="AI39" s="198">
        <v>0</v>
      </c>
      <c r="AJ39" s="201">
        <v>23</v>
      </c>
      <c r="AK39" s="197">
        <v>25</v>
      </c>
      <c r="AL39" s="197">
        <v>43</v>
      </c>
      <c r="AM39" s="197">
        <v>40</v>
      </c>
      <c r="AN39" s="195">
        <v>22</v>
      </c>
      <c r="AO39" s="198">
        <v>153</v>
      </c>
      <c r="AP39" s="202">
        <v>153</v>
      </c>
      <c r="AQ39" s="201">
        <v>0</v>
      </c>
      <c r="AR39" s="195">
        <v>0</v>
      </c>
      <c r="AS39" s="198">
        <v>0</v>
      </c>
      <c r="AT39" s="196">
        <v>23</v>
      </c>
      <c r="AU39" s="197">
        <v>25</v>
      </c>
      <c r="AV39" s="197">
        <v>42</v>
      </c>
      <c r="AW39" s="197">
        <v>38</v>
      </c>
      <c r="AX39" s="195">
        <v>21</v>
      </c>
      <c r="AY39" s="198">
        <v>149</v>
      </c>
      <c r="AZ39" s="199">
        <v>149</v>
      </c>
      <c r="BA39" s="194">
        <v>0</v>
      </c>
      <c r="BB39" s="195">
        <v>0</v>
      </c>
      <c r="BC39" s="195">
        <v>0</v>
      </c>
      <c r="BD39" s="196">
        <v>0</v>
      </c>
      <c r="BE39" s="197">
        <v>0</v>
      </c>
      <c r="BF39" s="197">
        <v>1</v>
      </c>
      <c r="BG39" s="197">
        <v>2</v>
      </c>
      <c r="BH39" s="195">
        <v>1</v>
      </c>
      <c r="BI39" s="198">
        <v>4</v>
      </c>
      <c r="BJ39" s="200">
        <v>4</v>
      </c>
      <c r="BK39" s="201">
        <v>0</v>
      </c>
      <c r="BL39" s="195">
        <v>0</v>
      </c>
      <c r="BM39" s="195">
        <v>0</v>
      </c>
      <c r="BN39" s="196">
        <v>0</v>
      </c>
      <c r="BO39" s="197">
        <v>0</v>
      </c>
      <c r="BP39" s="197">
        <v>0</v>
      </c>
      <c r="BQ39" s="197">
        <v>2</v>
      </c>
      <c r="BR39" s="195">
        <v>1</v>
      </c>
      <c r="BS39" s="198">
        <v>3</v>
      </c>
      <c r="BT39" s="199">
        <v>3</v>
      </c>
      <c r="BU39" s="194">
        <v>0</v>
      </c>
      <c r="BV39" s="195">
        <v>0</v>
      </c>
      <c r="BW39" s="195">
        <v>0</v>
      </c>
      <c r="BX39" s="196">
        <v>0</v>
      </c>
      <c r="BY39" s="197">
        <v>0</v>
      </c>
      <c r="BZ39" s="197">
        <v>0</v>
      </c>
      <c r="CA39" s="197">
        <v>2</v>
      </c>
      <c r="CB39" s="195">
        <v>1</v>
      </c>
      <c r="CC39" s="198">
        <v>3</v>
      </c>
      <c r="CD39" s="200">
        <v>3</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5</v>
      </c>
      <c r="CV39" s="195">
        <v>1</v>
      </c>
      <c r="CW39" s="198">
        <v>6</v>
      </c>
      <c r="CX39" s="199">
        <v>6</v>
      </c>
      <c r="CY39" s="194">
        <v>0</v>
      </c>
      <c r="CZ39" s="195">
        <v>0</v>
      </c>
      <c r="DA39" s="195">
        <v>0</v>
      </c>
      <c r="DB39" s="196">
        <v>0</v>
      </c>
      <c r="DC39" s="197">
        <v>0</v>
      </c>
      <c r="DD39" s="197">
        <v>0</v>
      </c>
      <c r="DE39" s="197">
        <v>4</v>
      </c>
      <c r="DF39" s="195">
        <v>1</v>
      </c>
      <c r="DG39" s="198">
        <v>5</v>
      </c>
      <c r="DH39" s="200">
        <v>5</v>
      </c>
      <c r="DI39" s="201">
        <v>0</v>
      </c>
      <c r="DJ39" s="195">
        <v>0</v>
      </c>
      <c r="DK39" s="195">
        <v>0</v>
      </c>
      <c r="DL39" s="196">
        <v>0</v>
      </c>
      <c r="DM39" s="197">
        <v>0</v>
      </c>
      <c r="DN39" s="197">
        <v>0</v>
      </c>
      <c r="DO39" s="197">
        <v>1</v>
      </c>
      <c r="DP39" s="195">
        <v>0</v>
      </c>
      <c r="DQ39" s="198">
        <v>1</v>
      </c>
      <c r="DR39" s="200">
        <v>1</v>
      </c>
      <c r="DS39" s="201">
        <v>0</v>
      </c>
      <c r="DT39" s="195">
        <v>0</v>
      </c>
      <c r="DU39" s="195">
        <v>0</v>
      </c>
      <c r="DV39" s="196">
        <v>23</v>
      </c>
      <c r="DW39" s="197">
        <v>28</v>
      </c>
      <c r="DX39" s="197">
        <v>94</v>
      </c>
      <c r="DY39" s="197">
        <v>125</v>
      </c>
      <c r="DZ39" s="195">
        <v>96</v>
      </c>
      <c r="EA39" s="198">
        <v>366</v>
      </c>
      <c r="EB39" s="200">
        <v>366</v>
      </c>
      <c r="EC39" s="37"/>
    </row>
    <row r="40" spans="2:133" ht="21" customHeight="1" thickBot="1" x14ac:dyDescent="0.25">
      <c r="B40" s="63" t="s">
        <v>37</v>
      </c>
      <c r="C40" s="203">
        <v>0</v>
      </c>
      <c r="D40" s="204">
        <v>0</v>
      </c>
      <c r="E40" s="204">
        <v>0</v>
      </c>
      <c r="F40" s="205">
        <v>0</v>
      </c>
      <c r="G40" s="206">
        <v>0</v>
      </c>
      <c r="H40" s="206">
        <v>9</v>
      </c>
      <c r="I40" s="206">
        <v>7</v>
      </c>
      <c r="J40" s="204">
        <v>6</v>
      </c>
      <c r="K40" s="207">
        <v>22</v>
      </c>
      <c r="L40" s="208">
        <v>22</v>
      </c>
      <c r="M40" s="203">
        <v>0</v>
      </c>
      <c r="N40" s="204">
        <v>0</v>
      </c>
      <c r="O40" s="207">
        <v>0</v>
      </c>
      <c r="P40" s="205">
        <v>0</v>
      </c>
      <c r="Q40" s="206">
        <v>0</v>
      </c>
      <c r="R40" s="206">
        <v>9</v>
      </c>
      <c r="S40" s="206">
        <v>7</v>
      </c>
      <c r="T40" s="204">
        <v>6</v>
      </c>
      <c r="U40" s="207">
        <v>22</v>
      </c>
      <c r="V40" s="209">
        <v>22</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0</v>
      </c>
      <c r="AL40" s="206">
        <v>5</v>
      </c>
      <c r="AM40" s="206">
        <v>3</v>
      </c>
      <c r="AN40" s="204">
        <v>1</v>
      </c>
      <c r="AO40" s="207">
        <v>11</v>
      </c>
      <c r="AP40" s="211">
        <v>11</v>
      </c>
      <c r="AQ40" s="210">
        <v>0</v>
      </c>
      <c r="AR40" s="204">
        <v>0</v>
      </c>
      <c r="AS40" s="207">
        <v>0</v>
      </c>
      <c r="AT40" s="205">
        <v>2</v>
      </c>
      <c r="AU40" s="206">
        <v>0</v>
      </c>
      <c r="AV40" s="206">
        <v>5</v>
      </c>
      <c r="AW40" s="206">
        <v>3</v>
      </c>
      <c r="AX40" s="204">
        <v>1</v>
      </c>
      <c r="AY40" s="207">
        <v>11</v>
      </c>
      <c r="AZ40" s="208">
        <v>11</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1</v>
      </c>
      <c r="BR40" s="204">
        <v>0</v>
      </c>
      <c r="BS40" s="207">
        <v>1</v>
      </c>
      <c r="BT40" s="208">
        <v>1</v>
      </c>
      <c r="BU40" s="203">
        <v>0</v>
      </c>
      <c r="BV40" s="204">
        <v>0</v>
      </c>
      <c r="BW40" s="204">
        <v>0</v>
      </c>
      <c r="BX40" s="205">
        <v>0</v>
      </c>
      <c r="BY40" s="206">
        <v>0</v>
      </c>
      <c r="BZ40" s="206">
        <v>0</v>
      </c>
      <c r="CA40" s="206">
        <v>1</v>
      </c>
      <c r="CB40" s="204">
        <v>0</v>
      </c>
      <c r="CC40" s="207">
        <v>1</v>
      </c>
      <c r="CD40" s="209">
        <v>1</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1</v>
      </c>
      <c r="CW40" s="207">
        <v>1</v>
      </c>
      <c r="CX40" s="208">
        <v>1</v>
      </c>
      <c r="CY40" s="203">
        <v>0</v>
      </c>
      <c r="CZ40" s="204">
        <v>0</v>
      </c>
      <c r="DA40" s="204">
        <v>0</v>
      </c>
      <c r="DB40" s="205">
        <v>0</v>
      </c>
      <c r="DC40" s="206">
        <v>0</v>
      </c>
      <c r="DD40" s="206">
        <v>0</v>
      </c>
      <c r="DE40" s="206">
        <v>0</v>
      </c>
      <c r="DF40" s="204">
        <v>1</v>
      </c>
      <c r="DG40" s="207">
        <v>1</v>
      </c>
      <c r="DH40" s="209">
        <v>1</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0</v>
      </c>
      <c r="DX40" s="206">
        <v>14</v>
      </c>
      <c r="DY40" s="206">
        <v>11</v>
      </c>
      <c r="DZ40" s="204">
        <v>8</v>
      </c>
      <c r="EA40" s="207">
        <v>35</v>
      </c>
      <c r="EB40" s="209">
        <v>35</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4">
        <f>第１表!F2</f>
        <v>4</v>
      </c>
      <c r="G1" s="524"/>
      <c r="H1" s="248">
        <f>第１表!G2</f>
        <v>11</v>
      </c>
      <c r="I1" s="506">
        <f>H1</f>
        <v>11</v>
      </c>
      <c r="J1" s="506"/>
    </row>
    <row r="2" spans="2:299" ht="24" customHeight="1" thickBot="1" x14ac:dyDescent="0.25">
      <c r="B2" s="20" t="s">
        <v>130</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20024</v>
      </c>
      <c r="D7" s="78">
        <v>19863</v>
      </c>
      <c r="E7" s="79">
        <v>39887</v>
      </c>
      <c r="F7" s="240"/>
      <c r="G7" s="78">
        <v>30310</v>
      </c>
      <c r="H7" s="78">
        <v>29260</v>
      </c>
      <c r="I7" s="78">
        <v>20389</v>
      </c>
      <c r="J7" s="78">
        <v>17024</v>
      </c>
      <c r="K7" s="78">
        <v>10646</v>
      </c>
      <c r="L7" s="80">
        <v>107629</v>
      </c>
      <c r="M7" s="81">
        <v>147516</v>
      </c>
      <c r="N7" s="66">
        <v>853</v>
      </c>
      <c r="O7" s="67">
        <v>1028</v>
      </c>
      <c r="P7" s="68">
        <v>1881</v>
      </c>
      <c r="Q7" s="243"/>
      <c r="R7" s="67">
        <v>1337</v>
      </c>
      <c r="S7" s="67">
        <v>1592</v>
      </c>
      <c r="T7" s="67">
        <v>1002</v>
      </c>
      <c r="U7" s="67">
        <v>941</v>
      </c>
      <c r="V7" s="67">
        <v>770</v>
      </c>
      <c r="W7" s="68">
        <v>5642</v>
      </c>
      <c r="X7" s="69">
        <v>7523</v>
      </c>
      <c r="Y7" s="66">
        <v>2058</v>
      </c>
      <c r="Z7" s="67">
        <v>2338</v>
      </c>
      <c r="AA7" s="68">
        <v>4396</v>
      </c>
      <c r="AB7" s="243"/>
      <c r="AC7" s="67">
        <v>3101</v>
      </c>
      <c r="AD7" s="67">
        <v>3492</v>
      </c>
      <c r="AE7" s="67">
        <v>2455</v>
      </c>
      <c r="AF7" s="67">
        <v>2066</v>
      </c>
      <c r="AG7" s="67">
        <v>1539</v>
      </c>
      <c r="AH7" s="68">
        <v>12653</v>
      </c>
      <c r="AI7" s="69">
        <v>17049</v>
      </c>
      <c r="AJ7" s="66">
        <v>3060</v>
      </c>
      <c r="AK7" s="67">
        <v>3302</v>
      </c>
      <c r="AL7" s="68">
        <v>6362</v>
      </c>
      <c r="AM7" s="243"/>
      <c r="AN7" s="67">
        <v>4862</v>
      </c>
      <c r="AO7" s="67">
        <v>4796</v>
      </c>
      <c r="AP7" s="67">
        <v>3304</v>
      </c>
      <c r="AQ7" s="67">
        <v>2807</v>
      </c>
      <c r="AR7" s="67">
        <v>1959</v>
      </c>
      <c r="AS7" s="68">
        <v>17728</v>
      </c>
      <c r="AT7" s="69">
        <v>24090</v>
      </c>
      <c r="AU7" s="66">
        <v>5128</v>
      </c>
      <c r="AV7" s="67">
        <v>4855</v>
      </c>
      <c r="AW7" s="68">
        <v>9983</v>
      </c>
      <c r="AX7" s="243"/>
      <c r="AY7" s="67">
        <v>7695</v>
      </c>
      <c r="AZ7" s="67">
        <v>6805</v>
      </c>
      <c r="BA7" s="67">
        <v>4660</v>
      </c>
      <c r="BB7" s="67">
        <v>3773</v>
      </c>
      <c r="BC7" s="67">
        <v>2454</v>
      </c>
      <c r="BD7" s="68">
        <v>25387</v>
      </c>
      <c r="BE7" s="69">
        <v>35370</v>
      </c>
      <c r="BF7" s="66">
        <v>5619</v>
      </c>
      <c r="BG7" s="67">
        <v>5141</v>
      </c>
      <c r="BH7" s="68">
        <v>10760</v>
      </c>
      <c r="BI7" s="243"/>
      <c r="BJ7" s="67">
        <v>7969</v>
      </c>
      <c r="BK7" s="67">
        <v>7103</v>
      </c>
      <c r="BL7" s="67">
        <v>5034</v>
      </c>
      <c r="BM7" s="67">
        <v>4109</v>
      </c>
      <c r="BN7" s="67">
        <v>2258</v>
      </c>
      <c r="BO7" s="68">
        <v>26473</v>
      </c>
      <c r="BP7" s="69">
        <v>37233</v>
      </c>
      <c r="BQ7" s="66">
        <v>3306</v>
      </c>
      <c r="BR7" s="67">
        <v>3199</v>
      </c>
      <c r="BS7" s="68">
        <v>6505</v>
      </c>
      <c r="BT7" s="243"/>
      <c r="BU7" s="67">
        <v>5346</v>
      </c>
      <c r="BV7" s="67">
        <v>5472</v>
      </c>
      <c r="BW7" s="67">
        <v>3934</v>
      </c>
      <c r="BX7" s="67">
        <v>3328</v>
      </c>
      <c r="BY7" s="67">
        <v>1666</v>
      </c>
      <c r="BZ7" s="68">
        <v>19746</v>
      </c>
      <c r="CA7" s="69">
        <v>26251</v>
      </c>
      <c r="CB7" s="66">
        <v>481</v>
      </c>
      <c r="CC7" s="67">
        <v>763</v>
      </c>
      <c r="CD7" s="68">
        <v>1244</v>
      </c>
      <c r="CE7" s="243"/>
      <c r="CF7" s="67">
        <v>900</v>
      </c>
      <c r="CG7" s="67">
        <v>1333</v>
      </c>
      <c r="CH7" s="67">
        <v>841</v>
      </c>
      <c r="CI7" s="67">
        <v>763</v>
      </c>
      <c r="CJ7" s="67">
        <v>732</v>
      </c>
      <c r="CK7" s="68">
        <v>4569</v>
      </c>
      <c r="CL7" s="69">
        <v>5813</v>
      </c>
      <c r="CM7" s="66">
        <v>20505</v>
      </c>
      <c r="CN7" s="67">
        <v>20626</v>
      </c>
      <c r="CO7" s="68">
        <v>41131</v>
      </c>
      <c r="CP7" s="243"/>
      <c r="CQ7" s="67">
        <v>31210</v>
      </c>
      <c r="CR7" s="67">
        <v>30593</v>
      </c>
      <c r="CS7" s="67">
        <v>21230</v>
      </c>
      <c r="CT7" s="67">
        <v>17787</v>
      </c>
      <c r="CU7" s="67">
        <v>11378</v>
      </c>
      <c r="CV7" s="68">
        <v>112198</v>
      </c>
      <c r="CW7" s="69">
        <v>153329</v>
      </c>
      <c r="CX7" s="122">
        <v>38014</v>
      </c>
      <c r="CY7" s="78">
        <v>43733</v>
      </c>
      <c r="CZ7" s="79">
        <v>81747</v>
      </c>
      <c r="DA7" s="240"/>
      <c r="DB7" s="78">
        <v>55450</v>
      </c>
      <c r="DC7" s="78">
        <v>51721</v>
      </c>
      <c r="DD7" s="78">
        <v>38494</v>
      </c>
      <c r="DE7" s="78">
        <v>38222</v>
      </c>
      <c r="DF7" s="78">
        <v>25538</v>
      </c>
      <c r="DG7" s="80">
        <v>209425</v>
      </c>
      <c r="DH7" s="81">
        <v>291172</v>
      </c>
      <c r="DI7" s="66">
        <v>865</v>
      </c>
      <c r="DJ7" s="67">
        <v>1018</v>
      </c>
      <c r="DK7" s="68">
        <v>1883</v>
      </c>
      <c r="DL7" s="243"/>
      <c r="DM7" s="67">
        <v>1054</v>
      </c>
      <c r="DN7" s="67">
        <v>1087</v>
      </c>
      <c r="DO7" s="67">
        <v>716</v>
      </c>
      <c r="DP7" s="67">
        <v>691</v>
      </c>
      <c r="DQ7" s="67">
        <v>598</v>
      </c>
      <c r="DR7" s="68">
        <v>4146</v>
      </c>
      <c r="DS7" s="69">
        <v>6029</v>
      </c>
      <c r="DT7" s="66">
        <v>2678</v>
      </c>
      <c r="DU7" s="67">
        <v>3229</v>
      </c>
      <c r="DV7" s="68">
        <v>5907</v>
      </c>
      <c r="DW7" s="243"/>
      <c r="DX7" s="67">
        <v>3080</v>
      </c>
      <c r="DY7" s="67">
        <v>3085</v>
      </c>
      <c r="DZ7" s="67">
        <v>1902</v>
      </c>
      <c r="EA7" s="67">
        <v>1860</v>
      </c>
      <c r="EB7" s="67">
        <v>1488</v>
      </c>
      <c r="EC7" s="68">
        <v>11415</v>
      </c>
      <c r="ED7" s="69">
        <v>17322</v>
      </c>
      <c r="EE7" s="66">
        <v>6088</v>
      </c>
      <c r="EF7" s="67">
        <v>6510</v>
      </c>
      <c r="EG7" s="68">
        <v>12598</v>
      </c>
      <c r="EH7" s="243"/>
      <c r="EI7" s="67">
        <v>6771</v>
      </c>
      <c r="EJ7" s="67">
        <v>5654</v>
      </c>
      <c r="EK7" s="67">
        <v>3688</v>
      </c>
      <c r="EL7" s="67">
        <v>3396</v>
      </c>
      <c r="EM7" s="67">
        <v>2692</v>
      </c>
      <c r="EN7" s="68">
        <v>22201</v>
      </c>
      <c r="EO7" s="69">
        <v>34799</v>
      </c>
      <c r="EP7" s="66">
        <v>11366</v>
      </c>
      <c r="EQ7" s="67">
        <v>11630</v>
      </c>
      <c r="ER7" s="68">
        <v>22996</v>
      </c>
      <c r="ES7" s="243"/>
      <c r="ET7" s="67">
        <v>13387</v>
      </c>
      <c r="EU7" s="67">
        <v>10789</v>
      </c>
      <c r="EV7" s="67">
        <v>7019</v>
      </c>
      <c r="EW7" s="67">
        <v>6447</v>
      </c>
      <c r="EX7" s="67">
        <v>4450</v>
      </c>
      <c r="EY7" s="68">
        <v>42092</v>
      </c>
      <c r="EZ7" s="69">
        <v>65088</v>
      </c>
      <c r="FA7" s="66">
        <v>11251</v>
      </c>
      <c r="FB7" s="67">
        <v>12991</v>
      </c>
      <c r="FC7" s="68">
        <v>24242</v>
      </c>
      <c r="FD7" s="243"/>
      <c r="FE7" s="67">
        <v>17065</v>
      </c>
      <c r="FF7" s="67">
        <v>14994</v>
      </c>
      <c r="FG7" s="67">
        <v>10583</v>
      </c>
      <c r="FH7" s="67">
        <v>9952</v>
      </c>
      <c r="FI7" s="67">
        <v>6596</v>
      </c>
      <c r="FJ7" s="68">
        <v>59190</v>
      </c>
      <c r="FK7" s="69">
        <v>83432</v>
      </c>
      <c r="FL7" s="66">
        <v>5766</v>
      </c>
      <c r="FM7" s="67">
        <v>8355</v>
      </c>
      <c r="FN7" s="68">
        <v>14121</v>
      </c>
      <c r="FO7" s="243"/>
      <c r="FP7" s="67">
        <v>14093</v>
      </c>
      <c r="FQ7" s="67">
        <v>16112</v>
      </c>
      <c r="FR7" s="67">
        <v>14586</v>
      </c>
      <c r="FS7" s="67">
        <v>15876</v>
      </c>
      <c r="FT7" s="67">
        <v>9714</v>
      </c>
      <c r="FU7" s="68">
        <v>70381</v>
      </c>
      <c r="FV7" s="69">
        <v>84502</v>
      </c>
      <c r="FW7" s="66">
        <v>370</v>
      </c>
      <c r="FX7" s="67">
        <v>700</v>
      </c>
      <c r="FY7" s="68">
        <v>1070</v>
      </c>
      <c r="FZ7" s="243"/>
      <c r="GA7" s="67">
        <v>680</v>
      </c>
      <c r="GB7" s="67">
        <v>1017</v>
      </c>
      <c r="GC7" s="67">
        <v>626</v>
      </c>
      <c r="GD7" s="67">
        <v>587</v>
      </c>
      <c r="GE7" s="67">
        <v>611</v>
      </c>
      <c r="GF7" s="68">
        <v>3521</v>
      </c>
      <c r="GG7" s="69">
        <v>4591</v>
      </c>
      <c r="GH7" s="66">
        <v>38384</v>
      </c>
      <c r="GI7" s="67">
        <v>44433</v>
      </c>
      <c r="GJ7" s="68">
        <v>82817</v>
      </c>
      <c r="GK7" s="243"/>
      <c r="GL7" s="67">
        <v>56130</v>
      </c>
      <c r="GM7" s="67">
        <v>52738</v>
      </c>
      <c r="GN7" s="67">
        <v>39120</v>
      </c>
      <c r="GO7" s="67">
        <v>38809</v>
      </c>
      <c r="GP7" s="67">
        <v>26149</v>
      </c>
      <c r="GQ7" s="68">
        <v>212946</v>
      </c>
      <c r="GR7" s="69">
        <v>295763</v>
      </c>
      <c r="GS7" s="122">
        <v>58038</v>
      </c>
      <c r="GT7" s="78">
        <v>63596</v>
      </c>
      <c r="GU7" s="79">
        <v>121634</v>
      </c>
      <c r="GV7" s="240"/>
      <c r="GW7" s="78">
        <v>85760</v>
      </c>
      <c r="GX7" s="78">
        <v>80981</v>
      </c>
      <c r="GY7" s="78">
        <v>58883</v>
      </c>
      <c r="GZ7" s="78">
        <v>55246</v>
      </c>
      <c r="HA7" s="78">
        <v>36184</v>
      </c>
      <c r="HB7" s="80">
        <v>317054</v>
      </c>
      <c r="HC7" s="81">
        <v>438688</v>
      </c>
      <c r="HD7" s="66">
        <v>1718</v>
      </c>
      <c r="HE7" s="67">
        <v>2046</v>
      </c>
      <c r="HF7" s="68">
        <v>3764</v>
      </c>
      <c r="HG7" s="243"/>
      <c r="HH7" s="67">
        <v>2391</v>
      </c>
      <c r="HI7" s="67">
        <v>2679</v>
      </c>
      <c r="HJ7" s="67">
        <v>1718</v>
      </c>
      <c r="HK7" s="67">
        <v>1632</v>
      </c>
      <c r="HL7" s="67">
        <v>1368</v>
      </c>
      <c r="HM7" s="68">
        <v>9788</v>
      </c>
      <c r="HN7" s="69">
        <v>13552</v>
      </c>
      <c r="HO7" s="66">
        <v>4736</v>
      </c>
      <c r="HP7" s="67">
        <v>5567</v>
      </c>
      <c r="HQ7" s="68">
        <v>10303</v>
      </c>
      <c r="HR7" s="243"/>
      <c r="HS7" s="67">
        <v>6181</v>
      </c>
      <c r="HT7" s="67">
        <v>6577</v>
      </c>
      <c r="HU7" s="67">
        <v>4357</v>
      </c>
      <c r="HV7" s="67">
        <v>3926</v>
      </c>
      <c r="HW7" s="67">
        <v>3027</v>
      </c>
      <c r="HX7" s="68">
        <v>24068</v>
      </c>
      <c r="HY7" s="69">
        <v>34371</v>
      </c>
      <c r="HZ7" s="66">
        <v>9148</v>
      </c>
      <c r="IA7" s="67">
        <v>9812</v>
      </c>
      <c r="IB7" s="68">
        <v>18960</v>
      </c>
      <c r="IC7" s="243"/>
      <c r="ID7" s="67">
        <v>11633</v>
      </c>
      <c r="IE7" s="67">
        <v>10450</v>
      </c>
      <c r="IF7" s="67">
        <v>6992</v>
      </c>
      <c r="IG7" s="67">
        <v>6203</v>
      </c>
      <c r="IH7" s="67">
        <v>4651</v>
      </c>
      <c r="II7" s="68">
        <v>39929</v>
      </c>
      <c r="IJ7" s="69">
        <v>58889</v>
      </c>
      <c r="IK7" s="66">
        <v>16494</v>
      </c>
      <c r="IL7" s="67">
        <v>16485</v>
      </c>
      <c r="IM7" s="68">
        <v>32979</v>
      </c>
      <c r="IN7" s="243"/>
      <c r="IO7" s="67">
        <v>21082</v>
      </c>
      <c r="IP7" s="67">
        <v>17594</v>
      </c>
      <c r="IQ7" s="67">
        <v>11679</v>
      </c>
      <c r="IR7" s="67">
        <v>10220</v>
      </c>
      <c r="IS7" s="67">
        <v>6904</v>
      </c>
      <c r="IT7" s="68">
        <v>67479</v>
      </c>
      <c r="IU7" s="69">
        <v>100458</v>
      </c>
      <c r="IV7" s="66">
        <v>16870</v>
      </c>
      <c r="IW7" s="67">
        <v>18132</v>
      </c>
      <c r="IX7" s="68">
        <v>35002</v>
      </c>
      <c r="IY7" s="243"/>
      <c r="IZ7" s="67">
        <v>25034</v>
      </c>
      <c r="JA7" s="67">
        <v>22097</v>
      </c>
      <c r="JB7" s="67">
        <v>15617</v>
      </c>
      <c r="JC7" s="67">
        <v>14061</v>
      </c>
      <c r="JD7" s="67">
        <v>8854</v>
      </c>
      <c r="JE7" s="68">
        <v>85663</v>
      </c>
      <c r="JF7" s="69">
        <v>120665</v>
      </c>
      <c r="JG7" s="66">
        <v>9072</v>
      </c>
      <c r="JH7" s="67">
        <v>11554</v>
      </c>
      <c r="JI7" s="68">
        <v>20626</v>
      </c>
      <c r="JJ7" s="243"/>
      <c r="JK7" s="67">
        <v>19439</v>
      </c>
      <c r="JL7" s="67">
        <v>21584</v>
      </c>
      <c r="JM7" s="67">
        <v>18520</v>
      </c>
      <c r="JN7" s="67">
        <v>19204</v>
      </c>
      <c r="JO7" s="67">
        <v>11380</v>
      </c>
      <c r="JP7" s="68">
        <v>90127</v>
      </c>
      <c r="JQ7" s="69">
        <v>110753</v>
      </c>
      <c r="JR7" s="66">
        <v>851</v>
      </c>
      <c r="JS7" s="67">
        <v>1463</v>
      </c>
      <c r="JT7" s="68">
        <v>2314</v>
      </c>
      <c r="JU7" s="243"/>
      <c r="JV7" s="67">
        <v>1580</v>
      </c>
      <c r="JW7" s="67">
        <v>2350</v>
      </c>
      <c r="JX7" s="67">
        <v>1467</v>
      </c>
      <c r="JY7" s="67">
        <v>1350</v>
      </c>
      <c r="JZ7" s="67">
        <v>1343</v>
      </c>
      <c r="KA7" s="68">
        <v>8090</v>
      </c>
      <c r="KB7" s="69">
        <v>10404</v>
      </c>
      <c r="KC7" s="66">
        <v>58889</v>
      </c>
      <c r="KD7" s="67">
        <v>65059</v>
      </c>
      <c r="KE7" s="68">
        <v>123948</v>
      </c>
      <c r="KF7" s="243"/>
      <c r="KG7" s="67">
        <v>87340</v>
      </c>
      <c r="KH7" s="67">
        <v>83331</v>
      </c>
      <c r="KI7" s="67">
        <v>60350</v>
      </c>
      <c r="KJ7" s="67">
        <v>56596</v>
      </c>
      <c r="KK7" s="67">
        <v>37527</v>
      </c>
      <c r="KL7" s="68">
        <v>325144</v>
      </c>
      <c r="KM7" s="69">
        <v>449092</v>
      </c>
    </row>
    <row r="8" spans="2:299" ht="21" customHeight="1" x14ac:dyDescent="0.2">
      <c r="B8" s="126" t="s">
        <v>5</v>
      </c>
      <c r="C8" s="315">
        <v>8131</v>
      </c>
      <c r="D8" s="82">
        <v>9357</v>
      </c>
      <c r="E8" s="83">
        <v>17488</v>
      </c>
      <c r="F8" s="241"/>
      <c r="G8" s="82">
        <v>10077</v>
      </c>
      <c r="H8" s="82">
        <v>13008</v>
      </c>
      <c r="I8" s="82">
        <v>8474</v>
      </c>
      <c r="J8" s="82">
        <v>7021</v>
      </c>
      <c r="K8" s="82">
        <v>4408</v>
      </c>
      <c r="L8" s="84">
        <v>42988</v>
      </c>
      <c r="M8" s="85">
        <v>60476</v>
      </c>
      <c r="N8" s="70">
        <v>327</v>
      </c>
      <c r="O8" s="71">
        <v>464</v>
      </c>
      <c r="P8" s="72">
        <v>791</v>
      </c>
      <c r="Q8" s="244"/>
      <c r="R8" s="71">
        <v>416</v>
      </c>
      <c r="S8" s="71">
        <v>705</v>
      </c>
      <c r="T8" s="71">
        <v>406</v>
      </c>
      <c r="U8" s="71">
        <v>385</v>
      </c>
      <c r="V8" s="71">
        <v>312</v>
      </c>
      <c r="W8" s="72">
        <v>2224</v>
      </c>
      <c r="X8" s="73">
        <v>3015</v>
      </c>
      <c r="Y8" s="70">
        <v>790</v>
      </c>
      <c r="Z8" s="71">
        <v>1039</v>
      </c>
      <c r="AA8" s="72">
        <v>1829</v>
      </c>
      <c r="AB8" s="244"/>
      <c r="AC8" s="71">
        <v>952</v>
      </c>
      <c r="AD8" s="71">
        <v>1492</v>
      </c>
      <c r="AE8" s="71">
        <v>1066</v>
      </c>
      <c r="AF8" s="71">
        <v>855</v>
      </c>
      <c r="AG8" s="71">
        <v>669</v>
      </c>
      <c r="AH8" s="72">
        <v>5034</v>
      </c>
      <c r="AI8" s="73">
        <v>6863</v>
      </c>
      <c r="AJ8" s="70">
        <v>1162</v>
      </c>
      <c r="AK8" s="71">
        <v>1541</v>
      </c>
      <c r="AL8" s="72">
        <v>2703</v>
      </c>
      <c r="AM8" s="244"/>
      <c r="AN8" s="71">
        <v>1556</v>
      </c>
      <c r="AO8" s="71">
        <v>2121</v>
      </c>
      <c r="AP8" s="71">
        <v>1303</v>
      </c>
      <c r="AQ8" s="71">
        <v>1139</v>
      </c>
      <c r="AR8" s="71">
        <v>760</v>
      </c>
      <c r="AS8" s="72">
        <v>6879</v>
      </c>
      <c r="AT8" s="73">
        <v>9582</v>
      </c>
      <c r="AU8" s="70">
        <v>2107</v>
      </c>
      <c r="AV8" s="71">
        <v>2287</v>
      </c>
      <c r="AW8" s="72">
        <v>4394</v>
      </c>
      <c r="AX8" s="244"/>
      <c r="AY8" s="71">
        <v>2539</v>
      </c>
      <c r="AZ8" s="71">
        <v>2907</v>
      </c>
      <c r="BA8" s="71">
        <v>1872</v>
      </c>
      <c r="BB8" s="71">
        <v>1527</v>
      </c>
      <c r="BC8" s="71">
        <v>996</v>
      </c>
      <c r="BD8" s="72">
        <v>9841</v>
      </c>
      <c r="BE8" s="73">
        <v>14235</v>
      </c>
      <c r="BF8" s="70">
        <v>2352</v>
      </c>
      <c r="BG8" s="71">
        <v>2484</v>
      </c>
      <c r="BH8" s="72">
        <v>4836</v>
      </c>
      <c r="BI8" s="244"/>
      <c r="BJ8" s="71">
        <v>2751</v>
      </c>
      <c r="BK8" s="71">
        <v>3215</v>
      </c>
      <c r="BL8" s="71">
        <v>2088</v>
      </c>
      <c r="BM8" s="71">
        <v>1723</v>
      </c>
      <c r="BN8" s="71">
        <v>948</v>
      </c>
      <c r="BO8" s="72">
        <v>10725</v>
      </c>
      <c r="BP8" s="73">
        <v>15561</v>
      </c>
      <c r="BQ8" s="70">
        <v>1393</v>
      </c>
      <c r="BR8" s="71">
        <v>1542</v>
      </c>
      <c r="BS8" s="72">
        <v>2935</v>
      </c>
      <c r="BT8" s="244"/>
      <c r="BU8" s="71">
        <v>1863</v>
      </c>
      <c r="BV8" s="71">
        <v>2568</v>
      </c>
      <c r="BW8" s="71">
        <v>1739</v>
      </c>
      <c r="BX8" s="71">
        <v>1392</v>
      </c>
      <c r="BY8" s="71">
        <v>723</v>
      </c>
      <c r="BZ8" s="72">
        <v>8285</v>
      </c>
      <c r="CA8" s="73">
        <v>11220</v>
      </c>
      <c r="CB8" s="70">
        <v>181</v>
      </c>
      <c r="CC8" s="71">
        <v>323</v>
      </c>
      <c r="CD8" s="72">
        <v>504</v>
      </c>
      <c r="CE8" s="244"/>
      <c r="CF8" s="71">
        <v>266</v>
      </c>
      <c r="CG8" s="71">
        <v>603</v>
      </c>
      <c r="CH8" s="71">
        <v>378</v>
      </c>
      <c r="CI8" s="71">
        <v>330</v>
      </c>
      <c r="CJ8" s="71">
        <v>333</v>
      </c>
      <c r="CK8" s="72">
        <v>1910</v>
      </c>
      <c r="CL8" s="73">
        <v>2414</v>
      </c>
      <c r="CM8" s="70">
        <v>8312</v>
      </c>
      <c r="CN8" s="71">
        <v>9680</v>
      </c>
      <c r="CO8" s="72">
        <v>17992</v>
      </c>
      <c r="CP8" s="244"/>
      <c r="CQ8" s="71">
        <v>10343</v>
      </c>
      <c r="CR8" s="71">
        <v>13611</v>
      </c>
      <c r="CS8" s="71">
        <v>8852</v>
      </c>
      <c r="CT8" s="71">
        <v>7351</v>
      </c>
      <c r="CU8" s="71">
        <v>4741</v>
      </c>
      <c r="CV8" s="72">
        <v>44898</v>
      </c>
      <c r="CW8" s="73">
        <v>62890</v>
      </c>
      <c r="CX8" s="123">
        <v>14986</v>
      </c>
      <c r="CY8" s="82">
        <v>19680</v>
      </c>
      <c r="CZ8" s="83">
        <v>34666</v>
      </c>
      <c r="DA8" s="241"/>
      <c r="DB8" s="82">
        <v>19180</v>
      </c>
      <c r="DC8" s="82">
        <v>23390</v>
      </c>
      <c r="DD8" s="82">
        <v>15906</v>
      </c>
      <c r="DE8" s="82">
        <v>15639</v>
      </c>
      <c r="DF8" s="82">
        <v>10682</v>
      </c>
      <c r="DG8" s="84">
        <v>84797</v>
      </c>
      <c r="DH8" s="85">
        <v>119463</v>
      </c>
      <c r="DI8" s="70">
        <v>323</v>
      </c>
      <c r="DJ8" s="71">
        <v>443</v>
      </c>
      <c r="DK8" s="72">
        <v>766</v>
      </c>
      <c r="DL8" s="244"/>
      <c r="DM8" s="71">
        <v>328</v>
      </c>
      <c r="DN8" s="71">
        <v>488</v>
      </c>
      <c r="DO8" s="71">
        <v>281</v>
      </c>
      <c r="DP8" s="71">
        <v>272</v>
      </c>
      <c r="DQ8" s="71">
        <v>251</v>
      </c>
      <c r="DR8" s="72">
        <v>1620</v>
      </c>
      <c r="DS8" s="73">
        <v>2386</v>
      </c>
      <c r="DT8" s="70">
        <v>1031</v>
      </c>
      <c r="DU8" s="71">
        <v>1399</v>
      </c>
      <c r="DV8" s="72">
        <v>2430</v>
      </c>
      <c r="DW8" s="244"/>
      <c r="DX8" s="71">
        <v>930</v>
      </c>
      <c r="DY8" s="71">
        <v>1340</v>
      </c>
      <c r="DZ8" s="71">
        <v>773</v>
      </c>
      <c r="EA8" s="71">
        <v>745</v>
      </c>
      <c r="EB8" s="71">
        <v>620</v>
      </c>
      <c r="EC8" s="72">
        <v>4408</v>
      </c>
      <c r="ED8" s="73">
        <v>6838</v>
      </c>
      <c r="EE8" s="70">
        <v>2379</v>
      </c>
      <c r="EF8" s="71">
        <v>2859</v>
      </c>
      <c r="EG8" s="72">
        <v>5238</v>
      </c>
      <c r="EH8" s="244"/>
      <c r="EI8" s="71">
        <v>2220</v>
      </c>
      <c r="EJ8" s="71">
        <v>2472</v>
      </c>
      <c r="EK8" s="71">
        <v>1479</v>
      </c>
      <c r="EL8" s="71">
        <v>1269</v>
      </c>
      <c r="EM8" s="71">
        <v>1116</v>
      </c>
      <c r="EN8" s="72">
        <v>8556</v>
      </c>
      <c r="EO8" s="73">
        <v>13794</v>
      </c>
      <c r="EP8" s="70">
        <v>4420</v>
      </c>
      <c r="EQ8" s="71">
        <v>5099</v>
      </c>
      <c r="ER8" s="72">
        <v>9519</v>
      </c>
      <c r="ES8" s="244"/>
      <c r="ET8" s="71">
        <v>4626</v>
      </c>
      <c r="EU8" s="71">
        <v>4800</v>
      </c>
      <c r="EV8" s="71">
        <v>2862</v>
      </c>
      <c r="EW8" s="71">
        <v>2596</v>
      </c>
      <c r="EX8" s="71">
        <v>1787</v>
      </c>
      <c r="EY8" s="72">
        <v>16671</v>
      </c>
      <c r="EZ8" s="73">
        <v>26190</v>
      </c>
      <c r="FA8" s="70">
        <v>4568</v>
      </c>
      <c r="FB8" s="71">
        <v>6049</v>
      </c>
      <c r="FC8" s="72">
        <v>10617</v>
      </c>
      <c r="FD8" s="244"/>
      <c r="FE8" s="71">
        <v>6209</v>
      </c>
      <c r="FF8" s="71">
        <v>6943</v>
      </c>
      <c r="FG8" s="71">
        <v>4418</v>
      </c>
      <c r="FH8" s="71">
        <v>4219</v>
      </c>
      <c r="FI8" s="71">
        <v>2762</v>
      </c>
      <c r="FJ8" s="72">
        <v>24551</v>
      </c>
      <c r="FK8" s="73">
        <v>35168</v>
      </c>
      <c r="FL8" s="70">
        <v>2265</v>
      </c>
      <c r="FM8" s="71">
        <v>3831</v>
      </c>
      <c r="FN8" s="72">
        <v>6096</v>
      </c>
      <c r="FO8" s="244"/>
      <c r="FP8" s="71">
        <v>4867</v>
      </c>
      <c r="FQ8" s="71">
        <v>7347</v>
      </c>
      <c r="FR8" s="71">
        <v>6093</v>
      </c>
      <c r="FS8" s="71">
        <v>6538</v>
      </c>
      <c r="FT8" s="71">
        <v>4146</v>
      </c>
      <c r="FU8" s="72">
        <v>28991</v>
      </c>
      <c r="FV8" s="73">
        <v>35087</v>
      </c>
      <c r="FW8" s="70">
        <v>150</v>
      </c>
      <c r="FX8" s="71">
        <v>294</v>
      </c>
      <c r="FY8" s="72">
        <v>444</v>
      </c>
      <c r="FZ8" s="244"/>
      <c r="GA8" s="71">
        <v>195</v>
      </c>
      <c r="GB8" s="71">
        <v>455</v>
      </c>
      <c r="GC8" s="71">
        <v>267</v>
      </c>
      <c r="GD8" s="71">
        <v>235</v>
      </c>
      <c r="GE8" s="71">
        <v>253</v>
      </c>
      <c r="GF8" s="72">
        <v>1405</v>
      </c>
      <c r="GG8" s="73">
        <v>1849</v>
      </c>
      <c r="GH8" s="70">
        <v>15136</v>
      </c>
      <c r="GI8" s="71">
        <v>19974</v>
      </c>
      <c r="GJ8" s="72">
        <v>35110</v>
      </c>
      <c r="GK8" s="244"/>
      <c r="GL8" s="71">
        <v>19375</v>
      </c>
      <c r="GM8" s="71">
        <v>23845</v>
      </c>
      <c r="GN8" s="71">
        <v>16173</v>
      </c>
      <c r="GO8" s="71">
        <v>15874</v>
      </c>
      <c r="GP8" s="71">
        <v>10935</v>
      </c>
      <c r="GQ8" s="72">
        <v>86202</v>
      </c>
      <c r="GR8" s="73">
        <v>121312</v>
      </c>
      <c r="GS8" s="123">
        <v>23117</v>
      </c>
      <c r="GT8" s="82">
        <v>29037</v>
      </c>
      <c r="GU8" s="83">
        <v>52154</v>
      </c>
      <c r="GV8" s="241"/>
      <c r="GW8" s="82">
        <v>29257</v>
      </c>
      <c r="GX8" s="82">
        <v>36398</v>
      </c>
      <c r="GY8" s="82">
        <v>24380</v>
      </c>
      <c r="GZ8" s="82">
        <v>22660</v>
      </c>
      <c r="HA8" s="82">
        <v>15090</v>
      </c>
      <c r="HB8" s="84">
        <v>127785</v>
      </c>
      <c r="HC8" s="85">
        <v>179939</v>
      </c>
      <c r="HD8" s="70">
        <v>650</v>
      </c>
      <c r="HE8" s="71">
        <v>907</v>
      </c>
      <c r="HF8" s="72">
        <v>1557</v>
      </c>
      <c r="HG8" s="244"/>
      <c r="HH8" s="71">
        <v>744</v>
      </c>
      <c r="HI8" s="71">
        <v>1193</v>
      </c>
      <c r="HJ8" s="71">
        <v>687</v>
      </c>
      <c r="HK8" s="71">
        <v>657</v>
      </c>
      <c r="HL8" s="71">
        <v>563</v>
      </c>
      <c r="HM8" s="72">
        <v>3844</v>
      </c>
      <c r="HN8" s="73">
        <v>5401</v>
      </c>
      <c r="HO8" s="70">
        <v>1821</v>
      </c>
      <c r="HP8" s="71">
        <v>2438</v>
      </c>
      <c r="HQ8" s="72">
        <v>4259</v>
      </c>
      <c r="HR8" s="244"/>
      <c r="HS8" s="71">
        <v>1882</v>
      </c>
      <c r="HT8" s="71">
        <v>2832</v>
      </c>
      <c r="HU8" s="71">
        <v>1839</v>
      </c>
      <c r="HV8" s="71">
        <v>1600</v>
      </c>
      <c r="HW8" s="71">
        <v>1289</v>
      </c>
      <c r="HX8" s="72">
        <v>9442</v>
      </c>
      <c r="HY8" s="73">
        <v>13701</v>
      </c>
      <c r="HZ8" s="70">
        <v>3541</v>
      </c>
      <c r="IA8" s="71">
        <v>4400</v>
      </c>
      <c r="IB8" s="72">
        <v>7941</v>
      </c>
      <c r="IC8" s="244"/>
      <c r="ID8" s="71">
        <v>3776</v>
      </c>
      <c r="IE8" s="71">
        <v>4593</v>
      </c>
      <c r="IF8" s="71">
        <v>2782</v>
      </c>
      <c r="IG8" s="71">
        <v>2408</v>
      </c>
      <c r="IH8" s="71">
        <v>1876</v>
      </c>
      <c r="II8" s="72">
        <v>15435</v>
      </c>
      <c r="IJ8" s="73">
        <v>23376</v>
      </c>
      <c r="IK8" s="70">
        <v>6527</v>
      </c>
      <c r="IL8" s="71">
        <v>7386</v>
      </c>
      <c r="IM8" s="72">
        <v>13913</v>
      </c>
      <c r="IN8" s="244"/>
      <c r="IO8" s="71">
        <v>7165</v>
      </c>
      <c r="IP8" s="71">
        <v>7707</v>
      </c>
      <c r="IQ8" s="71">
        <v>4734</v>
      </c>
      <c r="IR8" s="71">
        <v>4123</v>
      </c>
      <c r="IS8" s="71">
        <v>2783</v>
      </c>
      <c r="IT8" s="72">
        <v>26512</v>
      </c>
      <c r="IU8" s="73">
        <v>40425</v>
      </c>
      <c r="IV8" s="70">
        <v>6920</v>
      </c>
      <c r="IW8" s="71">
        <v>8533</v>
      </c>
      <c r="IX8" s="72">
        <v>15453</v>
      </c>
      <c r="IY8" s="244"/>
      <c r="IZ8" s="71">
        <v>8960</v>
      </c>
      <c r="JA8" s="71">
        <v>10158</v>
      </c>
      <c r="JB8" s="71">
        <v>6506</v>
      </c>
      <c r="JC8" s="71">
        <v>5942</v>
      </c>
      <c r="JD8" s="71">
        <v>3710</v>
      </c>
      <c r="JE8" s="72">
        <v>35276</v>
      </c>
      <c r="JF8" s="73">
        <v>50729</v>
      </c>
      <c r="JG8" s="70">
        <v>3658</v>
      </c>
      <c r="JH8" s="71">
        <v>5373</v>
      </c>
      <c r="JI8" s="72">
        <v>9031</v>
      </c>
      <c r="JJ8" s="244"/>
      <c r="JK8" s="71">
        <v>6730</v>
      </c>
      <c r="JL8" s="71">
        <v>9915</v>
      </c>
      <c r="JM8" s="71">
        <v>7832</v>
      </c>
      <c r="JN8" s="71">
        <v>7930</v>
      </c>
      <c r="JO8" s="71">
        <v>4869</v>
      </c>
      <c r="JP8" s="72">
        <v>37276</v>
      </c>
      <c r="JQ8" s="73">
        <v>46307</v>
      </c>
      <c r="JR8" s="70">
        <v>331</v>
      </c>
      <c r="JS8" s="71">
        <v>617</v>
      </c>
      <c r="JT8" s="72">
        <v>948</v>
      </c>
      <c r="JU8" s="244"/>
      <c r="JV8" s="71">
        <v>461</v>
      </c>
      <c r="JW8" s="71">
        <v>1058</v>
      </c>
      <c r="JX8" s="71">
        <v>645</v>
      </c>
      <c r="JY8" s="71">
        <v>565</v>
      </c>
      <c r="JZ8" s="71">
        <v>586</v>
      </c>
      <c r="KA8" s="72">
        <v>3315</v>
      </c>
      <c r="KB8" s="73">
        <v>4263</v>
      </c>
      <c r="KC8" s="70">
        <v>23448</v>
      </c>
      <c r="KD8" s="71">
        <v>29654</v>
      </c>
      <c r="KE8" s="72">
        <v>53102</v>
      </c>
      <c r="KF8" s="244"/>
      <c r="KG8" s="71">
        <v>29718</v>
      </c>
      <c r="KH8" s="71">
        <v>37456</v>
      </c>
      <c r="KI8" s="71">
        <v>25025</v>
      </c>
      <c r="KJ8" s="71">
        <v>23225</v>
      </c>
      <c r="KK8" s="71">
        <v>15676</v>
      </c>
      <c r="KL8" s="72">
        <v>131100</v>
      </c>
      <c r="KM8" s="73">
        <v>184202</v>
      </c>
    </row>
    <row r="9" spans="2:299" ht="21" customHeight="1" x14ac:dyDescent="0.2">
      <c r="B9" s="126" t="s">
        <v>6</v>
      </c>
      <c r="C9" s="315">
        <v>2705</v>
      </c>
      <c r="D9" s="82">
        <v>2294</v>
      </c>
      <c r="E9" s="83">
        <v>4999</v>
      </c>
      <c r="F9" s="241"/>
      <c r="G9" s="82">
        <v>5014</v>
      </c>
      <c r="H9" s="82">
        <v>3684</v>
      </c>
      <c r="I9" s="82">
        <v>2892</v>
      </c>
      <c r="J9" s="82">
        <v>2527</v>
      </c>
      <c r="K9" s="82">
        <v>1710</v>
      </c>
      <c r="L9" s="84">
        <v>15827</v>
      </c>
      <c r="M9" s="85">
        <v>20826</v>
      </c>
      <c r="N9" s="70">
        <v>142</v>
      </c>
      <c r="O9" s="71">
        <v>142</v>
      </c>
      <c r="P9" s="72">
        <v>284</v>
      </c>
      <c r="Q9" s="244"/>
      <c r="R9" s="71">
        <v>278</v>
      </c>
      <c r="S9" s="71">
        <v>234</v>
      </c>
      <c r="T9" s="71">
        <v>149</v>
      </c>
      <c r="U9" s="71">
        <v>151</v>
      </c>
      <c r="V9" s="71">
        <v>134</v>
      </c>
      <c r="W9" s="72">
        <v>946</v>
      </c>
      <c r="X9" s="73">
        <v>1230</v>
      </c>
      <c r="Y9" s="70">
        <v>317</v>
      </c>
      <c r="Z9" s="71">
        <v>276</v>
      </c>
      <c r="AA9" s="72">
        <v>593</v>
      </c>
      <c r="AB9" s="244"/>
      <c r="AC9" s="71">
        <v>571</v>
      </c>
      <c r="AD9" s="71">
        <v>512</v>
      </c>
      <c r="AE9" s="71">
        <v>376</v>
      </c>
      <c r="AF9" s="71">
        <v>325</v>
      </c>
      <c r="AG9" s="71">
        <v>258</v>
      </c>
      <c r="AH9" s="72">
        <v>2042</v>
      </c>
      <c r="AI9" s="73">
        <v>2635</v>
      </c>
      <c r="AJ9" s="70">
        <v>435</v>
      </c>
      <c r="AK9" s="71">
        <v>415</v>
      </c>
      <c r="AL9" s="72">
        <v>850</v>
      </c>
      <c r="AM9" s="244"/>
      <c r="AN9" s="71">
        <v>831</v>
      </c>
      <c r="AO9" s="71">
        <v>624</v>
      </c>
      <c r="AP9" s="71">
        <v>458</v>
      </c>
      <c r="AQ9" s="71">
        <v>446</v>
      </c>
      <c r="AR9" s="71">
        <v>333</v>
      </c>
      <c r="AS9" s="72">
        <v>2692</v>
      </c>
      <c r="AT9" s="73">
        <v>3542</v>
      </c>
      <c r="AU9" s="70">
        <v>631</v>
      </c>
      <c r="AV9" s="71">
        <v>486</v>
      </c>
      <c r="AW9" s="72">
        <v>1117</v>
      </c>
      <c r="AX9" s="244"/>
      <c r="AY9" s="71">
        <v>1262</v>
      </c>
      <c r="AZ9" s="71">
        <v>822</v>
      </c>
      <c r="BA9" s="71">
        <v>716</v>
      </c>
      <c r="BB9" s="71">
        <v>549</v>
      </c>
      <c r="BC9" s="71">
        <v>356</v>
      </c>
      <c r="BD9" s="72">
        <v>3705</v>
      </c>
      <c r="BE9" s="73">
        <v>4822</v>
      </c>
      <c r="BF9" s="70">
        <v>731</v>
      </c>
      <c r="BG9" s="71">
        <v>603</v>
      </c>
      <c r="BH9" s="72">
        <v>1334</v>
      </c>
      <c r="BI9" s="244"/>
      <c r="BJ9" s="71">
        <v>1221</v>
      </c>
      <c r="BK9" s="71">
        <v>838</v>
      </c>
      <c r="BL9" s="71">
        <v>688</v>
      </c>
      <c r="BM9" s="71">
        <v>565</v>
      </c>
      <c r="BN9" s="71">
        <v>379</v>
      </c>
      <c r="BO9" s="72">
        <v>3691</v>
      </c>
      <c r="BP9" s="73">
        <v>5025</v>
      </c>
      <c r="BQ9" s="70">
        <v>449</v>
      </c>
      <c r="BR9" s="71">
        <v>372</v>
      </c>
      <c r="BS9" s="72">
        <v>821</v>
      </c>
      <c r="BT9" s="244"/>
      <c r="BU9" s="71">
        <v>851</v>
      </c>
      <c r="BV9" s="71">
        <v>654</v>
      </c>
      <c r="BW9" s="71">
        <v>505</v>
      </c>
      <c r="BX9" s="71">
        <v>491</v>
      </c>
      <c r="BY9" s="71">
        <v>250</v>
      </c>
      <c r="BZ9" s="72">
        <v>2751</v>
      </c>
      <c r="CA9" s="73">
        <v>3572</v>
      </c>
      <c r="CB9" s="70">
        <v>77</v>
      </c>
      <c r="CC9" s="71">
        <v>99</v>
      </c>
      <c r="CD9" s="72">
        <v>176</v>
      </c>
      <c r="CE9" s="244"/>
      <c r="CF9" s="71">
        <v>181</v>
      </c>
      <c r="CG9" s="71">
        <v>189</v>
      </c>
      <c r="CH9" s="71">
        <v>125</v>
      </c>
      <c r="CI9" s="71">
        <v>132</v>
      </c>
      <c r="CJ9" s="71">
        <v>119</v>
      </c>
      <c r="CK9" s="72">
        <v>746</v>
      </c>
      <c r="CL9" s="73">
        <v>922</v>
      </c>
      <c r="CM9" s="70">
        <v>2782</v>
      </c>
      <c r="CN9" s="71">
        <v>2393</v>
      </c>
      <c r="CO9" s="72">
        <v>5175</v>
      </c>
      <c r="CP9" s="244"/>
      <c r="CQ9" s="71">
        <v>5195</v>
      </c>
      <c r="CR9" s="71">
        <v>3873</v>
      </c>
      <c r="CS9" s="71">
        <v>3017</v>
      </c>
      <c r="CT9" s="71">
        <v>2659</v>
      </c>
      <c r="CU9" s="71">
        <v>1829</v>
      </c>
      <c r="CV9" s="72">
        <v>16573</v>
      </c>
      <c r="CW9" s="73">
        <v>21748</v>
      </c>
      <c r="CX9" s="123">
        <v>5163</v>
      </c>
      <c r="CY9" s="82">
        <v>5212</v>
      </c>
      <c r="CZ9" s="83">
        <v>10375</v>
      </c>
      <c r="DA9" s="241"/>
      <c r="DB9" s="82">
        <v>8894</v>
      </c>
      <c r="DC9" s="82">
        <v>6484</v>
      </c>
      <c r="DD9" s="82">
        <v>5334</v>
      </c>
      <c r="DE9" s="82">
        <v>5503</v>
      </c>
      <c r="DF9" s="82">
        <v>3649</v>
      </c>
      <c r="DG9" s="84">
        <v>29864</v>
      </c>
      <c r="DH9" s="85">
        <v>40239</v>
      </c>
      <c r="DI9" s="70">
        <v>124</v>
      </c>
      <c r="DJ9" s="71">
        <v>97</v>
      </c>
      <c r="DK9" s="72">
        <v>221</v>
      </c>
      <c r="DL9" s="244"/>
      <c r="DM9" s="71">
        <v>198</v>
      </c>
      <c r="DN9" s="71">
        <v>137</v>
      </c>
      <c r="DO9" s="71">
        <v>103</v>
      </c>
      <c r="DP9" s="71">
        <v>109</v>
      </c>
      <c r="DQ9" s="71">
        <v>80</v>
      </c>
      <c r="DR9" s="72">
        <v>627</v>
      </c>
      <c r="DS9" s="73">
        <v>848</v>
      </c>
      <c r="DT9" s="70">
        <v>357</v>
      </c>
      <c r="DU9" s="71">
        <v>374</v>
      </c>
      <c r="DV9" s="72">
        <v>731</v>
      </c>
      <c r="DW9" s="244"/>
      <c r="DX9" s="71">
        <v>516</v>
      </c>
      <c r="DY9" s="71">
        <v>381</v>
      </c>
      <c r="DZ9" s="71">
        <v>272</v>
      </c>
      <c r="EA9" s="71">
        <v>286</v>
      </c>
      <c r="EB9" s="71">
        <v>199</v>
      </c>
      <c r="EC9" s="72">
        <v>1654</v>
      </c>
      <c r="ED9" s="73">
        <v>2385</v>
      </c>
      <c r="EE9" s="70">
        <v>797</v>
      </c>
      <c r="EF9" s="71">
        <v>789</v>
      </c>
      <c r="EG9" s="72">
        <v>1586</v>
      </c>
      <c r="EH9" s="244"/>
      <c r="EI9" s="71">
        <v>1115</v>
      </c>
      <c r="EJ9" s="71">
        <v>686</v>
      </c>
      <c r="EK9" s="71">
        <v>497</v>
      </c>
      <c r="EL9" s="71">
        <v>521</v>
      </c>
      <c r="EM9" s="71">
        <v>368</v>
      </c>
      <c r="EN9" s="72">
        <v>3187</v>
      </c>
      <c r="EO9" s="73">
        <v>4773</v>
      </c>
      <c r="EP9" s="70">
        <v>1551</v>
      </c>
      <c r="EQ9" s="71">
        <v>1394</v>
      </c>
      <c r="ER9" s="72">
        <v>2945</v>
      </c>
      <c r="ES9" s="244"/>
      <c r="ET9" s="71">
        <v>2165</v>
      </c>
      <c r="EU9" s="71">
        <v>1349</v>
      </c>
      <c r="EV9" s="71">
        <v>995</v>
      </c>
      <c r="EW9" s="71">
        <v>904</v>
      </c>
      <c r="EX9" s="71">
        <v>635</v>
      </c>
      <c r="EY9" s="72">
        <v>6048</v>
      </c>
      <c r="EZ9" s="73">
        <v>8993</v>
      </c>
      <c r="FA9" s="70">
        <v>1541</v>
      </c>
      <c r="FB9" s="71">
        <v>1577</v>
      </c>
      <c r="FC9" s="72">
        <v>3118</v>
      </c>
      <c r="FD9" s="244"/>
      <c r="FE9" s="71">
        <v>2671</v>
      </c>
      <c r="FF9" s="71">
        <v>1902</v>
      </c>
      <c r="FG9" s="71">
        <v>1483</v>
      </c>
      <c r="FH9" s="71">
        <v>1424</v>
      </c>
      <c r="FI9" s="71">
        <v>988</v>
      </c>
      <c r="FJ9" s="72">
        <v>8468</v>
      </c>
      <c r="FK9" s="73">
        <v>11586</v>
      </c>
      <c r="FL9" s="70">
        <v>793</v>
      </c>
      <c r="FM9" s="71">
        <v>981</v>
      </c>
      <c r="FN9" s="72">
        <v>1774</v>
      </c>
      <c r="FO9" s="244"/>
      <c r="FP9" s="71">
        <v>2229</v>
      </c>
      <c r="FQ9" s="71">
        <v>2029</v>
      </c>
      <c r="FR9" s="71">
        <v>1984</v>
      </c>
      <c r="FS9" s="71">
        <v>2259</v>
      </c>
      <c r="FT9" s="71">
        <v>1379</v>
      </c>
      <c r="FU9" s="72">
        <v>9880</v>
      </c>
      <c r="FV9" s="73">
        <v>11654</v>
      </c>
      <c r="FW9" s="70">
        <v>54</v>
      </c>
      <c r="FX9" s="71">
        <v>90</v>
      </c>
      <c r="FY9" s="72">
        <v>144</v>
      </c>
      <c r="FZ9" s="244"/>
      <c r="GA9" s="71">
        <v>135</v>
      </c>
      <c r="GB9" s="71">
        <v>127</v>
      </c>
      <c r="GC9" s="71">
        <v>107</v>
      </c>
      <c r="GD9" s="71">
        <v>100</v>
      </c>
      <c r="GE9" s="71">
        <v>100</v>
      </c>
      <c r="GF9" s="72">
        <v>569</v>
      </c>
      <c r="GG9" s="73">
        <v>713</v>
      </c>
      <c r="GH9" s="70">
        <v>5217</v>
      </c>
      <c r="GI9" s="71">
        <v>5302</v>
      </c>
      <c r="GJ9" s="72">
        <v>10519</v>
      </c>
      <c r="GK9" s="244"/>
      <c r="GL9" s="71">
        <v>9029</v>
      </c>
      <c r="GM9" s="71">
        <v>6611</v>
      </c>
      <c r="GN9" s="71">
        <v>5441</v>
      </c>
      <c r="GO9" s="71">
        <v>5603</v>
      </c>
      <c r="GP9" s="71">
        <v>3749</v>
      </c>
      <c r="GQ9" s="72">
        <v>30433</v>
      </c>
      <c r="GR9" s="73">
        <v>40952</v>
      </c>
      <c r="GS9" s="123">
        <v>7868</v>
      </c>
      <c r="GT9" s="82">
        <v>7506</v>
      </c>
      <c r="GU9" s="83">
        <v>15374</v>
      </c>
      <c r="GV9" s="241"/>
      <c r="GW9" s="82">
        <v>13908</v>
      </c>
      <c r="GX9" s="82">
        <v>10168</v>
      </c>
      <c r="GY9" s="82">
        <v>8226</v>
      </c>
      <c r="GZ9" s="82">
        <v>8030</v>
      </c>
      <c r="HA9" s="82">
        <v>5359</v>
      </c>
      <c r="HB9" s="84">
        <v>45691</v>
      </c>
      <c r="HC9" s="85">
        <v>61065</v>
      </c>
      <c r="HD9" s="70">
        <v>266</v>
      </c>
      <c r="HE9" s="71">
        <v>239</v>
      </c>
      <c r="HF9" s="72">
        <v>505</v>
      </c>
      <c r="HG9" s="244"/>
      <c r="HH9" s="71">
        <v>476</v>
      </c>
      <c r="HI9" s="71">
        <v>371</v>
      </c>
      <c r="HJ9" s="71">
        <v>252</v>
      </c>
      <c r="HK9" s="71">
        <v>260</v>
      </c>
      <c r="HL9" s="71">
        <v>214</v>
      </c>
      <c r="HM9" s="72">
        <v>1573</v>
      </c>
      <c r="HN9" s="73">
        <v>2078</v>
      </c>
      <c r="HO9" s="70">
        <v>674</v>
      </c>
      <c r="HP9" s="71">
        <v>650</v>
      </c>
      <c r="HQ9" s="72">
        <v>1324</v>
      </c>
      <c r="HR9" s="244"/>
      <c r="HS9" s="71">
        <v>1087</v>
      </c>
      <c r="HT9" s="71">
        <v>893</v>
      </c>
      <c r="HU9" s="71">
        <v>648</v>
      </c>
      <c r="HV9" s="71">
        <v>611</v>
      </c>
      <c r="HW9" s="71">
        <v>457</v>
      </c>
      <c r="HX9" s="72">
        <v>3696</v>
      </c>
      <c r="HY9" s="73">
        <v>5020</v>
      </c>
      <c r="HZ9" s="70">
        <v>1232</v>
      </c>
      <c r="IA9" s="71">
        <v>1204</v>
      </c>
      <c r="IB9" s="72">
        <v>2436</v>
      </c>
      <c r="IC9" s="244"/>
      <c r="ID9" s="71">
        <v>1946</v>
      </c>
      <c r="IE9" s="71">
        <v>1310</v>
      </c>
      <c r="IF9" s="71">
        <v>955</v>
      </c>
      <c r="IG9" s="71">
        <v>967</v>
      </c>
      <c r="IH9" s="71">
        <v>701</v>
      </c>
      <c r="II9" s="72">
        <v>5879</v>
      </c>
      <c r="IJ9" s="73">
        <v>8315</v>
      </c>
      <c r="IK9" s="70">
        <v>2182</v>
      </c>
      <c r="IL9" s="71">
        <v>1880</v>
      </c>
      <c r="IM9" s="72">
        <v>4062</v>
      </c>
      <c r="IN9" s="244"/>
      <c r="IO9" s="71">
        <v>3427</v>
      </c>
      <c r="IP9" s="71">
        <v>2171</v>
      </c>
      <c r="IQ9" s="71">
        <v>1711</v>
      </c>
      <c r="IR9" s="71">
        <v>1453</v>
      </c>
      <c r="IS9" s="71">
        <v>991</v>
      </c>
      <c r="IT9" s="72">
        <v>9753</v>
      </c>
      <c r="IU9" s="73">
        <v>13815</v>
      </c>
      <c r="IV9" s="70">
        <v>2272</v>
      </c>
      <c r="IW9" s="71">
        <v>2180</v>
      </c>
      <c r="IX9" s="72">
        <v>4452</v>
      </c>
      <c r="IY9" s="244"/>
      <c r="IZ9" s="71">
        <v>3892</v>
      </c>
      <c r="JA9" s="71">
        <v>2740</v>
      </c>
      <c r="JB9" s="71">
        <v>2171</v>
      </c>
      <c r="JC9" s="71">
        <v>1989</v>
      </c>
      <c r="JD9" s="71">
        <v>1367</v>
      </c>
      <c r="JE9" s="72">
        <v>12159</v>
      </c>
      <c r="JF9" s="73">
        <v>16611</v>
      </c>
      <c r="JG9" s="70">
        <v>1242</v>
      </c>
      <c r="JH9" s="71">
        <v>1353</v>
      </c>
      <c r="JI9" s="72">
        <v>2595</v>
      </c>
      <c r="JJ9" s="244"/>
      <c r="JK9" s="71">
        <v>3080</v>
      </c>
      <c r="JL9" s="71">
        <v>2683</v>
      </c>
      <c r="JM9" s="71">
        <v>2489</v>
      </c>
      <c r="JN9" s="71">
        <v>2750</v>
      </c>
      <c r="JO9" s="71">
        <v>1629</v>
      </c>
      <c r="JP9" s="72">
        <v>12631</v>
      </c>
      <c r="JQ9" s="73">
        <v>15226</v>
      </c>
      <c r="JR9" s="70">
        <v>131</v>
      </c>
      <c r="JS9" s="71">
        <v>189</v>
      </c>
      <c r="JT9" s="72">
        <v>320</v>
      </c>
      <c r="JU9" s="244"/>
      <c r="JV9" s="71">
        <v>316</v>
      </c>
      <c r="JW9" s="71">
        <v>316</v>
      </c>
      <c r="JX9" s="71">
        <v>232</v>
      </c>
      <c r="JY9" s="71">
        <v>232</v>
      </c>
      <c r="JZ9" s="71">
        <v>219</v>
      </c>
      <c r="KA9" s="72">
        <v>1315</v>
      </c>
      <c r="KB9" s="73">
        <v>1635</v>
      </c>
      <c r="KC9" s="70">
        <v>7999</v>
      </c>
      <c r="KD9" s="71">
        <v>7695</v>
      </c>
      <c r="KE9" s="72">
        <v>15694</v>
      </c>
      <c r="KF9" s="244"/>
      <c r="KG9" s="71">
        <v>14224</v>
      </c>
      <c r="KH9" s="71">
        <v>10484</v>
      </c>
      <c r="KI9" s="71">
        <v>8458</v>
      </c>
      <c r="KJ9" s="71">
        <v>8262</v>
      </c>
      <c r="KK9" s="71">
        <v>5578</v>
      </c>
      <c r="KL9" s="72">
        <v>47006</v>
      </c>
      <c r="KM9" s="73">
        <v>62700</v>
      </c>
    </row>
    <row r="10" spans="2:299" ht="21" customHeight="1" x14ac:dyDescent="0.2">
      <c r="B10" s="126" t="s">
        <v>14</v>
      </c>
      <c r="C10" s="315">
        <v>1500</v>
      </c>
      <c r="D10" s="82">
        <v>1859</v>
      </c>
      <c r="E10" s="83">
        <v>3359</v>
      </c>
      <c r="F10" s="241"/>
      <c r="G10" s="82">
        <v>2274</v>
      </c>
      <c r="H10" s="82">
        <v>2444</v>
      </c>
      <c r="I10" s="82">
        <v>1872</v>
      </c>
      <c r="J10" s="82">
        <v>1407</v>
      </c>
      <c r="K10" s="82">
        <v>900</v>
      </c>
      <c r="L10" s="84">
        <v>8897</v>
      </c>
      <c r="M10" s="85">
        <v>12256</v>
      </c>
      <c r="N10" s="70">
        <v>80</v>
      </c>
      <c r="O10" s="71">
        <v>97</v>
      </c>
      <c r="P10" s="72">
        <v>177</v>
      </c>
      <c r="Q10" s="244"/>
      <c r="R10" s="71">
        <v>89</v>
      </c>
      <c r="S10" s="71">
        <v>126</v>
      </c>
      <c r="T10" s="71">
        <v>93</v>
      </c>
      <c r="U10" s="71">
        <v>76</v>
      </c>
      <c r="V10" s="71">
        <v>75</v>
      </c>
      <c r="W10" s="72">
        <v>459</v>
      </c>
      <c r="X10" s="73">
        <v>636</v>
      </c>
      <c r="Y10" s="70">
        <v>160</v>
      </c>
      <c r="Z10" s="71">
        <v>286</v>
      </c>
      <c r="AA10" s="72">
        <v>446</v>
      </c>
      <c r="AB10" s="244"/>
      <c r="AC10" s="71">
        <v>221</v>
      </c>
      <c r="AD10" s="71">
        <v>291</v>
      </c>
      <c r="AE10" s="71">
        <v>226</v>
      </c>
      <c r="AF10" s="71">
        <v>184</v>
      </c>
      <c r="AG10" s="71">
        <v>110</v>
      </c>
      <c r="AH10" s="72">
        <v>1032</v>
      </c>
      <c r="AI10" s="73">
        <v>1478</v>
      </c>
      <c r="AJ10" s="70">
        <v>262</v>
      </c>
      <c r="AK10" s="71">
        <v>326</v>
      </c>
      <c r="AL10" s="72">
        <v>588</v>
      </c>
      <c r="AM10" s="244"/>
      <c r="AN10" s="71">
        <v>417</v>
      </c>
      <c r="AO10" s="71">
        <v>406</v>
      </c>
      <c r="AP10" s="71">
        <v>311</v>
      </c>
      <c r="AQ10" s="71">
        <v>241</v>
      </c>
      <c r="AR10" s="71">
        <v>184</v>
      </c>
      <c r="AS10" s="72">
        <v>1559</v>
      </c>
      <c r="AT10" s="73">
        <v>2147</v>
      </c>
      <c r="AU10" s="70">
        <v>413</v>
      </c>
      <c r="AV10" s="71">
        <v>499</v>
      </c>
      <c r="AW10" s="72">
        <v>912</v>
      </c>
      <c r="AX10" s="244"/>
      <c r="AY10" s="71">
        <v>613</v>
      </c>
      <c r="AZ10" s="71">
        <v>600</v>
      </c>
      <c r="BA10" s="71">
        <v>473</v>
      </c>
      <c r="BB10" s="71">
        <v>355</v>
      </c>
      <c r="BC10" s="71">
        <v>227</v>
      </c>
      <c r="BD10" s="72">
        <v>2268</v>
      </c>
      <c r="BE10" s="73">
        <v>3180</v>
      </c>
      <c r="BF10" s="70">
        <v>377</v>
      </c>
      <c r="BG10" s="71">
        <v>413</v>
      </c>
      <c r="BH10" s="72">
        <v>790</v>
      </c>
      <c r="BI10" s="244"/>
      <c r="BJ10" s="71">
        <v>576</v>
      </c>
      <c r="BK10" s="71">
        <v>628</v>
      </c>
      <c r="BL10" s="71">
        <v>457</v>
      </c>
      <c r="BM10" s="71">
        <v>314</v>
      </c>
      <c r="BN10" s="71">
        <v>168</v>
      </c>
      <c r="BO10" s="72">
        <v>2143</v>
      </c>
      <c r="BP10" s="73">
        <v>2933</v>
      </c>
      <c r="BQ10" s="70">
        <v>208</v>
      </c>
      <c r="BR10" s="71">
        <v>238</v>
      </c>
      <c r="BS10" s="72">
        <v>446</v>
      </c>
      <c r="BT10" s="244"/>
      <c r="BU10" s="71">
        <v>358</v>
      </c>
      <c r="BV10" s="71">
        <v>393</v>
      </c>
      <c r="BW10" s="71">
        <v>312</v>
      </c>
      <c r="BX10" s="71">
        <v>237</v>
      </c>
      <c r="BY10" s="71">
        <v>136</v>
      </c>
      <c r="BZ10" s="72">
        <v>1436</v>
      </c>
      <c r="CA10" s="73">
        <v>1882</v>
      </c>
      <c r="CB10" s="70">
        <v>40</v>
      </c>
      <c r="CC10" s="71">
        <v>87</v>
      </c>
      <c r="CD10" s="72">
        <v>127</v>
      </c>
      <c r="CE10" s="244"/>
      <c r="CF10" s="71">
        <v>47</v>
      </c>
      <c r="CG10" s="71">
        <v>105</v>
      </c>
      <c r="CH10" s="71">
        <v>59</v>
      </c>
      <c r="CI10" s="71">
        <v>74</v>
      </c>
      <c r="CJ10" s="71">
        <v>52</v>
      </c>
      <c r="CK10" s="72">
        <v>337</v>
      </c>
      <c r="CL10" s="73">
        <v>464</v>
      </c>
      <c r="CM10" s="70">
        <v>1540</v>
      </c>
      <c r="CN10" s="71">
        <v>1946</v>
      </c>
      <c r="CO10" s="72">
        <v>3486</v>
      </c>
      <c r="CP10" s="244"/>
      <c r="CQ10" s="71">
        <v>2321</v>
      </c>
      <c r="CR10" s="71">
        <v>2549</v>
      </c>
      <c r="CS10" s="71">
        <v>1931</v>
      </c>
      <c r="CT10" s="71">
        <v>1481</v>
      </c>
      <c r="CU10" s="71">
        <v>952</v>
      </c>
      <c r="CV10" s="72">
        <v>9234</v>
      </c>
      <c r="CW10" s="73">
        <v>12720</v>
      </c>
      <c r="CX10" s="123">
        <v>2814</v>
      </c>
      <c r="CY10" s="82">
        <v>4039</v>
      </c>
      <c r="CZ10" s="83">
        <v>6853</v>
      </c>
      <c r="DA10" s="241"/>
      <c r="DB10" s="82">
        <v>3669</v>
      </c>
      <c r="DC10" s="82">
        <v>4014</v>
      </c>
      <c r="DD10" s="82">
        <v>3049</v>
      </c>
      <c r="DE10" s="82">
        <v>3052</v>
      </c>
      <c r="DF10" s="82">
        <v>1909</v>
      </c>
      <c r="DG10" s="84">
        <v>15693</v>
      </c>
      <c r="DH10" s="85">
        <v>22546</v>
      </c>
      <c r="DI10" s="70">
        <v>77</v>
      </c>
      <c r="DJ10" s="71">
        <v>99</v>
      </c>
      <c r="DK10" s="72">
        <v>176</v>
      </c>
      <c r="DL10" s="244"/>
      <c r="DM10" s="71">
        <v>62</v>
      </c>
      <c r="DN10" s="71">
        <v>88</v>
      </c>
      <c r="DO10" s="71">
        <v>66</v>
      </c>
      <c r="DP10" s="71">
        <v>58</v>
      </c>
      <c r="DQ10" s="71">
        <v>45</v>
      </c>
      <c r="DR10" s="72">
        <v>319</v>
      </c>
      <c r="DS10" s="73">
        <v>495</v>
      </c>
      <c r="DT10" s="70">
        <v>245</v>
      </c>
      <c r="DU10" s="71">
        <v>374</v>
      </c>
      <c r="DV10" s="72">
        <v>619</v>
      </c>
      <c r="DW10" s="244"/>
      <c r="DX10" s="71">
        <v>215</v>
      </c>
      <c r="DY10" s="71">
        <v>308</v>
      </c>
      <c r="DZ10" s="71">
        <v>174</v>
      </c>
      <c r="EA10" s="71">
        <v>157</v>
      </c>
      <c r="EB10" s="71">
        <v>141</v>
      </c>
      <c r="EC10" s="72">
        <v>995</v>
      </c>
      <c r="ED10" s="73">
        <v>1614</v>
      </c>
      <c r="EE10" s="70">
        <v>534</v>
      </c>
      <c r="EF10" s="71">
        <v>685</v>
      </c>
      <c r="EG10" s="72">
        <v>1219</v>
      </c>
      <c r="EH10" s="244"/>
      <c r="EI10" s="71">
        <v>510</v>
      </c>
      <c r="EJ10" s="71">
        <v>518</v>
      </c>
      <c r="EK10" s="71">
        <v>336</v>
      </c>
      <c r="EL10" s="71">
        <v>340</v>
      </c>
      <c r="EM10" s="71">
        <v>237</v>
      </c>
      <c r="EN10" s="72">
        <v>1941</v>
      </c>
      <c r="EO10" s="73">
        <v>3160</v>
      </c>
      <c r="EP10" s="70">
        <v>877</v>
      </c>
      <c r="EQ10" s="71">
        <v>1152</v>
      </c>
      <c r="ER10" s="72">
        <v>2029</v>
      </c>
      <c r="ES10" s="244"/>
      <c r="ET10" s="71">
        <v>1025</v>
      </c>
      <c r="EU10" s="71">
        <v>926</v>
      </c>
      <c r="EV10" s="71">
        <v>620</v>
      </c>
      <c r="EW10" s="71">
        <v>543</v>
      </c>
      <c r="EX10" s="71">
        <v>356</v>
      </c>
      <c r="EY10" s="72">
        <v>3470</v>
      </c>
      <c r="EZ10" s="73">
        <v>5499</v>
      </c>
      <c r="FA10" s="70">
        <v>738</v>
      </c>
      <c r="FB10" s="71">
        <v>1100</v>
      </c>
      <c r="FC10" s="72">
        <v>1838</v>
      </c>
      <c r="FD10" s="244"/>
      <c r="FE10" s="71">
        <v>1059</v>
      </c>
      <c r="FF10" s="71">
        <v>1114</v>
      </c>
      <c r="FG10" s="71">
        <v>788</v>
      </c>
      <c r="FH10" s="71">
        <v>799</v>
      </c>
      <c r="FI10" s="71">
        <v>476</v>
      </c>
      <c r="FJ10" s="72">
        <v>4236</v>
      </c>
      <c r="FK10" s="73">
        <v>6074</v>
      </c>
      <c r="FL10" s="70">
        <v>343</v>
      </c>
      <c r="FM10" s="71">
        <v>629</v>
      </c>
      <c r="FN10" s="72">
        <v>972</v>
      </c>
      <c r="FO10" s="244"/>
      <c r="FP10" s="71">
        <v>798</v>
      </c>
      <c r="FQ10" s="71">
        <v>1060</v>
      </c>
      <c r="FR10" s="71">
        <v>1065</v>
      </c>
      <c r="FS10" s="71">
        <v>1155</v>
      </c>
      <c r="FT10" s="71">
        <v>654</v>
      </c>
      <c r="FU10" s="72">
        <v>4732</v>
      </c>
      <c r="FV10" s="73">
        <v>5704</v>
      </c>
      <c r="FW10" s="70">
        <v>15</v>
      </c>
      <c r="FX10" s="71">
        <v>80</v>
      </c>
      <c r="FY10" s="72">
        <v>95</v>
      </c>
      <c r="FZ10" s="244"/>
      <c r="GA10" s="71">
        <v>45</v>
      </c>
      <c r="GB10" s="71">
        <v>86</v>
      </c>
      <c r="GC10" s="71">
        <v>45</v>
      </c>
      <c r="GD10" s="71">
        <v>51</v>
      </c>
      <c r="GE10" s="71">
        <v>53</v>
      </c>
      <c r="GF10" s="72">
        <v>280</v>
      </c>
      <c r="GG10" s="73">
        <v>375</v>
      </c>
      <c r="GH10" s="70">
        <v>2829</v>
      </c>
      <c r="GI10" s="71">
        <v>4119</v>
      </c>
      <c r="GJ10" s="72">
        <v>6948</v>
      </c>
      <c r="GK10" s="244"/>
      <c r="GL10" s="71">
        <v>3714</v>
      </c>
      <c r="GM10" s="71">
        <v>4100</v>
      </c>
      <c r="GN10" s="71">
        <v>3094</v>
      </c>
      <c r="GO10" s="71">
        <v>3103</v>
      </c>
      <c r="GP10" s="71">
        <v>1962</v>
      </c>
      <c r="GQ10" s="72">
        <v>15973</v>
      </c>
      <c r="GR10" s="73">
        <v>22921</v>
      </c>
      <c r="GS10" s="123">
        <v>4314</v>
      </c>
      <c r="GT10" s="82">
        <v>5898</v>
      </c>
      <c r="GU10" s="83">
        <v>10212</v>
      </c>
      <c r="GV10" s="241"/>
      <c r="GW10" s="82">
        <v>5943</v>
      </c>
      <c r="GX10" s="82">
        <v>6458</v>
      </c>
      <c r="GY10" s="82">
        <v>4921</v>
      </c>
      <c r="GZ10" s="82">
        <v>4459</v>
      </c>
      <c r="HA10" s="82">
        <v>2809</v>
      </c>
      <c r="HB10" s="84">
        <v>24590</v>
      </c>
      <c r="HC10" s="85">
        <v>34802</v>
      </c>
      <c r="HD10" s="70">
        <v>157</v>
      </c>
      <c r="HE10" s="71">
        <v>196</v>
      </c>
      <c r="HF10" s="72">
        <v>353</v>
      </c>
      <c r="HG10" s="244"/>
      <c r="HH10" s="71">
        <v>151</v>
      </c>
      <c r="HI10" s="71">
        <v>214</v>
      </c>
      <c r="HJ10" s="71">
        <v>159</v>
      </c>
      <c r="HK10" s="71">
        <v>134</v>
      </c>
      <c r="HL10" s="71">
        <v>120</v>
      </c>
      <c r="HM10" s="72">
        <v>778</v>
      </c>
      <c r="HN10" s="73">
        <v>1131</v>
      </c>
      <c r="HO10" s="70">
        <v>405</v>
      </c>
      <c r="HP10" s="71">
        <v>660</v>
      </c>
      <c r="HQ10" s="72">
        <v>1065</v>
      </c>
      <c r="HR10" s="244"/>
      <c r="HS10" s="71">
        <v>436</v>
      </c>
      <c r="HT10" s="71">
        <v>599</v>
      </c>
      <c r="HU10" s="71">
        <v>400</v>
      </c>
      <c r="HV10" s="71">
        <v>341</v>
      </c>
      <c r="HW10" s="71">
        <v>251</v>
      </c>
      <c r="HX10" s="72">
        <v>2027</v>
      </c>
      <c r="HY10" s="73">
        <v>3092</v>
      </c>
      <c r="HZ10" s="70">
        <v>796</v>
      </c>
      <c r="IA10" s="71">
        <v>1011</v>
      </c>
      <c r="IB10" s="72">
        <v>1807</v>
      </c>
      <c r="IC10" s="244"/>
      <c r="ID10" s="71">
        <v>927</v>
      </c>
      <c r="IE10" s="71">
        <v>924</v>
      </c>
      <c r="IF10" s="71">
        <v>647</v>
      </c>
      <c r="IG10" s="71">
        <v>581</v>
      </c>
      <c r="IH10" s="71">
        <v>421</v>
      </c>
      <c r="II10" s="72">
        <v>3500</v>
      </c>
      <c r="IJ10" s="73">
        <v>5307</v>
      </c>
      <c r="IK10" s="70">
        <v>1290</v>
      </c>
      <c r="IL10" s="71">
        <v>1651</v>
      </c>
      <c r="IM10" s="72">
        <v>2941</v>
      </c>
      <c r="IN10" s="244"/>
      <c r="IO10" s="71">
        <v>1638</v>
      </c>
      <c r="IP10" s="71">
        <v>1526</v>
      </c>
      <c r="IQ10" s="71">
        <v>1093</v>
      </c>
      <c r="IR10" s="71">
        <v>898</v>
      </c>
      <c r="IS10" s="71">
        <v>583</v>
      </c>
      <c r="IT10" s="72">
        <v>5738</v>
      </c>
      <c r="IU10" s="73">
        <v>8679</v>
      </c>
      <c r="IV10" s="70">
        <v>1115</v>
      </c>
      <c r="IW10" s="71">
        <v>1513</v>
      </c>
      <c r="IX10" s="72">
        <v>2628</v>
      </c>
      <c r="IY10" s="244"/>
      <c r="IZ10" s="71">
        <v>1635</v>
      </c>
      <c r="JA10" s="71">
        <v>1742</v>
      </c>
      <c r="JB10" s="71">
        <v>1245</v>
      </c>
      <c r="JC10" s="71">
        <v>1113</v>
      </c>
      <c r="JD10" s="71">
        <v>644</v>
      </c>
      <c r="JE10" s="72">
        <v>6379</v>
      </c>
      <c r="JF10" s="73">
        <v>9007</v>
      </c>
      <c r="JG10" s="70">
        <v>551</v>
      </c>
      <c r="JH10" s="71">
        <v>867</v>
      </c>
      <c r="JI10" s="72">
        <v>1418</v>
      </c>
      <c r="JJ10" s="244"/>
      <c r="JK10" s="71">
        <v>1156</v>
      </c>
      <c r="JL10" s="71">
        <v>1453</v>
      </c>
      <c r="JM10" s="71">
        <v>1377</v>
      </c>
      <c r="JN10" s="71">
        <v>1392</v>
      </c>
      <c r="JO10" s="71">
        <v>790</v>
      </c>
      <c r="JP10" s="72">
        <v>6168</v>
      </c>
      <c r="JQ10" s="73">
        <v>7586</v>
      </c>
      <c r="JR10" s="70">
        <v>55</v>
      </c>
      <c r="JS10" s="71">
        <v>167</v>
      </c>
      <c r="JT10" s="72">
        <v>222</v>
      </c>
      <c r="JU10" s="244"/>
      <c r="JV10" s="71">
        <v>92</v>
      </c>
      <c r="JW10" s="71">
        <v>191</v>
      </c>
      <c r="JX10" s="71">
        <v>104</v>
      </c>
      <c r="JY10" s="71">
        <v>125</v>
      </c>
      <c r="JZ10" s="71">
        <v>105</v>
      </c>
      <c r="KA10" s="72">
        <v>617</v>
      </c>
      <c r="KB10" s="73">
        <v>839</v>
      </c>
      <c r="KC10" s="70">
        <v>4369</v>
      </c>
      <c r="KD10" s="71">
        <v>6065</v>
      </c>
      <c r="KE10" s="72">
        <v>10434</v>
      </c>
      <c r="KF10" s="244"/>
      <c r="KG10" s="71">
        <v>6035</v>
      </c>
      <c r="KH10" s="71">
        <v>6649</v>
      </c>
      <c r="KI10" s="71">
        <v>5025</v>
      </c>
      <c r="KJ10" s="71">
        <v>4584</v>
      </c>
      <c r="KK10" s="71">
        <v>2914</v>
      </c>
      <c r="KL10" s="72">
        <v>25207</v>
      </c>
      <c r="KM10" s="73">
        <v>35641</v>
      </c>
    </row>
    <row r="11" spans="2:299" ht="21" customHeight="1" x14ac:dyDescent="0.2">
      <c r="B11" s="126" t="s">
        <v>7</v>
      </c>
      <c r="C11" s="315">
        <v>976</v>
      </c>
      <c r="D11" s="82">
        <v>716</v>
      </c>
      <c r="E11" s="83">
        <v>1692</v>
      </c>
      <c r="F11" s="241"/>
      <c r="G11" s="82">
        <v>2308</v>
      </c>
      <c r="H11" s="82">
        <v>1507</v>
      </c>
      <c r="I11" s="82">
        <v>975</v>
      </c>
      <c r="J11" s="82">
        <v>835</v>
      </c>
      <c r="K11" s="82">
        <v>459</v>
      </c>
      <c r="L11" s="84">
        <v>6084</v>
      </c>
      <c r="M11" s="85">
        <v>7776</v>
      </c>
      <c r="N11" s="70">
        <v>41</v>
      </c>
      <c r="O11" s="71">
        <v>22</v>
      </c>
      <c r="P11" s="72">
        <v>63</v>
      </c>
      <c r="Q11" s="244"/>
      <c r="R11" s="71">
        <v>94</v>
      </c>
      <c r="S11" s="71">
        <v>82</v>
      </c>
      <c r="T11" s="71">
        <v>50</v>
      </c>
      <c r="U11" s="71">
        <v>42</v>
      </c>
      <c r="V11" s="71">
        <v>29</v>
      </c>
      <c r="W11" s="72">
        <v>297</v>
      </c>
      <c r="X11" s="73">
        <v>360</v>
      </c>
      <c r="Y11" s="70">
        <v>95</v>
      </c>
      <c r="Z11" s="71">
        <v>82</v>
      </c>
      <c r="AA11" s="72">
        <v>177</v>
      </c>
      <c r="AB11" s="244"/>
      <c r="AC11" s="71">
        <v>259</v>
      </c>
      <c r="AD11" s="71">
        <v>177</v>
      </c>
      <c r="AE11" s="71">
        <v>114</v>
      </c>
      <c r="AF11" s="71">
        <v>83</v>
      </c>
      <c r="AG11" s="71">
        <v>69</v>
      </c>
      <c r="AH11" s="72">
        <v>702</v>
      </c>
      <c r="AI11" s="73">
        <v>879</v>
      </c>
      <c r="AJ11" s="70">
        <v>144</v>
      </c>
      <c r="AK11" s="71">
        <v>118</v>
      </c>
      <c r="AL11" s="72">
        <v>262</v>
      </c>
      <c r="AM11" s="244"/>
      <c r="AN11" s="71">
        <v>380</v>
      </c>
      <c r="AO11" s="71">
        <v>236</v>
      </c>
      <c r="AP11" s="71">
        <v>167</v>
      </c>
      <c r="AQ11" s="71">
        <v>130</v>
      </c>
      <c r="AR11" s="71">
        <v>78</v>
      </c>
      <c r="AS11" s="72">
        <v>991</v>
      </c>
      <c r="AT11" s="73">
        <v>1253</v>
      </c>
      <c r="AU11" s="70">
        <v>249</v>
      </c>
      <c r="AV11" s="71">
        <v>169</v>
      </c>
      <c r="AW11" s="72">
        <v>418</v>
      </c>
      <c r="AX11" s="244"/>
      <c r="AY11" s="71">
        <v>551</v>
      </c>
      <c r="AZ11" s="71">
        <v>383</v>
      </c>
      <c r="BA11" s="71">
        <v>231</v>
      </c>
      <c r="BB11" s="71">
        <v>185</v>
      </c>
      <c r="BC11" s="71">
        <v>118</v>
      </c>
      <c r="BD11" s="72">
        <v>1468</v>
      </c>
      <c r="BE11" s="73">
        <v>1886</v>
      </c>
      <c r="BF11" s="70">
        <v>296</v>
      </c>
      <c r="BG11" s="71">
        <v>213</v>
      </c>
      <c r="BH11" s="72">
        <v>509</v>
      </c>
      <c r="BI11" s="244"/>
      <c r="BJ11" s="71">
        <v>601</v>
      </c>
      <c r="BK11" s="71">
        <v>362</v>
      </c>
      <c r="BL11" s="71">
        <v>253</v>
      </c>
      <c r="BM11" s="71">
        <v>202</v>
      </c>
      <c r="BN11" s="71">
        <v>104</v>
      </c>
      <c r="BO11" s="72">
        <v>1522</v>
      </c>
      <c r="BP11" s="73">
        <v>2031</v>
      </c>
      <c r="BQ11" s="70">
        <v>151</v>
      </c>
      <c r="BR11" s="71">
        <v>112</v>
      </c>
      <c r="BS11" s="72">
        <v>263</v>
      </c>
      <c r="BT11" s="244"/>
      <c r="BU11" s="71">
        <v>423</v>
      </c>
      <c r="BV11" s="71">
        <v>267</v>
      </c>
      <c r="BW11" s="71">
        <v>160</v>
      </c>
      <c r="BX11" s="71">
        <v>193</v>
      </c>
      <c r="BY11" s="71">
        <v>61</v>
      </c>
      <c r="BZ11" s="72">
        <v>1104</v>
      </c>
      <c r="CA11" s="73">
        <v>1367</v>
      </c>
      <c r="CB11" s="70">
        <v>15</v>
      </c>
      <c r="CC11" s="71">
        <v>14</v>
      </c>
      <c r="CD11" s="72">
        <v>29</v>
      </c>
      <c r="CE11" s="244"/>
      <c r="CF11" s="71">
        <v>61</v>
      </c>
      <c r="CG11" s="71">
        <v>59</v>
      </c>
      <c r="CH11" s="71">
        <v>33</v>
      </c>
      <c r="CI11" s="71">
        <v>34</v>
      </c>
      <c r="CJ11" s="71">
        <v>26</v>
      </c>
      <c r="CK11" s="72">
        <v>213</v>
      </c>
      <c r="CL11" s="73">
        <v>242</v>
      </c>
      <c r="CM11" s="70">
        <v>991</v>
      </c>
      <c r="CN11" s="71">
        <v>730</v>
      </c>
      <c r="CO11" s="72">
        <v>1721</v>
      </c>
      <c r="CP11" s="244"/>
      <c r="CQ11" s="71">
        <v>2369</v>
      </c>
      <c r="CR11" s="71">
        <v>1566</v>
      </c>
      <c r="CS11" s="71">
        <v>1008</v>
      </c>
      <c r="CT11" s="71">
        <v>869</v>
      </c>
      <c r="CU11" s="71">
        <v>485</v>
      </c>
      <c r="CV11" s="72">
        <v>6297</v>
      </c>
      <c r="CW11" s="73">
        <v>8018</v>
      </c>
      <c r="CX11" s="123">
        <v>1827</v>
      </c>
      <c r="CY11" s="82">
        <v>1949</v>
      </c>
      <c r="CZ11" s="83">
        <v>3776</v>
      </c>
      <c r="DA11" s="241"/>
      <c r="DB11" s="82">
        <v>4298</v>
      </c>
      <c r="DC11" s="82">
        <v>2652</v>
      </c>
      <c r="DD11" s="82">
        <v>1993</v>
      </c>
      <c r="DE11" s="82">
        <v>2086</v>
      </c>
      <c r="DF11" s="82">
        <v>1131</v>
      </c>
      <c r="DG11" s="84">
        <v>12160</v>
      </c>
      <c r="DH11" s="85">
        <v>15936</v>
      </c>
      <c r="DI11" s="70">
        <v>40</v>
      </c>
      <c r="DJ11" s="71">
        <v>40</v>
      </c>
      <c r="DK11" s="72">
        <v>80</v>
      </c>
      <c r="DL11" s="244"/>
      <c r="DM11" s="71">
        <v>77</v>
      </c>
      <c r="DN11" s="71">
        <v>39</v>
      </c>
      <c r="DO11" s="71">
        <v>35</v>
      </c>
      <c r="DP11" s="71">
        <v>44</v>
      </c>
      <c r="DQ11" s="71">
        <v>38</v>
      </c>
      <c r="DR11" s="72">
        <v>233</v>
      </c>
      <c r="DS11" s="73">
        <v>313</v>
      </c>
      <c r="DT11" s="70">
        <v>130</v>
      </c>
      <c r="DU11" s="71">
        <v>118</v>
      </c>
      <c r="DV11" s="72">
        <v>248</v>
      </c>
      <c r="DW11" s="244"/>
      <c r="DX11" s="71">
        <v>277</v>
      </c>
      <c r="DY11" s="71">
        <v>178</v>
      </c>
      <c r="DZ11" s="71">
        <v>91</v>
      </c>
      <c r="EA11" s="71">
        <v>106</v>
      </c>
      <c r="EB11" s="71">
        <v>49</v>
      </c>
      <c r="EC11" s="72">
        <v>701</v>
      </c>
      <c r="ED11" s="73">
        <v>949</v>
      </c>
      <c r="EE11" s="70">
        <v>278</v>
      </c>
      <c r="EF11" s="71">
        <v>267</v>
      </c>
      <c r="EG11" s="72">
        <v>545</v>
      </c>
      <c r="EH11" s="244"/>
      <c r="EI11" s="71">
        <v>564</v>
      </c>
      <c r="EJ11" s="71">
        <v>287</v>
      </c>
      <c r="EK11" s="71">
        <v>186</v>
      </c>
      <c r="EL11" s="71">
        <v>191</v>
      </c>
      <c r="EM11" s="71">
        <v>136</v>
      </c>
      <c r="EN11" s="72">
        <v>1364</v>
      </c>
      <c r="EO11" s="73">
        <v>1909</v>
      </c>
      <c r="EP11" s="70">
        <v>557</v>
      </c>
      <c r="EQ11" s="71">
        <v>526</v>
      </c>
      <c r="ER11" s="72">
        <v>1083</v>
      </c>
      <c r="ES11" s="244"/>
      <c r="ET11" s="71">
        <v>1007</v>
      </c>
      <c r="EU11" s="71">
        <v>541</v>
      </c>
      <c r="EV11" s="71">
        <v>340</v>
      </c>
      <c r="EW11" s="71">
        <v>360</v>
      </c>
      <c r="EX11" s="71">
        <v>201</v>
      </c>
      <c r="EY11" s="72">
        <v>2449</v>
      </c>
      <c r="EZ11" s="73">
        <v>3532</v>
      </c>
      <c r="FA11" s="70">
        <v>532</v>
      </c>
      <c r="FB11" s="71">
        <v>608</v>
      </c>
      <c r="FC11" s="72">
        <v>1140</v>
      </c>
      <c r="FD11" s="244"/>
      <c r="FE11" s="71">
        <v>1280</v>
      </c>
      <c r="FF11" s="71">
        <v>720</v>
      </c>
      <c r="FG11" s="71">
        <v>562</v>
      </c>
      <c r="FH11" s="71">
        <v>553</v>
      </c>
      <c r="FI11" s="71">
        <v>294</v>
      </c>
      <c r="FJ11" s="72">
        <v>3409</v>
      </c>
      <c r="FK11" s="73">
        <v>4549</v>
      </c>
      <c r="FL11" s="70">
        <v>290</v>
      </c>
      <c r="FM11" s="71">
        <v>390</v>
      </c>
      <c r="FN11" s="72">
        <v>680</v>
      </c>
      <c r="FO11" s="244"/>
      <c r="FP11" s="71">
        <v>1093</v>
      </c>
      <c r="FQ11" s="71">
        <v>887</v>
      </c>
      <c r="FR11" s="71">
        <v>779</v>
      </c>
      <c r="FS11" s="71">
        <v>832</v>
      </c>
      <c r="FT11" s="71">
        <v>413</v>
      </c>
      <c r="FU11" s="72">
        <v>4004</v>
      </c>
      <c r="FV11" s="73">
        <v>4684</v>
      </c>
      <c r="FW11" s="70">
        <v>14</v>
      </c>
      <c r="FX11" s="71">
        <v>15</v>
      </c>
      <c r="FY11" s="72">
        <v>29</v>
      </c>
      <c r="FZ11" s="244"/>
      <c r="GA11" s="71">
        <v>65</v>
      </c>
      <c r="GB11" s="71">
        <v>58</v>
      </c>
      <c r="GC11" s="71">
        <v>36</v>
      </c>
      <c r="GD11" s="71">
        <v>24</v>
      </c>
      <c r="GE11" s="71">
        <v>28</v>
      </c>
      <c r="GF11" s="72">
        <v>211</v>
      </c>
      <c r="GG11" s="73">
        <v>240</v>
      </c>
      <c r="GH11" s="70">
        <v>1841</v>
      </c>
      <c r="GI11" s="71">
        <v>1964</v>
      </c>
      <c r="GJ11" s="72">
        <v>3805</v>
      </c>
      <c r="GK11" s="244"/>
      <c r="GL11" s="71">
        <v>4363</v>
      </c>
      <c r="GM11" s="71">
        <v>2710</v>
      </c>
      <c r="GN11" s="71">
        <v>2029</v>
      </c>
      <c r="GO11" s="71">
        <v>2110</v>
      </c>
      <c r="GP11" s="71">
        <v>1159</v>
      </c>
      <c r="GQ11" s="72">
        <v>12371</v>
      </c>
      <c r="GR11" s="73">
        <v>16176</v>
      </c>
      <c r="GS11" s="123">
        <v>2803</v>
      </c>
      <c r="GT11" s="82">
        <v>2665</v>
      </c>
      <c r="GU11" s="83">
        <v>5468</v>
      </c>
      <c r="GV11" s="241"/>
      <c r="GW11" s="82">
        <v>6606</v>
      </c>
      <c r="GX11" s="82">
        <v>4159</v>
      </c>
      <c r="GY11" s="82">
        <v>2968</v>
      </c>
      <c r="GZ11" s="82">
        <v>2921</v>
      </c>
      <c r="HA11" s="82">
        <v>1590</v>
      </c>
      <c r="HB11" s="84">
        <v>18244</v>
      </c>
      <c r="HC11" s="85">
        <v>23712</v>
      </c>
      <c r="HD11" s="70">
        <v>81</v>
      </c>
      <c r="HE11" s="71">
        <v>62</v>
      </c>
      <c r="HF11" s="72">
        <v>143</v>
      </c>
      <c r="HG11" s="244"/>
      <c r="HH11" s="71">
        <v>171</v>
      </c>
      <c r="HI11" s="71">
        <v>121</v>
      </c>
      <c r="HJ11" s="71">
        <v>85</v>
      </c>
      <c r="HK11" s="71">
        <v>86</v>
      </c>
      <c r="HL11" s="71">
        <v>67</v>
      </c>
      <c r="HM11" s="72">
        <v>530</v>
      </c>
      <c r="HN11" s="73">
        <v>673</v>
      </c>
      <c r="HO11" s="70">
        <v>225</v>
      </c>
      <c r="HP11" s="71">
        <v>200</v>
      </c>
      <c r="HQ11" s="72">
        <v>425</v>
      </c>
      <c r="HR11" s="244"/>
      <c r="HS11" s="71">
        <v>536</v>
      </c>
      <c r="HT11" s="71">
        <v>355</v>
      </c>
      <c r="HU11" s="71">
        <v>205</v>
      </c>
      <c r="HV11" s="71">
        <v>189</v>
      </c>
      <c r="HW11" s="71">
        <v>118</v>
      </c>
      <c r="HX11" s="72">
        <v>1403</v>
      </c>
      <c r="HY11" s="73">
        <v>1828</v>
      </c>
      <c r="HZ11" s="70">
        <v>422</v>
      </c>
      <c r="IA11" s="71">
        <v>385</v>
      </c>
      <c r="IB11" s="72">
        <v>807</v>
      </c>
      <c r="IC11" s="244"/>
      <c r="ID11" s="71">
        <v>944</v>
      </c>
      <c r="IE11" s="71">
        <v>523</v>
      </c>
      <c r="IF11" s="71">
        <v>353</v>
      </c>
      <c r="IG11" s="71">
        <v>321</v>
      </c>
      <c r="IH11" s="71">
        <v>214</v>
      </c>
      <c r="II11" s="72">
        <v>2355</v>
      </c>
      <c r="IJ11" s="73">
        <v>3162</v>
      </c>
      <c r="IK11" s="70">
        <v>806</v>
      </c>
      <c r="IL11" s="71">
        <v>695</v>
      </c>
      <c r="IM11" s="72">
        <v>1501</v>
      </c>
      <c r="IN11" s="244"/>
      <c r="IO11" s="71">
        <v>1558</v>
      </c>
      <c r="IP11" s="71">
        <v>924</v>
      </c>
      <c r="IQ11" s="71">
        <v>571</v>
      </c>
      <c r="IR11" s="71">
        <v>545</v>
      </c>
      <c r="IS11" s="71">
        <v>319</v>
      </c>
      <c r="IT11" s="72">
        <v>3917</v>
      </c>
      <c r="IU11" s="73">
        <v>5418</v>
      </c>
      <c r="IV11" s="70">
        <v>828</v>
      </c>
      <c r="IW11" s="71">
        <v>821</v>
      </c>
      <c r="IX11" s="72">
        <v>1649</v>
      </c>
      <c r="IY11" s="244"/>
      <c r="IZ11" s="71">
        <v>1881</v>
      </c>
      <c r="JA11" s="71">
        <v>1082</v>
      </c>
      <c r="JB11" s="71">
        <v>815</v>
      </c>
      <c r="JC11" s="71">
        <v>755</v>
      </c>
      <c r="JD11" s="71">
        <v>398</v>
      </c>
      <c r="JE11" s="72">
        <v>4931</v>
      </c>
      <c r="JF11" s="73">
        <v>6580</v>
      </c>
      <c r="JG11" s="70">
        <v>441</v>
      </c>
      <c r="JH11" s="71">
        <v>502</v>
      </c>
      <c r="JI11" s="72">
        <v>943</v>
      </c>
      <c r="JJ11" s="244"/>
      <c r="JK11" s="71">
        <v>1516</v>
      </c>
      <c r="JL11" s="71">
        <v>1154</v>
      </c>
      <c r="JM11" s="71">
        <v>939</v>
      </c>
      <c r="JN11" s="71">
        <v>1025</v>
      </c>
      <c r="JO11" s="71">
        <v>474</v>
      </c>
      <c r="JP11" s="72">
        <v>5108</v>
      </c>
      <c r="JQ11" s="73">
        <v>6051</v>
      </c>
      <c r="JR11" s="70">
        <v>29</v>
      </c>
      <c r="JS11" s="71">
        <v>29</v>
      </c>
      <c r="JT11" s="72">
        <v>58</v>
      </c>
      <c r="JU11" s="244"/>
      <c r="JV11" s="71">
        <v>126</v>
      </c>
      <c r="JW11" s="71">
        <v>117</v>
      </c>
      <c r="JX11" s="71">
        <v>69</v>
      </c>
      <c r="JY11" s="71">
        <v>58</v>
      </c>
      <c r="JZ11" s="71">
        <v>54</v>
      </c>
      <c r="KA11" s="72">
        <v>424</v>
      </c>
      <c r="KB11" s="73">
        <v>482</v>
      </c>
      <c r="KC11" s="70">
        <v>2832</v>
      </c>
      <c r="KD11" s="71">
        <v>2694</v>
      </c>
      <c r="KE11" s="72">
        <v>5526</v>
      </c>
      <c r="KF11" s="244"/>
      <c r="KG11" s="71">
        <v>6732</v>
      </c>
      <c r="KH11" s="71">
        <v>4276</v>
      </c>
      <c r="KI11" s="71">
        <v>3037</v>
      </c>
      <c r="KJ11" s="71">
        <v>2979</v>
      </c>
      <c r="KK11" s="71">
        <v>1644</v>
      </c>
      <c r="KL11" s="72">
        <v>18668</v>
      </c>
      <c r="KM11" s="73">
        <v>24194</v>
      </c>
    </row>
    <row r="12" spans="2:299" ht="21" customHeight="1" x14ac:dyDescent="0.2">
      <c r="B12" s="126" t="s">
        <v>8</v>
      </c>
      <c r="C12" s="315">
        <v>553</v>
      </c>
      <c r="D12" s="82">
        <v>360</v>
      </c>
      <c r="E12" s="83">
        <v>913</v>
      </c>
      <c r="F12" s="241"/>
      <c r="G12" s="82">
        <v>949</v>
      </c>
      <c r="H12" s="82">
        <v>881</v>
      </c>
      <c r="I12" s="82">
        <v>631</v>
      </c>
      <c r="J12" s="82">
        <v>495</v>
      </c>
      <c r="K12" s="82">
        <v>278</v>
      </c>
      <c r="L12" s="84">
        <v>3234</v>
      </c>
      <c r="M12" s="85">
        <v>4147</v>
      </c>
      <c r="N12" s="70">
        <v>29</v>
      </c>
      <c r="O12" s="71">
        <v>26</v>
      </c>
      <c r="P12" s="72">
        <v>55</v>
      </c>
      <c r="Q12" s="244"/>
      <c r="R12" s="71">
        <v>41</v>
      </c>
      <c r="S12" s="71">
        <v>43</v>
      </c>
      <c r="T12" s="71">
        <v>23</v>
      </c>
      <c r="U12" s="71">
        <v>27</v>
      </c>
      <c r="V12" s="71">
        <v>12</v>
      </c>
      <c r="W12" s="72">
        <v>146</v>
      </c>
      <c r="X12" s="73">
        <v>201</v>
      </c>
      <c r="Y12" s="70">
        <v>57</v>
      </c>
      <c r="Z12" s="71">
        <v>51</v>
      </c>
      <c r="AA12" s="72">
        <v>108</v>
      </c>
      <c r="AB12" s="244"/>
      <c r="AC12" s="71">
        <v>108</v>
      </c>
      <c r="AD12" s="71">
        <v>122</v>
      </c>
      <c r="AE12" s="71">
        <v>79</v>
      </c>
      <c r="AF12" s="71">
        <v>67</v>
      </c>
      <c r="AG12" s="71">
        <v>42</v>
      </c>
      <c r="AH12" s="72">
        <v>418</v>
      </c>
      <c r="AI12" s="73">
        <v>526</v>
      </c>
      <c r="AJ12" s="70">
        <v>90</v>
      </c>
      <c r="AK12" s="71">
        <v>59</v>
      </c>
      <c r="AL12" s="72">
        <v>149</v>
      </c>
      <c r="AM12" s="244"/>
      <c r="AN12" s="71">
        <v>163</v>
      </c>
      <c r="AO12" s="71">
        <v>137</v>
      </c>
      <c r="AP12" s="71">
        <v>121</v>
      </c>
      <c r="AQ12" s="71">
        <v>77</v>
      </c>
      <c r="AR12" s="71">
        <v>62</v>
      </c>
      <c r="AS12" s="72">
        <v>560</v>
      </c>
      <c r="AT12" s="73">
        <v>709</v>
      </c>
      <c r="AU12" s="70">
        <v>147</v>
      </c>
      <c r="AV12" s="71">
        <v>77</v>
      </c>
      <c r="AW12" s="72">
        <v>224</v>
      </c>
      <c r="AX12" s="244"/>
      <c r="AY12" s="71">
        <v>227</v>
      </c>
      <c r="AZ12" s="71">
        <v>222</v>
      </c>
      <c r="BA12" s="71">
        <v>124</v>
      </c>
      <c r="BB12" s="71">
        <v>116</v>
      </c>
      <c r="BC12" s="71">
        <v>56</v>
      </c>
      <c r="BD12" s="72">
        <v>745</v>
      </c>
      <c r="BE12" s="73">
        <v>969</v>
      </c>
      <c r="BF12" s="70">
        <v>145</v>
      </c>
      <c r="BG12" s="71">
        <v>84</v>
      </c>
      <c r="BH12" s="72">
        <v>229</v>
      </c>
      <c r="BI12" s="244"/>
      <c r="BJ12" s="71">
        <v>257</v>
      </c>
      <c r="BK12" s="71">
        <v>198</v>
      </c>
      <c r="BL12" s="71">
        <v>157</v>
      </c>
      <c r="BM12" s="71">
        <v>112</v>
      </c>
      <c r="BN12" s="71">
        <v>57</v>
      </c>
      <c r="BO12" s="72">
        <v>781</v>
      </c>
      <c r="BP12" s="73">
        <v>1010</v>
      </c>
      <c r="BQ12" s="70">
        <v>85</v>
      </c>
      <c r="BR12" s="71">
        <v>63</v>
      </c>
      <c r="BS12" s="72">
        <v>148</v>
      </c>
      <c r="BT12" s="244"/>
      <c r="BU12" s="71">
        <v>153</v>
      </c>
      <c r="BV12" s="71">
        <v>159</v>
      </c>
      <c r="BW12" s="71">
        <v>127</v>
      </c>
      <c r="BX12" s="71">
        <v>96</v>
      </c>
      <c r="BY12" s="71">
        <v>49</v>
      </c>
      <c r="BZ12" s="72">
        <v>584</v>
      </c>
      <c r="CA12" s="73">
        <v>732</v>
      </c>
      <c r="CB12" s="70">
        <v>15</v>
      </c>
      <c r="CC12" s="71">
        <v>17</v>
      </c>
      <c r="CD12" s="72">
        <v>32</v>
      </c>
      <c r="CE12" s="244"/>
      <c r="CF12" s="71">
        <v>19</v>
      </c>
      <c r="CG12" s="71">
        <v>46</v>
      </c>
      <c r="CH12" s="71">
        <v>28</v>
      </c>
      <c r="CI12" s="71">
        <v>23</v>
      </c>
      <c r="CJ12" s="71">
        <v>13</v>
      </c>
      <c r="CK12" s="72">
        <v>129</v>
      </c>
      <c r="CL12" s="73">
        <v>161</v>
      </c>
      <c r="CM12" s="70">
        <v>568</v>
      </c>
      <c r="CN12" s="71">
        <v>377</v>
      </c>
      <c r="CO12" s="72">
        <v>945</v>
      </c>
      <c r="CP12" s="244"/>
      <c r="CQ12" s="71">
        <v>968</v>
      </c>
      <c r="CR12" s="71">
        <v>927</v>
      </c>
      <c r="CS12" s="71">
        <v>659</v>
      </c>
      <c r="CT12" s="71">
        <v>518</v>
      </c>
      <c r="CU12" s="71">
        <v>291</v>
      </c>
      <c r="CV12" s="72">
        <v>3363</v>
      </c>
      <c r="CW12" s="73">
        <v>4308</v>
      </c>
      <c r="CX12" s="123">
        <v>1033</v>
      </c>
      <c r="CY12" s="82">
        <v>926</v>
      </c>
      <c r="CZ12" s="83">
        <v>1959</v>
      </c>
      <c r="DA12" s="241"/>
      <c r="DB12" s="82">
        <v>1702</v>
      </c>
      <c r="DC12" s="82">
        <v>1594</v>
      </c>
      <c r="DD12" s="82">
        <v>1292</v>
      </c>
      <c r="DE12" s="82">
        <v>1047</v>
      </c>
      <c r="DF12" s="82">
        <v>649</v>
      </c>
      <c r="DG12" s="84">
        <v>6284</v>
      </c>
      <c r="DH12" s="85">
        <v>8243</v>
      </c>
      <c r="DI12" s="70">
        <v>27</v>
      </c>
      <c r="DJ12" s="71">
        <v>19</v>
      </c>
      <c r="DK12" s="72">
        <v>46</v>
      </c>
      <c r="DL12" s="244"/>
      <c r="DM12" s="71">
        <v>46</v>
      </c>
      <c r="DN12" s="71">
        <v>35</v>
      </c>
      <c r="DO12" s="71">
        <v>19</v>
      </c>
      <c r="DP12" s="71">
        <v>19</v>
      </c>
      <c r="DQ12" s="71">
        <v>13</v>
      </c>
      <c r="DR12" s="72">
        <v>132</v>
      </c>
      <c r="DS12" s="73">
        <v>178</v>
      </c>
      <c r="DT12" s="70">
        <v>82</v>
      </c>
      <c r="DU12" s="71">
        <v>72</v>
      </c>
      <c r="DV12" s="72">
        <v>154</v>
      </c>
      <c r="DW12" s="244"/>
      <c r="DX12" s="71">
        <v>95</v>
      </c>
      <c r="DY12" s="71">
        <v>92</v>
      </c>
      <c r="DZ12" s="71">
        <v>69</v>
      </c>
      <c r="EA12" s="71">
        <v>56</v>
      </c>
      <c r="EB12" s="71">
        <v>34</v>
      </c>
      <c r="EC12" s="72">
        <v>346</v>
      </c>
      <c r="ED12" s="73">
        <v>500</v>
      </c>
      <c r="EE12" s="70">
        <v>164</v>
      </c>
      <c r="EF12" s="71">
        <v>151</v>
      </c>
      <c r="EG12" s="72">
        <v>315</v>
      </c>
      <c r="EH12" s="244"/>
      <c r="EI12" s="71">
        <v>219</v>
      </c>
      <c r="EJ12" s="71">
        <v>172</v>
      </c>
      <c r="EK12" s="71">
        <v>121</v>
      </c>
      <c r="EL12" s="71">
        <v>103</v>
      </c>
      <c r="EM12" s="71">
        <v>71</v>
      </c>
      <c r="EN12" s="72">
        <v>686</v>
      </c>
      <c r="EO12" s="73">
        <v>1001</v>
      </c>
      <c r="EP12" s="70">
        <v>322</v>
      </c>
      <c r="EQ12" s="71">
        <v>258</v>
      </c>
      <c r="ER12" s="72">
        <v>580</v>
      </c>
      <c r="ES12" s="244"/>
      <c r="ET12" s="71">
        <v>412</v>
      </c>
      <c r="EU12" s="71">
        <v>325</v>
      </c>
      <c r="EV12" s="71">
        <v>254</v>
      </c>
      <c r="EW12" s="71">
        <v>173</v>
      </c>
      <c r="EX12" s="71">
        <v>115</v>
      </c>
      <c r="EY12" s="72">
        <v>1279</v>
      </c>
      <c r="EZ12" s="73">
        <v>1859</v>
      </c>
      <c r="FA12" s="70">
        <v>298</v>
      </c>
      <c r="FB12" s="71">
        <v>264</v>
      </c>
      <c r="FC12" s="72">
        <v>562</v>
      </c>
      <c r="FD12" s="244"/>
      <c r="FE12" s="71">
        <v>510</v>
      </c>
      <c r="FF12" s="71">
        <v>460</v>
      </c>
      <c r="FG12" s="71">
        <v>352</v>
      </c>
      <c r="FH12" s="71">
        <v>249</v>
      </c>
      <c r="FI12" s="71">
        <v>155</v>
      </c>
      <c r="FJ12" s="72">
        <v>1726</v>
      </c>
      <c r="FK12" s="73">
        <v>2288</v>
      </c>
      <c r="FL12" s="70">
        <v>140</v>
      </c>
      <c r="FM12" s="71">
        <v>162</v>
      </c>
      <c r="FN12" s="72">
        <v>302</v>
      </c>
      <c r="FO12" s="244"/>
      <c r="FP12" s="71">
        <v>420</v>
      </c>
      <c r="FQ12" s="71">
        <v>510</v>
      </c>
      <c r="FR12" s="71">
        <v>477</v>
      </c>
      <c r="FS12" s="71">
        <v>447</v>
      </c>
      <c r="FT12" s="71">
        <v>261</v>
      </c>
      <c r="FU12" s="72">
        <v>2115</v>
      </c>
      <c r="FV12" s="73">
        <v>2417</v>
      </c>
      <c r="FW12" s="70">
        <v>5</v>
      </c>
      <c r="FX12" s="71">
        <v>22</v>
      </c>
      <c r="FY12" s="72">
        <v>27</v>
      </c>
      <c r="FZ12" s="244"/>
      <c r="GA12" s="71">
        <v>16</v>
      </c>
      <c r="GB12" s="71">
        <v>41</v>
      </c>
      <c r="GC12" s="71">
        <v>16</v>
      </c>
      <c r="GD12" s="71">
        <v>18</v>
      </c>
      <c r="GE12" s="71">
        <v>16</v>
      </c>
      <c r="GF12" s="72">
        <v>107</v>
      </c>
      <c r="GG12" s="73">
        <v>134</v>
      </c>
      <c r="GH12" s="70">
        <v>1038</v>
      </c>
      <c r="GI12" s="71">
        <v>948</v>
      </c>
      <c r="GJ12" s="72">
        <v>1986</v>
      </c>
      <c r="GK12" s="244"/>
      <c r="GL12" s="71">
        <v>1718</v>
      </c>
      <c r="GM12" s="71">
        <v>1635</v>
      </c>
      <c r="GN12" s="71">
        <v>1308</v>
      </c>
      <c r="GO12" s="71">
        <v>1065</v>
      </c>
      <c r="GP12" s="71">
        <v>665</v>
      </c>
      <c r="GQ12" s="72">
        <v>6391</v>
      </c>
      <c r="GR12" s="73">
        <v>8377</v>
      </c>
      <c r="GS12" s="123">
        <v>1586</v>
      </c>
      <c r="GT12" s="82">
        <v>1286</v>
      </c>
      <c r="GU12" s="83">
        <v>2872</v>
      </c>
      <c r="GV12" s="241"/>
      <c r="GW12" s="82">
        <v>2651</v>
      </c>
      <c r="GX12" s="82">
        <v>2475</v>
      </c>
      <c r="GY12" s="82">
        <v>1923</v>
      </c>
      <c r="GZ12" s="82">
        <v>1542</v>
      </c>
      <c r="HA12" s="82">
        <v>927</v>
      </c>
      <c r="HB12" s="84">
        <v>9518</v>
      </c>
      <c r="HC12" s="85">
        <v>12390</v>
      </c>
      <c r="HD12" s="70">
        <v>56</v>
      </c>
      <c r="HE12" s="71">
        <v>45</v>
      </c>
      <c r="HF12" s="72">
        <v>101</v>
      </c>
      <c r="HG12" s="244"/>
      <c r="HH12" s="71">
        <v>87</v>
      </c>
      <c r="HI12" s="71">
        <v>78</v>
      </c>
      <c r="HJ12" s="71">
        <v>42</v>
      </c>
      <c r="HK12" s="71">
        <v>46</v>
      </c>
      <c r="HL12" s="71">
        <v>25</v>
      </c>
      <c r="HM12" s="72">
        <v>278</v>
      </c>
      <c r="HN12" s="73">
        <v>379</v>
      </c>
      <c r="HO12" s="70">
        <v>139</v>
      </c>
      <c r="HP12" s="71">
        <v>123</v>
      </c>
      <c r="HQ12" s="72">
        <v>262</v>
      </c>
      <c r="HR12" s="244"/>
      <c r="HS12" s="71">
        <v>203</v>
      </c>
      <c r="HT12" s="71">
        <v>214</v>
      </c>
      <c r="HU12" s="71">
        <v>148</v>
      </c>
      <c r="HV12" s="71">
        <v>123</v>
      </c>
      <c r="HW12" s="71">
        <v>76</v>
      </c>
      <c r="HX12" s="72">
        <v>764</v>
      </c>
      <c r="HY12" s="73">
        <v>1026</v>
      </c>
      <c r="HZ12" s="70">
        <v>254</v>
      </c>
      <c r="IA12" s="71">
        <v>210</v>
      </c>
      <c r="IB12" s="72">
        <v>464</v>
      </c>
      <c r="IC12" s="244"/>
      <c r="ID12" s="71">
        <v>382</v>
      </c>
      <c r="IE12" s="71">
        <v>309</v>
      </c>
      <c r="IF12" s="71">
        <v>242</v>
      </c>
      <c r="IG12" s="71">
        <v>180</v>
      </c>
      <c r="IH12" s="71">
        <v>133</v>
      </c>
      <c r="II12" s="72">
        <v>1246</v>
      </c>
      <c r="IJ12" s="73">
        <v>1710</v>
      </c>
      <c r="IK12" s="70">
        <v>469</v>
      </c>
      <c r="IL12" s="71">
        <v>335</v>
      </c>
      <c r="IM12" s="72">
        <v>804</v>
      </c>
      <c r="IN12" s="244"/>
      <c r="IO12" s="71">
        <v>639</v>
      </c>
      <c r="IP12" s="71">
        <v>547</v>
      </c>
      <c r="IQ12" s="71">
        <v>378</v>
      </c>
      <c r="IR12" s="71">
        <v>289</v>
      </c>
      <c r="IS12" s="71">
        <v>171</v>
      </c>
      <c r="IT12" s="72">
        <v>2024</v>
      </c>
      <c r="IU12" s="73">
        <v>2828</v>
      </c>
      <c r="IV12" s="70">
        <v>443</v>
      </c>
      <c r="IW12" s="71">
        <v>348</v>
      </c>
      <c r="IX12" s="72">
        <v>791</v>
      </c>
      <c r="IY12" s="244"/>
      <c r="IZ12" s="71">
        <v>767</v>
      </c>
      <c r="JA12" s="71">
        <v>658</v>
      </c>
      <c r="JB12" s="71">
        <v>509</v>
      </c>
      <c r="JC12" s="71">
        <v>361</v>
      </c>
      <c r="JD12" s="71">
        <v>212</v>
      </c>
      <c r="JE12" s="72">
        <v>2507</v>
      </c>
      <c r="JF12" s="73">
        <v>3298</v>
      </c>
      <c r="JG12" s="70">
        <v>225</v>
      </c>
      <c r="JH12" s="71">
        <v>225</v>
      </c>
      <c r="JI12" s="72">
        <v>450</v>
      </c>
      <c r="JJ12" s="244"/>
      <c r="JK12" s="71">
        <v>573</v>
      </c>
      <c r="JL12" s="71">
        <v>669</v>
      </c>
      <c r="JM12" s="71">
        <v>604</v>
      </c>
      <c r="JN12" s="71">
        <v>543</v>
      </c>
      <c r="JO12" s="71">
        <v>310</v>
      </c>
      <c r="JP12" s="72">
        <v>2699</v>
      </c>
      <c r="JQ12" s="73">
        <v>3149</v>
      </c>
      <c r="JR12" s="70">
        <v>20</v>
      </c>
      <c r="JS12" s="71">
        <v>39</v>
      </c>
      <c r="JT12" s="72">
        <v>59</v>
      </c>
      <c r="JU12" s="244"/>
      <c r="JV12" s="71">
        <v>35</v>
      </c>
      <c r="JW12" s="71">
        <v>87</v>
      </c>
      <c r="JX12" s="71">
        <v>44</v>
      </c>
      <c r="JY12" s="71">
        <v>41</v>
      </c>
      <c r="JZ12" s="71">
        <v>29</v>
      </c>
      <c r="KA12" s="72">
        <v>236</v>
      </c>
      <c r="KB12" s="73">
        <v>295</v>
      </c>
      <c r="KC12" s="70">
        <v>1606</v>
      </c>
      <c r="KD12" s="71">
        <v>1325</v>
      </c>
      <c r="KE12" s="72">
        <v>2931</v>
      </c>
      <c r="KF12" s="244"/>
      <c r="KG12" s="71">
        <v>2686</v>
      </c>
      <c r="KH12" s="71">
        <v>2562</v>
      </c>
      <c r="KI12" s="71">
        <v>1967</v>
      </c>
      <c r="KJ12" s="71">
        <v>1583</v>
      </c>
      <c r="KK12" s="71">
        <v>956</v>
      </c>
      <c r="KL12" s="72">
        <v>9754</v>
      </c>
      <c r="KM12" s="73">
        <v>12685</v>
      </c>
    </row>
    <row r="13" spans="2:299" ht="21" customHeight="1" x14ac:dyDescent="0.2">
      <c r="B13" s="126" t="s">
        <v>9</v>
      </c>
      <c r="C13" s="315">
        <v>682</v>
      </c>
      <c r="D13" s="82">
        <v>411</v>
      </c>
      <c r="E13" s="83">
        <v>1093</v>
      </c>
      <c r="F13" s="241"/>
      <c r="G13" s="82">
        <v>816</v>
      </c>
      <c r="H13" s="82">
        <v>584</v>
      </c>
      <c r="I13" s="82">
        <v>405</v>
      </c>
      <c r="J13" s="82">
        <v>381</v>
      </c>
      <c r="K13" s="82">
        <v>227</v>
      </c>
      <c r="L13" s="84">
        <v>2413</v>
      </c>
      <c r="M13" s="85">
        <v>3506</v>
      </c>
      <c r="N13" s="70">
        <v>24</v>
      </c>
      <c r="O13" s="71">
        <v>13</v>
      </c>
      <c r="P13" s="72">
        <v>37</v>
      </c>
      <c r="Q13" s="244"/>
      <c r="R13" s="71">
        <v>20</v>
      </c>
      <c r="S13" s="71">
        <v>31</v>
      </c>
      <c r="T13" s="71">
        <v>13</v>
      </c>
      <c r="U13" s="71">
        <v>13</v>
      </c>
      <c r="V13" s="71">
        <v>13</v>
      </c>
      <c r="W13" s="72">
        <v>90</v>
      </c>
      <c r="X13" s="73">
        <v>127</v>
      </c>
      <c r="Y13" s="70">
        <v>42</v>
      </c>
      <c r="Z13" s="71">
        <v>37</v>
      </c>
      <c r="AA13" s="72">
        <v>79</v>
      </c>
      <c r="AB13" s="244"/>
      <c r="AC13" s="71">
        <v>49</v>
      </c>
      <c r="AD13" s="71">
        <v>45</v>
      </c>
      <c r="AE13" s="71">
        <v>28</v>
      </c>
      <c r="AF13" s="71">
        <v>35</v>
      </c>
      <c r="AG13" s="71">
        <v>23</v>
      </c>
      <c r="AH13" s="72">
        <v>180</v>
      </c>
      <c r="AI13" s="73">
        <v>259</v>
      </c>
      <c r="AJ13" s="70">
        <v>88</v>
      </c>
      <c r="AK13" s="71">
        <v>44</v>
      </c>
      <c r="AL13" s="72">
        <v>132</v>
      </c>
      <c r="AM13" s="244"/>
      <c r="AN13" s="71">
        <v>112</v>
      </c>
      <c r="AO13" s="71">
        <v>69</v>
      </c>
      <c r="AP13" s="71">
        <v>68</v>
      </c>
      <c r="AQ13" s="71">
        <v>64</v>
      </c>
      <c r="AR13" s="71">
        <v>36</v>
      </c>
      <c r="AS13" s="72">
        <v>349</v>
      </c>
      <c r="AT13" s="73">
        <v>481</v>
      </c>
      <c r="AU13" s="70">
        <v>174</v>
      </c>
      <c r="AV13" s="71">
        <v>95</v>
      </c>
      <c r="AW13" s="72">
        <v>269</v>
      </c>
      <c r="AX13" s="244"/>
      <c r="AY13" s="71">
        <v>190</v>
      </c>
      <c r="AZ13" s="71">
        <v>112</v>
      </c>
      <c r="BA13" s="71">
        <v>63</v>
      </c>
      <c r="BB13" s="71">
        <v>63</v>
      </c>
      <c r="BC13" s="71">
        <v>53</v>
      </c>
      <c r="BD13" s="72">
        <v>481</v>
      </c>
      <c r="BE13" s="73">
        <v>750</v>
      </c>
      <c r="BF13" s="70">
        <v>203</v>
      </c>
      <c r="BG13" s="71">
        <v>129</v>
      </c>
      <c r="BH13" s="72">
        <v>332</v>
      </c>
      <c r="BI13" s="244"/>
      <c r="BJ13" s="71">
        <v>243</v>
      </c>
      <c r="BK13" s="71">
        <v>165</v>
      </c>
      <c r="BL13" s="71">
        <v>113</v>
      </c>
      <c r="BM13" s="71">
        <v>113</v>
      </c>
      <c r="BN13" s="71">
        <v>41</v>
      </c>
      <c r="BO13" s="72">
        <v>675</v>
      </c>
      <c r="BP13" s="73">
        <v>1007</v>
      </c>
      <c r="BQ13" s="70">
        <v>151</v>
      </c>
      <c r="BR13" s="71">
        <v>93</v>
      </c>
      <c r="BS13" s="72">
        <v>244</v>
      </c>
      <c r="BT13" s="244"/>
      <c r="BU13" s="71">
        <v>202</v>
      </c>
      <c r="BV13" s="71">
        <v>162</v>
      </c>
      <c r="BW13" s="71">
        <v>120</v>
      </c>
      <c r="BX13" s="71">
        <v>93</v>
      </c>
      <c r="BY13" s="71">
        <v>61</v>
      </c>
      <c r="BZ13" s="72">
        <v>638</v>
      </c>
      <c r="CA13" s="73">
        <v>882</v>
      </c>
      <c r="CB13" s="70">
        <v>4</v>
      </c>
      <c r="CC13" s="71">
        <v>16</v>
      </c>
      <c r="CD13" s="72">
        <v>20</v>
      </c>
      <c r="CE13" s="244"/>
      <c r="CF13" s="71">
        <v>28</v>
      </c>
      <c r="CG13" s="71">
        <v>22</v>
      </c>
      <c r="CH13" s="71">
        <v>12</v>
      </c>
      <c r="CI13" s="71">
        <v>13</v>
      </c>
      <c r="CJ13" s="71">
        <v>9</v>
      </c>
      <c r="CK13" s="72">
        <v>84</v>
      </c>
      <c r="CL13" s="73">
        <v>104</v>
      </c>
      <c r="CM13" s="70">
        <v>686</v>
      </c>
      <c r="CN13" s="71">
        <v>427</v>
      </c>
      <c r="CO13" s="72">
        <v>1113</v>
      </c>
      <c r="CP13" s="244"/>
      <c r="CQ13" s="71">
        <v>844</v>
      </c>
      <c r="CR13" s="71">
        <v>606</v>
      </c>
      <c r="CS13" s="71">
        <v>417</v>
      </c>
      <c r="CT13" s="71">
        <v>394</v>
      </c>
      <c r="CU13" s="71">
        <v>236</v>
      </c>
      <c r="CV13" s="72">
        <v>2497</v>
      </c>
      <c r="CW13" s="73">
        <v>3610</v>
      </c>
      <c r="CX13" s="123">
        <v>1394</v>
      </c>
      <c r="CY13" s="82">
        <v>983</v>
      </c>
      <c r="CZ13" s="83">
        <v>2377</v>
      </c>
      <c r="DA13" s="241"/>
      <c r="DB13" s="82">
        <v>1690</v>
      </c>
      <c r="DC13" s="82">
        <v>1155</v>
      </c>
      <c r="DD13" s="82">
        <v>940</v>
      </c>
      <c r="DE13" s="82">
        <v>1003</v>
      </c>
      <c r="DF13" s="82">
        <v>701</v>
      </c>
      <c r="DG13" s="84">
        <v>5489</v>
      </c>
      <c r="DH13" s="85">
        <v>7866</v>
      </c>
      <c r="DI13" s="70">
        <v>27</v>
      </c>
      <c r="DJ13" s="71">
        <v>12</v>
      </c>
      <c r="DK13" s="72">
        <v>39</v>
      </c>
      <c r="DL13" s="244"/>
      <c r="DM13" s="71">
        <v>9</v>
      </c>
      <c r="DN13" s="71">
        <v>15</v>
      </c>
      <c r="DO13" s="71">
        <v>11</v>
      </c>
      <c r="DP13" s="71">
        <v>8</v>
      </c>
      <c r="DQ13" s="71">
        <v>13</v>
      </c>
      <c r="DR13" s="72">
        <v>56</v>
      </c>
      <c r="DS13" s="73">
        <v>95</v>
      </c>
      <c r="DT13" s="70">
        <v>76</v>
      </c>
      <c r="DU13" s="71">
        <v>53</v>
      </c>
      <c r="DV13" s="72">
        <v>129</v>
      </c>
      <c r="DW13" s="244"/>
      <c r="DX13" s="71">
        <v>77</v>
      </c>
      <c r="DY13" s="71">
        <v>43</v>
      </c>
      <c r="DZ13" s="71">
        <v>28</v>
      </c>
      <c r="EA13" s="71">
        <v>35</v>
      </c>
      <c r="EB13" s="71">
        <v>30</v>
      </c>
      <c r="EC13" s="72">
        <v>213</v>
      </c>
      <c r="ED13" s="73">
        <v>342</v>
      </c>
      <c r="EE13" s="70">
        <v>193</v>
      </c>
      <c r="EF13" s="71">
        <v>143</v>
      </c>
      <c r="EG13" s="72">
        <v>336</v>
      </c>
      <c r="EH13" s="244"/>
      <c r="EI13" s="71">
        <v>172</v>
      </c>
      <c r="EJ13" s="71">
        <v>92</v>
      </c>
      <c r="EK13" s="71">
        <v>56</v>
      </c>
      <c r="EL13" s="71">
        <v>56</v>
      </c>
      <c r="EM13" s="71">
        <v>64</v>
      </c>
      <c r="EN13" s="72">
        <v>440</v>
      </c>
      <c r="EO13" s="73">
        <v>776</v>
      </c>
      <c r="EP13" s="70">
        <v>386</v>
      </c>
      <c r="EQ13" s="71">
        <v>239</v>
      </c>
      <c r="ER13" s="72">
        <v>625</v>
      </c>
      <c r="ES13" s="244"/>
      <c r="ET13" s="71">
        <v>344</v>
      </c>
      <c r="EU13" s="71">
        <v>210</v>
      </c>
      <c r="EV13" s="71">
        <v>140</v>
      </c>
      <c r="EW13" s="71">
        <v>148</v>
      </c>
      <c r="EX13" s="71">
        <v>107</v>
      </c>
      <c r="EY13" s="72">
        <v>949</v>
      </c>
      <c r="EZ13" s="73">
        <v>1574</v>
      </c>
      <c r="FA13" s="70">
        <v>443</v>
      </c>
      <c r="FB13" s="71">
        <v>304</v>
      </c>
      <c r="FC13" s="72">
        <v>747</v>
      </c>
      <c r="FD13" s="244"/>
      <c r="FE13" s="71">
        <v>523</v>
      </c>
      <c r="FF13" s="71">
        <v>348</v>
      </c>
      <c r="FG13" s="71">
        <v>266</v>
      </c>
      <c r="FH13" s="71">
        <v>252</v>
      </c>
      <c r="FI13" s="71">
        <v>169</v>
      </c>
      <c r="FJ13" s="72">
        <v>1558</v>
      </c>
      <c r="FK13" s="73">
        <v>2305</v>
      </c>
      <c r="FL13" s="70">
        <v>269</v>
      </c>
      <c r="FM13" s="71">
        <v>232</v>
      </c>
      <c r="FN13" s="72">
        <v>501</v>
      </c>
      <c r="FO13" s="244"/>
      <c r="FP13" s="71">
        <v>565</v>
      </c>
      <c r="FQ13" s="71">
        <v>447</v>
      </c>
      <c r="FR13" s="71">
        <v>439</v>
      </c>
      <c r="FS13" s="71">
        <v>504</v>
      </c>
      <c r="FT13" s="71">
        <v>318</v>
      </c>
      <c r="FU13" s="72">
        <v>2273</v>
      </c>
      <c r="FV13" s="73">
        <v>2774</v>
      </c>
      <c r="FW13" s="70">
        <v>6</v>
      </c>
      <c r="FX13" s="71">
        <v>16</v>
      </c>
      <c r="FY13" s="72">
        <v>22</v>
      </c>
      <c r="FZ13" s="244"/>
      <c r="GA13" s="71">
        <v>9</v>
      </c>
      <c r="GB13" s="71">
        <v>18</v>
      </c>
      <c r="GC13" s="71">
        <v>12</v>
      </c>
      <c r="GD13" s="71">
        <v>12</v>
      </c>
      <c r="GE13" s="71">
        <v>10</v>
      </c>
      <c r="GF13" s="72">
        <v>61</v>
      </c>
      <c r="GG13" s="73">
        <v>83</v>
      </c>
      <c r="GH13" s="70">
        <v>1400</v>
      </c>
      <c r="GI13" s="71">
        <v>999</v>
      </c>
      <c r="GJ13" s="72">
        <v>2399</v>
      </c>
      <c r="GK13" s="244"/>
      <c r="GL13" s="71">
        <v>1699</v>
      </c>
      <c r="GM13" s="71">
        <v>1173</v>
      </c>
      <c r="GN13" s="71">
        <v>952</v>
      </c>
      <c r="GO13" s="71">
        <v>1015</v>
      </c>
      <c r="GP13" s="71">
        <v>711</v>
      </c>
      <c r="GQ13" s="72">
        <v>5550</v>
      </c>
      <c r="GR13" s="73">
        <v>7949</v>
      </c>
      <c r="GS13" s="123">
        <v>2076</v>
      </c>
      <c r="GT13" s="82">
        <v>1394</v>
      </c>
      <c r="GU13" s="83">
        <v>3470</v>
      </c>
      <c r="GV13" s="241"/>
      <c r="GW13" s="82">
        <v>2506</v>
      </c>
      <c r="GX13" s="82">
        <v>1739</v>
      </c>
      <c r="GY13" s="82">
        <v>1345</v>
      </c>
      <c r="GZ13" s="82">
        <v>1384</v>
      </c>
      <c r="HA13" s="82">
        <v>928</v>
      </c>
      <c r="HB13" s="84">
        <v>7902</v>
      </c>
      <c r="HC13" s="85">
        <v>11372</v>
      </c>
      <c r="HD13" s="70">
        <v>51</v>
      </c>
      <c r="HE13" s="71">
        <v>25</v>
      </c>
      <c r="HF13" s="72">
        <v>76</v>
      </c>
      <c r="HG13" s="244"/>
      <c r="HH13" s="71">
        <v>29</v>
      </c>
      <c r="HI13" s="71">
        <v>46</v>
      </c>
      <c r="HJ13" s="71">
        <v>24</v>
      </c>
      <c r="HK13" s="71">
        <v>21</v>
      </c>
      <c r="HL13" s="71">
        <v>26</v>
      </c>
      <c r="HM13" s="72">
        <v>146</v>
      </c>
      <c r="HN13" s="73">
        <v>222</v>
      </c>
      <c r="HO13" s="70">
        <v>118</v>
      </c>
      <c r="HP13" s="71">
        <v>90</v>
      </c>
      <c r="HQ13" s="72">
        <v>208</v>
      </c>
      <c r="HR13" s="244"/>
      <c r="HS13" s="71">
        <v>126</v>
      </c>
      <c r="HT13" s="71">
        <v>88</v>
      </c>
      <c r="HU13" s="71">
        <v>56</v>
      </c>
      <c r="HV13" s="71">
        <v>70</v>
      </c>
      <c r="HW13" s="71">
        <v>53</v>
      </c>
      <c r="HX13" s="72">
        <v>393</v>
      </c>
      <c r="HY13" s="73">
        <v>601</v>
      </c>
      <c r="HZ13" s="70">
        <v>281</v>
      </c>
      <c r="IA13" s="71">
        <v>187</v>
      </c>
      <c r="IB13" s="72">
        <v>468</v>
      </c>
      <c r="IC13" s="244"/>
      <c r="ID13" s="71">
        <v>284</v>
      </c>
      <c r="IE13" s="71">
        <v>161</v>
      </c>
      <c r="IF13" s="71">
        <v>124</v>
      </c>
      <c r="IG13" s="71">
        <v>120</v>
      </c>
      <c r="IH13" s="71">
        <v>100</v>
      </c>
      <c r="II13" s="72">
        <v>789</v>
      </c>
      <c r="IJ13" s="73">
        <v>1257</v>
      </c>
      <c r="IK13" s="70">
        <v>560</v>
      </c>
      <c r="IL13" s="71">
        <v>334</v>
      </c>
      <c r="IM13" s="72">
        <v>894</v>
      </c>
      <c r="IN13" s="244"/>
      <c r="IO13" s="71">
        <v>534</v>
      </c>
      <c r="IP13" s="71">
        <v>322</v>
      </c>
      <c r="IQ13" s="71">
        <v>203</v>
      </c>
      <c r="IR13" s="71">
        <v>211</v>
      </c>
      <c r="IS13" s="71">
        <v>160</v>
      </c>
      <c r="IT13" s="72">
        <v>1430</v>
      </c>
      <c r="IU13" s="73">
        <v>2324</v>
      </c>
      <c r="IV13" s="70">
        <v>646</v>
      </c>
      <c r="IW13" s="71">
        <v>433</v>
      </c>
      <c r="IX13" s="72">
        <v>1079</v>
      </c>
      <c r="IY13" s="244"/>
      <c r="IZ13" s="71">
        <v>766</v>
      </c>
      <c r="JA13" s="71">
        <v>513</v>
      </c>
      <c r="JB13" s="71">
        <v>379</v>
      </c>
      <c r="JC13" s="71">
        <v>365</v>
      </c>
      <c r="JD13" s="71">
        <v>210</v>
      </c>
      <c r="JE13" s="72">
        <v>2233</v>
      </c>
      <c r="JF13" s="73">
        <v>3312</v>
      </c>
      <c r="JG13" s="70">
        <v>420</v>
      </c>
      <c r="JH13" s="71">
        <v>325</v>
      </c>
      <c r="JI13" s="72">
        <v>745</v>
      </c>
      <c r="JJ13" s="244"/>
      <c r="JK13" s="71">
        <v>767</v>
      </c>
      <c r="JL13" s="71">
        <v>609</v>
      </c>
      <c r="JM13" s="71">
        <v>559</v>
      </c>
      <c r="JN13" s="71">
        <v>597</v>
      </c>
      <c r="JO13" s="71">
        <v>379</v>
      </c>
      <c r="JP13" s="72">
        <v>2911</v>
      </c>
      <c r="JQ13" s="73">
        <v>3656</v>
      </c>
      <c r="JR13" s="70">
        <v>10</v>
      </c>
      <c r="JS13" s="71">
        <v>32</v>
      </c>
      <c r="JT13" s="72">
        <v>42</v>
      </c>
      <c r="JU13" s="244"/>
      <c r="JV13" s="71">
        <v>37</v>
      </c>
      <c r="JW13" s="71">
        <v>40</v>
      </c>
      <c r="JX13" s="71">
        <v>24</v>
      </c>
      <c r="JY13" s="71">
        <v>25</v>
      </c>
      <c r="JZ13" s="71">
        <v>19</v>
      </c>
      <c r="KA13" s="72">
        <v>145</v>
      </c>
      <c r="KB13" s="73">
        <v>187</v>
      </c>
      <c r="KC13" s="70">
        <v>2086</v>
      </c>
      <c r="KD13" s="71">
        <v>1426</v>
      </c>
      <c r="KE13" s="72">
        <v>3512</v>
      </c>
      <c r="KF13" s="244"/>
      <c r="KG13" s="71">
        <v>2543</v>
      </c>
      <c r="KH13" s="71">
        <v>1779</v>
      </c>
      <c r="KI13" s="71">
        <v>1369</v>
      </c>
      <c r="KJ13" s="71">
        <v>1409</v>
      </c>
      <c r="KK13" s="71">
        <v>947</v>
      </c>
      <c r="KL13" s="72">
        <v>8047</v>
      </c>
      <c r="KM13" s="73">
        <v>11559</v>
      </c>
    </row>
    <row r="14" spans="2:299" ht="21" customHeight="1" x14ac:dyDescent="0.2">
      <c r="B14" s="126" t="s">
        <v>10</v>
      </c>
      <c r="C14" s="315">
        <v>1450</v>
      </c>
      <c r="D14" s="82">
        <v>956</v>
      </c>
      <c r="E14" s="83">
        <v>2406</v>
      </c>
      <c r="F14" s="241"/>
      <c r="G14" s="82">
        <v>1713</v>
      </c>
      <c r="H14" s="82">
        <v>986</v>
      </c>
      <c r="I14" s="82">
        <v>701</v>
      </c>
      <c r="J14" s="82">
        <v>634</v>
      </c>
      <c r="K14" s="82">
        <v>438</v>
      </c>
      <c r="L14" s="84">
        <v>4472</v>
      </c>
      <c r="M14" s="85">
        <v>6878</v>
      </c>
      <c r="N14" s="70">
        <v>52</v>
      </c>
      <c r="O14" s="71">
        <v>61</v>
      </c>
      <c r="P14" s="72">
        <v>113</v>
      </c>
      <c r="Q14" s="244"/>
      <c r="R14" s="71">
        <v>65</v>
      </c>
      <c r="S14" s="71">
        <v>56</v>
      </c>
      <c r="T14" s="71">
        <v>32</v>
      </c>
      <c r="U14" s="71">
        <v>25</v>
      </c>
      <c r="V14" s="71">
        <v>31</v>
      </c>
      <c r="W14" s="72">
        <v>209</v>
      </c>
      <c r="X14" s="73">
        <v>322</v>
      </c>
      <c r="Y14" s="70">
        <v>144</v>
      </c>
      <c r="Z14" s="71">
        <v>113</v>
      </c>
      <c r="AA14" s="72">
        <v>257</v>
      </c>
      <c r="AB14" s="244"/>
      <c r="AC14" s="71">
        <v>195</v>
      </c>
      <c r="AD14" s="71">
        <v>106</v>
      </c>
      <c r="AE14" s="71">
        <v>70</v>
      </c>
      <c r="AF14" s="71">
        <v>74</v>
      </c>
      <c r="AG14" s="71">
        <v>68</v>
      </c>
      <c r="AH14" s="72">
        <v>513</v>
      </c>
      <c r="AI14" s="73">
        <v>770</v>
      </c>
      <c r="AJ14" s="70">
        <v>196</v>
      </c>
      <c r="AK14" s="71">
        <v>142</v>
      </c>
      <c r="AL14" s="72">
        <v>338</v>
      </c>
      <c r="AM14" s="244"/>
      <c r="AN14" s="71">
        <v>276</v>
      </c>
      <c r="AO14" s="71">
        <v>168</v>
      </c>
      <c r="AP14" s="71">
        <v>114</v>
      </c>
      <c r="AQ14" s="71">
        <v>97</v>
      </c>
      <c r="AR14" s="71">
        <v>63</v>
      </c>
      <c r="AS14" s="72">
        <v>718</v>
      </c>
      <c r="AT14" s="73">
        <v>1056</v>
      </c>
      <c r="AU14" s="70">
        <v>388</v>
      </c>
      <c r="AV14" s="71">
        <v>226</v>
      </c>
      <c r="AW14" s="72">
        <v>614</v>
      </c>
      <c r="AX14" s="244"/>
      <c r="AY14" s="71">
        <v>402</v>
      </c>
      <c r="AZ14" s="71">
        <v>213</v>
      </c>
      <c r="BA14" s="71">
        <v>135</v>
      </c>
      <c r="BB14" s="71">
        <v>132</v>
      </c>
      <c r="BC14" s="71">
        <v>110</v>
      </c>
      <c r="BD14" s="72">
        <v>992</v>
      </c>
      <c r="BE14" s="73">
        <v>1606</v>
      </c>
      <c r="BF14" s="70">
        <v>423</v>
      </c>
      <c r="BG14" s="71">
        <v>241</v>
      </c>
      <c r="BH14" s="72">
        <v>664</v>
      </c>
      <c r="BI14" s="244"/>
      <c r="BJ14" s="71">
        <v>473</v>
      </c>
      <c r="BK14" s="71">
        <v>229</v>
      </c>
      <c r="BL14" s="71">
        <v>186</v>
      </c>
      <c r="BM14" s="71">
        <v>160</v>
      </c>
      <c r="BN14" s="71">
        <v>90</v>
      </c>
      <c r="BO14" s="72">
        <v>1138</v>
      </c>
      <c r="BP14" s="73">
        <v>1802</v>
      </c>
      <c r="BQ14" s="70">
        <v>247</v>
      </c>
      <c r="BR14" s="71">
        <v>173</v>
      </c>
      <c r="BS14" s="72">
        <v>420</v>
      </c>
      <c r="BT14" s="244"/>
      <c r="BU14" s="71">
        <v>302</v>
      </c>
      <c r="BV14" s="71">
        <v>214</v>
      </c>
      <c r="BW14" s="71">
        <v>164</v>
      </c>
      <c r="BX14" s="71">
        <v>146</v>
      </c>
      <c r="BY14" s="71">
        <v>76</v>
      </c>
      <c r="BZ14" s="72">
        <v>902</v>
      </c>
      <c r="CA14" s="73">
        <v>1322</v>
      </c>
      <c r="CB14" s="70">
        <v>43</v>
      </c>
      <c r="CC14" s="71">
        <v>34</v>
      </c>
      <c r="CD14" s="72">
        <v>77</v>
      </c>
      <c r="CE14" s="244"/>
      <c r="CF14" s="71">
        <v>73</v>
      </c>
      <c r="CG14" s="71">
        <v>44</v>
      </c>
      <c r="CH14" s="71">
        <v>25</v>
      </c>
      <c r="CI14" s="71">
        <v>20</v>
      </c>
      <c r="CJ14" s="71">
        <v>34</v>
      </c>
      <c r="CK14" s="72">
        <v>196</v>
      </c>
      <c r="CL14" s="73">
        <v>273</v>
      </c>
      <c r="CM14" s="70">
        <v>1493</v>
      </c>
      <c r="CN14" s="71">
        <v>990</v>
      </c>
      <c r="CO14" s="72">
        <v>2483</v>
      </c>
      <c r="CP14" s="244"/>
      <c r="CQ14" s="71">
        <v>1786</v>
      </c>
      <c r="CR14" s="71">
        <v>1030</v>
      </c>
      <c r="CS14" s="71">
        <v>726</v>
      </c>
      <c r="CT14" s="71">
        <v>654</v>
      </c>
      <c r="CU14" s="71">
        <v>472</v>
      </c>
      <c r="CV14" s="72">
        <v>4668</v>
      </c>
      <c r="CW14" s="73">
        <v>7151</v>
      </c>
      <c r="CX14" s="123">
        <v>2893</v>
      </c>
      <c r="CY14" s="82">
        <v>2164</v>
      </c>
      <c r="CZ14" s="83">
        <v>5057</v>
      </c>
      <c r="DA14" s="241"/>
      <c r="DB14" s="82">
        <v>3186</v>
      </c>
      <c r="DC14" s="82">
        <v>1758</v>
      </c>
      <c r="DD14" s="82">
        <v>1478</v>
      </c>
      <c r="DE14" s="82">
        <v>1474</v>
      </c>
      <c r="DF14" s="82">
        <v>1220</v>
      </c>
      <c r="DG14" s="84">
        <v>9116</v>
      </c>
      <c r="DH14" s="85">
        <v>14173</v>
      </c>
      <c r="DI14" s="70">
        <v>51</v>
      </c>
      <c r="DJ14" s="71">
        <v>56</v>
      </c>
      <c r="DK14" s="72">
        <v>107</v>
      </c>
      <c r="DL14" s="244"/>
      <c r="DM14" s="71">
        <v>75</v>
      </c>
      <c r="DN14" s="71">
        <v>25</v>
      </c>
      <c r="DO14" s="71">
        <v>22</v>
      </c>
      <c r="DP14" s="71">
        <v>21</v>
      </c>
      <c r="DQ14" s="71">
        <v>26</v>
      </c>
      <c r="DR14" s="72">
        <v>169</v>
      </c>
      <c r="DS14" s="73">
        <v>276</v>
      </c>
      <c r="DT14" s="70">
        <v>200</v>
      </c>
      <c r="DU14" s="71">
        <v>151</v>
      </c>
      <c r="DV14" s="72">
        <v>351</v>
      </c>
      <c r="DW14" s="244"/>
      <c r="DX14" s="71">
        <v>175</v>
      </c>
      <c r="DY14" s="71">
        <v>98</v>
      </c>
      <c r="DZ14" s="71">
        <v>50</v>
      </c>
      <c r="EA14" s="71">
        <v>57</v>
      </c>
      <c r="EB14" s="71">
        <v>63</v>
      </c>
      <c r="EC14" s="72">
        <v>443</v>
      </c>
      <c r="ED14" s="73">
        <v>794</v>
      </c>
      <c r="EE14" s="70">
        <v>445</v>
      </c>
      <c r="EF14" s="71">
        <v>292</v>
      </c>
      <c r="EG14" s="72">
        <v>737</v>
      </c>
      <c r="EH14" s="244"/>
      <c r="EI14" s="71">
        <v>377</v>
      </c>
      <c r="EJ14" s="71">
        <v>163</v>
      </c>
      <c r="EK14" s="71">
        <v>143</v>
      </c>
      <c r="EL14" s="71">
        <v>123</v>
      </c>
      <c r="EM14" s="71">
        <v>112</v>
      </c>
      <c r="EN14" s="72">
        <v>918</v>
      </c>
      <c r="EO14" s="73">
        <v>1655</v>
      </c>
      <c r="EP14" s="70">
        <v>849</v>
      </c>
      <c r="EQ14" s="71">
        <v>550</v>
      </c>
      <c r="ER14" s="72">
        <v>1399</v>
      </c>
      <c r="ES14" s="244"/>
      <c r="ET14" s="71">
        <v>673</v>
      </c>
      <c r="EU14" s="71">
        <v>349</v>
      </c>
      <c r="EV14" s="71">
        <v>248</v>
      </c>
      <c r="EW14" s="71">
        <v>242</v>
      </c>
      <c r="EX14" s="71">
        <v>207</v>
      </c>
      <c r="EY14" s="72">
        <v>1719</v>
      </c>
      <c r="EZ14" s="73">
        <v>3118</v>
      </c>
      <c r="FA14" s="70">
        <v>900</v>
      </c>
      <c r="FB14" s="71">
        <v>623</v>
      </c>
      <c r="FC14" s="72">
        <v>1523</v>
      </c>
      <c r="FD14" s="244"/>
      <c r="FE14" s="71">
        <v>991</v>
      </c>
      <c r="FF14" s="71">
        <v>505</v>
      </c>
      <c r="FG14" s="71">
        <v>409</v>
      </c>
      <c r="FH14" s="71">
        <v>340</v>
      </c>
      <c r="FI14" s="71">
        <v>328</v>
      </c>
      <c r="FJ14" s="72">
        <v>2573</v>
      </c>
      <c r="FK14" s="73">
        <v>4096</v>
      </c>
      <c r="FL14" s="70">
        <v>448</v>
      </c>
      <c r="FM14" s="71">
        <v>492</v>
      </c>
      <c r="FN14" s="72">
        <v>940</v>
      </c>
      <c r="FO14" s="244"/>
      <c r="FP14" s="71">
        <v>895</v>
      </c>
      <c r="FQ14" s="71">
        <v>618</v>
      </c>
      <c r="FR14" s="71">
        <v>606</v>
      </c>
      <c r="FS14" s="71">
        <v>691</v>
      </c>
      <c r="FT14" s="71">
        <v>484</v>
      </c>
      <c r="FU14" s="72">
        <v>3294</v>
      </c>
      <c r="FV14" s="73">
        <v>4234</v>
      </c>
      <c r="FW14" s="70">
        <v>33</v>
      </c>
      <c r="FX14" s="71">
        <v>38</v>
      </c>
      <c r="FY14" s="72">
        <v>71</v>
      </c>
      <c r="FZ14" s="244"/>
      <c r="GA14" s="71">
        <v>56</v>
      </c>
      <c r="GB14" s="71">
        <v>33</v>
      </c>
      <c r="GC14" s="71">
        <v>20</v>
      </c>
      <c r="GD14" s="71">
        <v>23</v>
      </c>
      <c r="GE14" s="71">
        <v>32</v>
      </c>
      <c r="GF14" s="72">
        <v>164</v>
      </c>
      <c r="GG14" s="73">
        <v>235</v>
      </c>
      <c r="GH14" s="70">
        <v>2926</v>
      </c>
      <c r="GI14" s="71">
        <v>2202</v>
      </c>
      <c r="GJ14" s="72">
        <v>5128</v>
      </c>
      <c r="GK14" s="244"/>
      <c r="GL14" s="71">
        <v>3242</v>
      </c>
      <c r="GM14" s="71">
        <v>1791</v>
      </c>
      <c r="GN14" s="71">
        <v>1498</v>
      </c>
      <c r="GO14" s="71">
        <v>1497</v>
      </c>
      <c r="GP14" s="71">
        <v>1252</v>
      </c>
      <c r="GQ14" s="72">
        <v>9280</v>
      </c>
      <c r="GR14" s="73">
        <v>14408</v>
      </c>
      <c r="GS14" s="123">
        <v>4343</v>
      </c>
      <c r="GT14" s="82">
        <v>3120</v>
      </c>
      <c r="GU14" s="83">
        <v>7463</v>
      </c>
      <c r="GV14" s="241"/>
      <c r="GW14" s="82">
        <v>4899</v>
      </c>
      <c r="GX14" s="82">
        <v>2744</v>
      </c>
      <c r="GY14" s="82">
        <v>2179</v>
      </c>
      <c r="GZ14" s="82">
        <v>2108</v>
      </c>
      <c r="HA14" s="82">
        <v>1658</v>
      </c>
      <c r="HB14" s="84">
        <v>13588</v>
      </c>
      <c r="HC14" s="85">
        <v>21051</v>
      </c>
      <c r="HD14" s="70">
        <v>103</v>
      </c>
      <c r="HE14" s="71">
        <v>117</v>
      </c>
      <c r="HF14" s="72">
        <v>220</v>
      </c>
      <c r="HG14" s="244"/>
      <c r="HH14" s="71">
        <v>140</v>
      </c>
      <c r="HI14" s="71">
        <v>81</v>
      </c>
      <c r="HJ14" s="71">
        <v>54</v>
      </c>
      <c r="HK14" s="71">
        <v>46</v>
      </c>
      <c r="HL14" s="71">
        <v>57</v>
      </c>
      <c r="HM14" s="72">
        <v>378</v>
      </c>
      <c r="HN14" s="73">
        <v>598</v>
      </c>
      <c r="HO14" s="70">
        <v>344</v>
      </c>
      <c r="HP14" s="71">
        <v>264</v>
      </c>
      <c r="HQ14" s="72">
        <v>608</v>
      </c>
      <c r="HR14" s="244"/>
      <c r="HS14" s="71">
        <v>370</v>
      </c>
      <c r="HT14" s="71">
        <v>204</v>
      </c>
      <c r="HU14" s="71">
        <v>120</v>
      </c>
      <c r="HV14" s="71">
        <v>131</v>
      </c>
      <c r="HW14" s="71">
        <v>131</v>
      </c>
      <c r="HX14" s="72">
        <v>956</v>
      </c>
      <c r="HY14" s="73">
        <v>1564</v>
      </c>
      <c r="HZ14" s="70">
        <v>641</v>
      </c>
      <c r="IA14" s="71">
        <v>434</v>
      </c>
      <c r="IB14" s="72">
        <v>1075</v>
      </c>
      <c r="IC14" s="244"/>
      <c r="ID14" s="71">
        <v>653</v>
      </c>
      <c r="IE14" s="71">
        <v>331</v>
      </c>
      <c r="IF14" s="71">
        <v>257</v>
      </c>
      <c r="IG14" s="71">
        <v>220</v>
      </c>
      <c r="IH14" s="71">
        <v>175</v>
      </c>
      <c r="II14" s="72">
        <v>1636</v>
      </c>
      <c r="IJ14" s="73">
        <v>2711</v>
      </c>
      <c r="IK14" s="70">
        <v>1237</v>
      </c>
      <c r="IL14" s="71">
        <v>776</v>
      </c>
      <c r="IM14" s="72">
        <v>2013</v>
      </c>
      <c r="IN14" s="244"/>
      <c r="IO14" s="71">
        <v>1075</v>
      </c>
      <c r="IP14" s="71">
        <v>562</v>
      </c>
      <c r="IQ14" s="71">
        <v>383</v>
      </c>
      <c r="IR14" s="71">
        <v>374</v>
      </c>
      <c r="IS14" s="71">
        <v>317</v>
      </c>
      <c r="IT14" s="72">
        <v>2711</v>
      </c>
      <c r="IU14" s="73">
        <v>4724</v>
      </c>
      <c r="IV14" s="70">
        <v>1323</v>
      </c>
      <c r="IW14" s="71">
        <v>864</v>
      </c>
      <c r="IX14" s="72">
        <v>2187</v>
      </c>
      <c r="IY14" s="244"/>
      <c r="IZ14" s="71">
        <v>1464</v>
      </c>
      <c r="JA14" s="71">
        <v>734</v>
      </c>
      <c r="JB14" s="71">
        <v>595</v>
      </c>
      <c r="JC14" s="71">
        <v>500</v>
      </c>
      <c r="JD14" s="71">
        <v>418</v>
      </c>
      <c r="JE14" s="72">
        <v>3711</v>
      </c>
      <c r="JF14" s="73">
        <v>5898</v>
      </c>
      <c r="JG14" s="70">
        <v>695</v>
      </c>
      <c r="JH14" s="71">
        <v>665</v>
      </c>
      <c r="JI14" s="72">
        <v>1360</v>
      </c>
      <c r="JJ14" s="244"/>
      <c r="JK14" s="71">
        <v>1197</v>
      </c>
      <c r="JL14" s="71">
        <v>832</v>
      </c>
      <c r="JM14" s="71">
        <v>770</v>
      </c>
      <c r="JN14" s="71">
        <v>837</v>
      </c>
      <c r="JO14" s="71">
        <v>560</v>
      </c>
      <c r="JP14" s="72">
        <v>4196</v>
      </c>
      <c r="JQ14" s="73">
        <v>5556</v>
      </c>
      <c r="JR14" s="70">
        <v>76</v>
      </c>
      <c r="JS14" s="71">
        <v>72</v>
      </c>
      <c r="JT14" s="72">
        <v>148</v>
      </c>
      <c r="JU14" s="244"/>
      <c r="JV14" s="71">
        <v>129</v>
      </c>
      <c r="JW14" s="71">
        <v>77</v>
      </c>
      <c r="JX14" s="71">
        <v>45</v>
      </c>
      <c r="JY14" s="71">
        <v>43</v>
      </c>
      <c r="JZ14" s="71">
        <v>66</v>
      </c>
      <c r="KA14" s="72">
        <v>360</v>
      </c>
      <c r="KB14" s="73">
        <v>508</v>
      </c>
      <c r="KC14" s="70">
        <v>4419</v>
      </c>
      <c r="KD14" s="71">
        <v>3192</v>
      </c>
      <c r="KE14" s="72">
        <v>7611</v>
      </c>
      <c r="KF14" s="244"/>
      <c r="KG14" s="71">
        <v>5028</v>
      </c>
      <c r="KH14" s="71">
        <v>2821</v>
      </c>
      <c r="KI14" s="71">
        <v>2224</v>
      </c>
      <c r="KJ14" s="71">
        <v>2151</v>
      </c>
      <c r="KK14" s="71">
        <v>1724</v>
      </c>
      <c r="KL14" s="72">
        <v>13948</v>
      </c>
      <c r="KM14" s="73">
        <v>21559</v>
      </c>
    </row>
    <row r="15" spans="2:299" ht="21" customHeight="1" x14ac:dyDescent="0.2">
      <c r="B15" s="126" t="s">
        <v>11</v>
      </c>
      <c r="C15" s="315">
        <v>476</v>
      </c>
      <c r="D15" s="82">
        <v>332</v>
      </c>
      <c r="E15" s="83">
        <v>808</v>
      </c>
      <c r="F15" s="241"/>
      <c r="G15" s="82">
        <v>846</v>
      </c>
      <c r="H15" s="82">
        <v>548</v>
      </c>
      <c r="I15" s="82">
        <v>458</v>
      </c>
      <c r="J15" s="82">
        <v>398</v>
      </c>
      <c r="K15" s="82">
        <v>199</v>
      </c>
      <c r="L15" s="84">
        <v>2449</v>
      </c>
      <c r="M15" s="85">
        <v>3257</v>
      </c>
      <c r="N15" s="70">
        <v>17</v>
      </c>
      <c r="O15" s="71">
        <v>15</v>
      </c>
      <c r="P15" s="72">
        <v>32</v>
      </c>
      <c r="Q15" s="244"/>
      <c r="R15" s="71">
        <v>47</v>
      </c>
      <c r="S15" s="71">
        <v>25</v>
      </c>
      <c r="T15" s="71">
        <v>18</v>
      </c>
      <c r="U15" s="71">
        <v>16</v>
      </c>
      <c r="V15" s="71">
        <v>12</v>
      </c>
      <c r="W15" s="72">
        <v>118</v>
      </c>
      <c r="X15" s="73">
        <v>150</v>
      </c>
      <c r="Y15" s="70">
        <v>55</v>
      </c>
      <c r="Z15" s="71">
        <v>39</v>
      </c>
      <c r="AA15" s="72">
        <v>94</v>
      </c>
      <c r="AB15" s="244"/>
      <c r="AC15" s="71">
        <v>98</v>
      </c>
      <c r="AD15" s="71">
        <v>57</v>
      </c>
      <c r="AE15" s="71">
        <v>61</v>
      </c>
      <c r="AF15" s="71">
        <v>39</v>
      </c>
      <c r="AG15" s="71">
        <v>29</v>
      </c>
      <c r="AH15" s="72">
        <v>284</v>
      </c>
      <c r="AI15" s="73">
        <v>378</v>
      </c>
      <c r="AJ15" s="70">
        <v>67</v>
      </c>
      <c r="AK15" s="71">
        <v>56</v>
      </c>
      <c r="AL15" s="72">
        <v>123</v>
      </c>
      <c r="AM15" s="244"/>
      <c r="AN15" s="71">
        <v>153</v>
      </c>
      <c r="AO15" s="71">
        <v>96</v>
      </c>
      <c r="AP15" s="71">
        <v>79</v>
      </c>
      <c r="AQ15" s="71">
        <v>71</v>
      </c>
      <c r="AR15" s="71">
        <v>38</v>
      </c>
      <c r="AS15" s="72">
        <v>437</v>
      </c>
      <c r="AT15" s="73">
        <v>560</v>
      </c>
      <c r="AU15" s="70">
        <v>129</v>
      </c>
      <c r="AV15" s="71">
        <v>82</v>
      </c>
      <c r="AW15" s="72">
        <v>211</v>
      </c>
      <c r="AX15" s="244"/>
      <c r="AY15" s="71">
        <v>199</v>
      </c>
      <c r="AZ15" s="71">
        <v>136</v>
      </c>
      <c r="BA15" s="71">
        <v>98</v>
      </c>
      <c r="BB15" s="71">
        <v>94</v>
      </c>
      <c r="BC15" s="71">
        <v>45</v>
      </c>
      <c r="BD15" s="72">
        <v>572</v>
      </c>
      <c r="BE15" s="73">
        <v>783</v>
      </c>
      <c r="BF15" s="70">
        <v>128</v>
      </c>
      <c r="BG15" s="71">
        <v>90</v>
      </c>
      <c r="BH15" s="72">
        <v>218</v>
      </c>
      <c r="BI15" s="244"/>
      <c r="BJ15" s="71">
        <v>189</v>
      </c>
      <c r="BK15" s="71">
        <v>125</v>
      </c>
      <c r="BL15" s="71">
        <v>112</v>
      </c>
      <c r="BM15" s="71">
        <v>100</v>
      </c>
      <c r="BN15" s="71">
        <v>42</v>
      </c>
      <c r="BO15" s="72">
        <v>568</v>
      </c>
      <c r="BP15" s="73">
        <v>786</v>
      </c>
      <c r="BQ15" s="70">
        <v>80</v>
      </c>
      <c r="BR15" s="71">
        <v>50</v>
      </c>
      <c r="BS15" s="72">
        <v>130</v>
      </c>
      <c r="BT15" s="244"/>
      <c r="BU15" s="71">
        <v>160</v>
      </c>
      <c r="BV15" s="71">
        <v>109</v>
      </c>
      <c r="BW15" s="71">
        <v>90</v>
      </c>
      <c r="BX15" s="71">
        <v>78</v>
      </c>
      <c r="BY15" s="71">
        <v>33</v>
      </c>
      <c r="BZ15" s="72">
        <v>470</v>
      </c>
      <c r="CA15" s="73">
        <v>600</v>
      </c>
      <c r="CB15" s="70">
        <v>12</v>
      </c>
      <c r="CC15" s="71">
        <v>12</v>
      </c>
      <c r="CD15" s="72">
        <v>24</v>
      </c>
      <c r="CE15" s="244"/>
      <c r="CF15" s="71">
        <v>25</v>
      </c>
      <c r="CG15" s="71">
        <v>19</v>
      </c>
      <c r="CH15" s="71">
        <v>14</v>
      </c>
      <c r="CI15" s="71">
        <v>8</v>
      </c>
      <c r="CJ15" s="71">
        <v>12</v>
      </c>
      <c r="CK15" s="72">
        <v>78</v>
      </c>
      <c r="CL15" s="73">
        <v>102</v>
      </c>
      <c r="CM15" s="70">
        <v>488</v>
      </c>
      <c r="CN15" s="71">
        <v>344</v>
      </c>
      <c r="CO15" s="72">
        <v>832</v>
      </c>
      <c r="CP15" s="244"/>
      <c r="CQ15" s="71">
        <v>871</v>
      </c>
      <c r="CR15" s="71">
        <v>567</v>
      </c>
      <c r="CS15" s="71">
        <v>472</v>
      </c>
      <c r="CT15" s="71">
        <v>406</v>
      </c>
      <c r="CU15" s="71">
        <v>211</v>
      </c>
      <c r="CV15" s="72">
        <v>2527</v>
      </c>
      <c r="CW15" s="73">
        <v>3359</v>
      </c>
      <c r="CX15" s="123">
        <v>971</v>
      </c>
      <c r="CY15" s="82">
        <v>763</v>
      </c>
      <c r="CZ15" s="83">
        <v>1734</v>
      </c>
      <c r="DA15" s="241"/>
      <c r="DB15" s="82">
        <v>1803</v>
      </c>
      <c r="DC15" s="82">
        <v>1044</v>
      </c>
      <c r="DD15" s="82">
        <v>897</v>
      </c>
      <c r="DE15" s="82">
        <v>938</v>
      </c>
      <c r="DF15" s="82">
        <v>528</v>
      </c>
      <c r="DG15" s="84">
        <v>5210</v>
      </c>
      <c r="DH15" s="85">
        <v>6944</v>
      </c>
      <c r="DI15" s="70">
        <v>23</v>
      </c>
      <c r="DJ15" s="71">
        <v>19</v>
      </c>
      <c r="DK15" s="72">
        <v>42</v>
      </c>
      <c r="DL15" s="244"/>
      <c r="DM15" s="71">
        <v>52</v>
      </c>
      <c r="DN15" s="71">
        <v>22</v>
      </c>
      <c r="DO15" s="71">
        <v>14</v>
      </c>
      <c r="DP15" s="71">
        <v>18</v>
      </c>
      <c r="DQ15" s="71">
        <v>12</v>
      </c>
      <c r="DR15" s="72">
        <v>118</v>
      </c>
      <c r="DS15" s="73">
        <v>160</v>
      </c>
      <c r="DT15" s="70">
        <v>69</v>
      </c>
      <c r="DU15" s="71">
        <v>56</v>
      </c>
      <c r="DV15" s="72">
        <v>125</v>
      </c>
      <c r="DW15" s="244"/>
      <c r="DX15" s="71">
        <v>102</v>
      </c>
      <c r="DY15" s="71">
        <v>54</v>
      </c>
      <c r="DZ15" s="71">
        <v>48</v>
      </c>
      <c r="EA15" s="71">
        <v>36</v>
      </c>
      <c r="EB15" s="71">
        <v>38</v>
      </c>
      <c r="EC15" s="72">
        <v>278</v>
      </c>
      <c r="ED15" s="73">
        <v>403</v>
      </c>
      <c r="EE15" s="70">
        <v>129</v>
      </c>
      <c r="EF15" s="71">
        <v>101</v>
      </c>
      <c r="EG15" s="72">
        <v>230</v>
      </c>
      <c r="EH15" s="244"/>
      <c r="EI15" s="71">
        <v>176</v>
      </c>
      <c r="EJ15" s="71">
        <v>119</v>
      </c>
      <c r="EK15" s="71">
        <v>101</v>
      </c>
      <c r="EL15" s="71">
        <v>82</v>
      </c>
      <c r="EM15" s="71">
        <v>41</v>
      </c>
      <c r="EN15" s="72">
        <v>519</v>
      </c>
      <c r="EO15" s="73">
        <v>749</v>
      </c>
      <c r="EP15" s="70">
        <v>299</v>
      </c>
      <c r="EQ15" s="71">
        <v>214</v>
      </c>
      <c r="ER15" s="72">
        <v>513</v>
      </c>
      <c r="ES15" s="244"/>
      <c r="ET15" s="71">
        <v>413</v>
      </c>
      <c r="EU15" s="71">
        <v>192</v>
      </c>
      <c r="EV15" s="71">
        <v>138</v>
      </c>
      <c r="EW15" s="71">
        <v>158</v>
      </c>
      <c r="EX15" s="71">
        <v>84</v>
      </c>
      <c r="EY15" s="72">
        <v>985</v>
      </c>
      <c r="EZ15" s="73">
        <v>1498</v>
      </c>
      <c r="FA15" s="70">
        <v>281</v>
      </c>
      <c r="FB15" s="71">
        <v>221</v>
      </c>
      <c r="FC15" s="72">
        <v>502</v>
      </c>
      <c r="FD15" s="244"/>
      <c r="FE15" s="71">
        <v>571</v>
      </c>
      <c r="FF15" s="71">
        <v>311</v>
      </c>
      <c r="FG15" s="71">
        <v>234</v>
      </c>
      <c r="FH15" s="71">
        <v>245</v>
      </c>
      <c r="FI15" s="71">
        <v>147</v>
      </c>
      <c r="FJ15" s="72">
        <v>1508</v>
      </c>
      <c r="FK15" s="73">
        <v>2010</v>
      </c>
      <c r="FL15" s="70">
        <v>170</v>
      </c>
      <c r="FM15" s="71">
        <v>152</v>
      </c>
      <c r="FN15" s="72">
        <v>322</v>
      </c>
      <c r="FO15" s="244"/>
      <c r="FP15" s="71">
        <v>489</v>
      </c>
      <c r="FQ15" s="71">
        <v>346</v>
      </c>
      <c r="FR15" s="71">
        <v>362</v>
      </c>
      <c r="FS15" s="71">
        <v>399</v>
      </c>
      <c r="FT15" s="71">
        <v>206</v>
      </c>
      <c r="FU15" s="72">
        <v>1802</v>
      </c>
      <c r="FV15" s="73">
        <v>2124</v>
      </c>
      <c r="FW15" s="70">
        <v>9</v>
      </c>
      <c r="FX15" s="71">
        <v>8</v>
      </c>
      <c r="FY15" s="72">
        <v>17</v>
      </c>
      <c r="FZ15" s="244"/>
      <c r="GA15" s="71">
        <v>25</v>
      </c>
      <c r="GB15" s="71">
        <v>16</v>
      </c>
      <c r="GC15" s="71">
        <v>13</v>
      </c>
      <c r="GD15" s="71">
        <v>10</v>
      </c>
      <c r="GE15" s="71">
        <v>11</v>
      </c>
      <c r="GF15" s="72">
        <v>75</v>
      </c>
      <c r="GG15" s="73">
        <v>92</v>
      </c>
      <c r="GH15" s="70">
        <v>980</v>
      </c>
      <c r="GI15" s="71">
        <v>771</v>
      </c>
      <c r="GJ15" s="72">
        <v>1751</v>
      </c>
      <c r="GK15" s="244"/>
      <c r="GL15" s="71">
        <v>1828</v>
      </c>
      <c r="GM15" s="71">
        <v>1060</v>
      </c>
      <c r="GN15" s="71">
        <v>910</v>
      </c>
      <c r="GO15" s="71">
        <v>948</v>
      </c>
      <c r="GP15" s="71">
        <v>539</v>
      </c>
      <c r="GQ15" s="72">
        <v>5285</v>
      </c>
      <c r="GR15" s="73">
        <v>7036</v>
      </c>
      <c r="GS15" s="123">
        <v>1447</v>
      </c>
      <c r="GT15" s="82">
        <v>1095</v>
      </c>
      <c r="GU15" s="83">
        <v>2542</v>
      </c>
      <c r="GV15" s="241"/>
      <c r="GW15" s="82">
        <v>2649</v>
      </c>
      <c r="GX15" s="82">
        <v>1592</v>
      </c>
      <c r="GY15" s="82">
        <v>1355</v>
      </c>
      <c r="GZ15" s="82">
        <v>1336</v>
      </c>
      <c r="HA15" s="82">
        <v>727</v>
      </c>
      <c r="HB15" s="84">
        <v>7659</v>
      </c>
      <c r="HC15" s="85">
        <v>10201</v>
      </c>
      <c r="HD15" s="70">
        <v>40</v>
      </c>
      <c r="HE15" s="71">
        <v>34</v>
      </c>
      <c r="HF15" s="72">
        <v>74</v>
      </c>
      <c r="HG15" s="244"/>
      <c r="HH15" s="71">
        <v>99</v>
      </c>
      <c r="HI15" s="71">
        <v>47</v>
      </c>
      <c r="HJ15" s="71">
        <v>32</v>
      </c>
      <c r="HK15" s="71">
        <v>34</v>
      </c>
      <c r="HL15" s="71">
        <v>24</v>
      </c>
      <c r="HM15" s="72">
        <v>236</v>
      </c>
      <c r="HN15" s="73">
        <v>310</v>
      </c>
      <c r="HO15" s="70">
        <v>124</v>
      </c>
      <c r="HP15" s="71">
        <v>95</v>
      </c>
      <c r="HQ15" s="72">
        <v>219</v>
      </c>
      <c r="HR15" s="244"/>
      <c r="HS15" s="71">
        <v>200</v>
      </c>
      <c r="HT15" s="71">
        <v>111</v>
      </c>
      <c r="HU15" s="71">
        <v>109</v>
      </c>
      <c r="HV15" s="71">
        <v>75</v>
      </c>
      <c r="HW15" s="71">
        <v>67</v>
      </c>
      <c r="HX15" s="72">
        <v>562</v>
      </c>
      <c r="HY15" s="73">
        <v>781</v>
      </c>
      <c r="HZ15" s="70">
        <v>196</v>
      </c>
      <c r="IA15" s="71">
        <v>157</v>
      </c>
      <c r="IB15" s="72">
        <v>353</v>
      </c>
      <c r="IC15" s="244"/>
      <c r="ID15" s="71">
        <v>329</v>
      </c>
      <c r="IE15" s="71">
        <v>215</v>
      </c>
      <c r="IF15" s="71">
        <v>180</v>
      </c>
      <c r="IG15" s="71">
        <v>153</v>
      </c>
      <c r="IH15" s="71">
        <v>79</v>
      </c>
      <c r="II15" s="72">
        <v>956</v>
      </c>
      <c r="IJ15" s="73">
        <v>1309</v>
      </c>
      <c r="IK15" s="70">
        <v>428</v>
      </c>
      <c r="IL15" s="71">
        <v>296</v>
      </c>
      <c r="IM15" s="72">
        <v>724</v>
      </c>
      <c r="IN15" s="244"/>
      <c r="IO15" s="71">
        <v>612</v>
      </c>
      <c r="IP15" s="71">
        <v>328</v>
      </c>
      <c r="IQ15" s="71">
        <v>236</v>
      </c>
      <c r="IR15" s="71">
        <v>252</v>
      </c>
      <c r="IS15" s="71">
        <v>129</v>
      </c>
      <c r="IT15" s="72">
        <v>1557</v>
      </c>
      <c r="IU15" s="73">
        <v>2281</v>
      </c>
      <c r="IV15" s="70">
        <v>409</v>
      </c>
      <c r="IW15" s="71">
        <v>311</v>
      </c>
      <c r="IX15" s="72">
        <v>720</v>
      </c>
      <c r="IY15" s="244"/>
      <c r="IZ15" s="71">
        <v>760</v>
      </c>
      <c r="JA15" s="71">
        <v>436</v>
      </c>
      <c r="JB15" s="71">
        <v>346</v>
      </c>
      <c r="JC15" s="71">
        <v>345</v>
      </c>
      <c r="JD15" s="71">
        <v>189</v>
      </c>
      <c r="JE15" s="72">
        <v>2076</v>
      </c>
      <c r="JF15" s="73">
        <v>2796</v>
      </c>
      <c r="JG15" s="70">
        <v>250</v>
      </c>
      <c r="JH15" s="71">
        <v>202</v>
      </c>
      <c r="JI15" s="72">
        <v>452</v>
      </c>
      <c r="JJ15" s="244"/>
      <c r="JK15" s="71">
        <v>649</v>
      </c>
      <c r="JL15" s="71">
        <v>455</v>
      </c>
      <c r="JM15" s="71">
        <v>452</v>
      </c>
      <c r="JN15" s="71">
        <v>477</v>
      </c>
      <c r="JO15" s="71">
        <v>239</v>
      </c>
      <c r="JP15" s="72">
        <v>2272</v>
      </c>
      <c r="JQ15" s="73">
        <v>2724</v>
      </c>
      <c r="JR15" s="70">
        <v>21</v>
      </c>
      <c r="JS15" s="71">
        <v>20</v>
      </c>
      <c r="JT15" s="72">
        <v>41</v>
      </c>
      <c r="JU15" s="244"/>
      <c r="JV15" s="71">
        <v>50</v>
      </c>
      <c r="JW15" s="71">
        <v>35</v>
      </c>
      <c r="JX15" s="71">
        <v>27</v>
      </c>
      <c r="JY15" s="71">
        <v>18</v>
      </c>
      <c r="JZ15" s="71">
        <v>23</v>
      </c>
      <c r="KA15" s="72">
        <v>153</v>
      </c>
      <c r="KB15" s="73">
        <v>194</v>
      </c>
      <c r="KC15" s="70">
        <v>1468</v>
      </c>
      <c r="KD15" s="71">
        <v>1115</v>
      </c>
      <c r="KE15" s="72">
        <v>2583</v>
      </c>
      <c r="KF15" s="244"/>
      <c r="KG15" s="71">
        <v>2699</v>
      </c>
      <c r="KH15" s="71">
        <v>1627</v>
      </c>
      <c r="KI15" s="71">
        <v>1382</v>
      </c>
      <c r="KJ15" s="71">
        <v>1354</v>
      </c>
      <c r="KK15" s="71">
        <v>750</v>
      </c>
      <c r="KL15" s="72">
        <v>7812</v>
      </c>
      <c r="KM15" s="73">
        <v>10395</v>
      </c>
    </row>
    <row r="16" spans="2:299" ht="21" customHeight="1" x14ac:dyDescent="0.2">
      <c r="B16" s="126" t="s">
        <v>12</v>
      </c>
      <c r="C16" s="315">
        <v>693</v>
      </c>
      <c r="D16" s="82">
        <v>581</v>
      </c>
      <c r="E16" s="83">
        <v>1274</v>
      </c>
      <c r="F16" s="241"/>
      <c r="G16" s="82">
        <v>679</v>
      </c>
      <c r="H16" s="82">
        <v>616</v>
      </c>
      <c r="I16" s="82">
        <v>477</v>
      </c>
      <c r="J16" s="82">
        <v>435</v>
      </c>
      <c r="K16" s="82">
        <v>236</v>
      </c>
      <c r="L16" s="84">
        <v>2443</v>
      </c>
      <c r="M16" s="85">
        <v>3717</v>
      </c>
      <c r="N16" s="86">
        <v>25</v>
      </c>
      <c r="O16" s="71">
        <v>32</v>
      </c>
      <c r="P16" s="72">
        <v>57</v>
      </c>
      <c r="Q16" s="244"/>
      <c r="R16" s="71">
        <v>16</v>
      </c>
      <c r="S16" s="71">
        <v>33</v>
      </c>
      <c r="T16" s="71">
        <v>21</v>
      </c>
      <c r="U16" s="71">
        <v>25</v>
      </c>
      <c r="V16" s="71">
        <v>16</v>
      </c>
      <c r="W16" s="72">
        <v>111</v>
      </c>
      <c r="X16" s="73">
        <v>168</v>
      </c>
      <c r="Y16" s="70">
        <v>58</v>
      </c>
      <c r="Z16" s="71">
        <v>67</v>
      </c>
      <c r="AA16" s="72">
        <v>125</v>
      </c>
      <c r="AB16" s="244"/>
      <c r="AC16" s="71">
        <v>54</v>
      </c>
      <c r="AD16" s="71">
        <v>49</v>
      </c>
      <c r="AE16" s="71">
        <v>40</v>
      </c>
      <c r="AF16" s="71">
        <v>33</v>
      </c>
      <c r="AG16" s="71">
        <v>26</v>
      </c>
      <c r="AH16" s="72">
        <v>202</v>
      </c>
      <c r="AI16" s="73">
        <v>327</v>
      </c>
      <c r="AJ16" s="86">
        <v>92</v>
      </c>
      <c r="AK16" s="71">
        <v>103</v>
      </c>
      <c r="AL16" s="72">
        <v>195</v>
      </c>
      <c r="AM16" s="244"/>
      <c r="AN16" s="71">
        <v>74</v>
      </c>
      <c r="AO16" s="71">
        <v>87</v>
      </c>
      <c r="AP16" s="71">
        <v>78</v>
      </c>
      <c r="AQ16" s="71">
        <v>59</v>
      </c>
      <c r="AR16" s="71">
        <v>52</v>
      </c>
      <c r="AS16" s="72">
        <v>350</v>
      </c>
      <c r="AT16" s="73">
        <v>545</v>
      </c>
      <c r="AU16" s="70">
        <v>175</v>
      </c>
      <c r="AV16" s="71">
        <v>133</v>
      </c>
      <c r="AW16" s="72">
        <v>308</v>
      </c>
      <c r="AX16" s="244"/>
      <c r="AY16" s="71">
        <v>172</v>
      </c>
      <c r="AZ16" s="71">
        <v>162</v>
      </c>
      <c r="BA16" s="71">
        <v>106</v>
      </c>
      <c r="BB16" s="71">
        <v>92</v>
      </c>
      <c r="BC16" s="71">
        <v>59</v>
      </c>
      <c r="BD16" s="72">
        <v>591</v>
      </c>
      <c r="BE16" s="73">
        <v>899</v>
      </c>
      <c r="BF16" s="86">
        <v>206</v>
      </c>
      <c r="BG16" s="71">
        <v>134</v>
      </c>
      <c r="BH16" s="72">
        <v>340</v>
      </c>
      <c r="BI16" s="244"/>
      <c r="BJ16" s="71">
        <v>209</v>
      </c>
      <c r="BK16" s="71">
        <v>155</v>
      </c>
      <c r="BL16" s="71">
        <v>136</v>
      </c>
      <c r="BM16" s="71">
        <v>123</v>
      </c>
      <c r="BN16" s="71">
        <v>55</v>
      </c>
      <c r="BO16" s="72">
        <v>678</v>
      </c>
      <c r="BP16" s="73">
        <v>1018</v>
      </c>
      <c r="BQ16" s="70">
        <v>137</v>
      </c>
      <c r="BR16" s="71">
        <v>112</v>
      </c>
      <c r="BS16" s="72">
        <v>249</v>
      </c>
      <c r="BT16" s="244"/>
      <c r="BU16" s="71">
        <v>154</v>
      </c>
      <c r="BV16" s="71">
        <v>130</v>
      </c>
      <c r="BW16" s="71">
        <v>96</v>
      </c>
      <c r="BX16" s="71">
        <v>103</v>
      </c>
      <c r="BY16" s="71">
        <v>28</v>
      </c>
      <c r="BZ16" s="72">
        <v>511</v>
      </c>
      <c r="CA16" s="73">
        <v>760</v>
      </c>
      <c r="CB16" s="70">
        <v>15</v>
      </c>
      <c r="CC16" s="71">
        <v>26</v>
      </c>
      <c r="CD16" s="72">
        <v>41</v>
      </c>
      <c r="CE16" s="244"/>
      <c r="CF16" s="71">
        <v>14</v>
      </c>
      <c r="CG16" s="71">
        <v>19</v>
      </c>
      <c r="CH16" s="71">
        <v>15</v>
      </c>
      <c r="CI16" s="71">
        <v>14</v>
      </c>
      <c r="CJ16" s="71">
        <v>10</v>
      </c>
      <c r="CK16" s="72">
        <v>72</v>
      </c>
      <c r="CL16" s="73">
        <v>113</v>
      </c>
      <c r="CM16" s="70">
        <v>708</v>
      </c>
      <c r="CN16" s="71">
        <v>607</v>
      </c>
      <c r="CO16" s="72">
        <v>1315</v>
      </c>
      <c r="CP16" s="244"/>
      <c r="CQ16" s="71">
        <v>693</v>
      </c>
      <c r="CR16" s="71">
        <v>635</v>
      </c>
      <c r="CS16" s="71">
        <v>492</v>
      </c>
      <c r="CT16" s="71">
        <v>449</v>
      </c>
      <c r="CU16" s="71">
        <v>246</v>
      </c>
      <c r="CV16" s="72">
        <v>2515</v>
      </c>
      <c r="CW16" s="73">
        <v>3830</v>
      </c>
      <c r="CX16" s="123">
        <v>1347</v>
      </c>
      <c r="CY16" s="82">
        <v>1264</v>
      </c>
      <c r="CZ16" s="83">
        <v>2611</v>
      </c>
      <c r="DA16" s="241"/>
      <c r="DB16" s="82">
        <v>1400</v>
      </c>
      <c r="DC16" s="82">
        <v>1062</v>
      </c>
      <c r="DD16" s="82">
        <v>933</v>
      </c>
      <c r="DE16" s="82">
        <v>1018</v>
      </c>
      <c r="DF16" s="82">
        <v>690</v>
      </c>
      <c r="DG16" s="84">
        <v>5103</v>
      </c>
      <c r="DH16" s="85">
        <v>7714</v>
      </c>
      <c r="DI16" s="86">
        <v>32</v>
      </c>
      <c r="DJ16" s="71">
        <v>36</v>
      </c>
      <c r="DK16" s="72">
        <v>68</v>
      </c>
      <c r="DL16" s="244"/>
      <c r="DM16" s="71">
        <v>22</v>
      </c>
      <c r="DN16" s="71">
        <v>19</v>
      </c>
      <c r="DO16" s="71">
        <v>16</v>
      </c>
      <c r="DP16" s="71">
        <v>13</v>
      </c>
      <c r="DQ16" s="71">
        <v>11</v>
      </c>
      <c r="DR16" s="72">
        <v>81</v>
      </c>
      <c r="DS16" s="73">
        <v>149</v>
      </c>
      <c r="DT16" s="70">
        <v>82</v>
      </c>
      <c r="DU16" s="71">
        <v>90</v>
      </c>
      <c r="DV16" s="72">
        <v>172</v>
      </c>
      <c r="DW16" s="244"/>
      <c r="DX16" s="71">
        <v>56</v>
      </c>
      <c r="DY16" s="71">
        <v>45</v>
      </c>
      <c r="DZ16" s="71">
        <v>39</v>
      </c>
      <c r="EA16" s="71">
        <v>45</v>
      </c>
      <c r="EB16" s="71">
        <v>47</v>
      </c>
      <c r="EC16" s="72">
        <v>232</v>
      </c>
      <c r="ED16" s="73">
        <v>404</v>
      </c>
      <c r="EE16" s="86">
        <v>204</v>
      </c>
      <c r="EF16" s="71">
        <v>188</v>
      </c>
      <c r="EG16" s="72">
        <v>392</v>
      </c>
      <c r="EH16" s="244"/>
      <c r="EI16" s="71">
        <v>127</v>
      </c>
      <c r="EJ16" s="71">
        <v>109</v>
      </c>
      <c r="EK16" s="71">
        <v>86</v>
      </c>
      <c r="EL16" s="71">
        <v>82</v>
      </c>
      <c r="EM16" s="71">
        <v>63</v>
      </c>
      <c r="EN16" s="72">
        <v>467</v>
      </c>
      <c r="EO16" s="73">
        <v>859</v>
      </c>
      <c r="EP16" s="70">
        <v>375</v>
      </c>
      <c r="EQ16" s="71">
        <v>321</v>
      </c>
      <c r="ER16" s="72">
        <v>696</v>
      </c>
      <c r="ES16" s="244"/>
      <c r="ET16" s="71">
        <v>330</v>
      </c>
      <c r="EU16" s="71">
        <v>212</v>
      </c>
      <c r="EV16" s="71">
        <v>158</v>
      </c>
      <c r="EW16" s="71">
        <v>148</v>
      </c>
      <c r="EX16" s="71">
        <v>125</v>
      </c>
      <c r="EY16" s="72">
        <v>973</v>
      </c>
      <c r="EZ16" s="73">
        <v>1669</v>
      </c>
      <c r="FA16" s="86">
        <v>418</v>
      </c>
      <c r="FB16" s="71">
        <v>360</v>
      </c>
      <c r="FC16" s="72">
        <v>778</v>
      </c>
      <c r="FD16" s="244"/>
      <c r="FE16" s="71">
        <v>428</v>
      </c>
      <c r="FF16" s="71">
        <v>334</v>
      </c>
      <c r="FG16" s="71">
        <v>266</v>
      </c>
      <c r="FH16" s="71">
        <v>288</v>
      </c>
      <c r="FI16" s="71">
        <v>160</v>
      </c>
      <c r="FJ16" s="72">
        <v>1476</v>
      </c>
      <c r="FK16" s="73">
        <v>2254</v>
      </c>
      <c r="FL16" s="70">
        <v>236</v>
      </c>
      <c r="FM16" s="71">
        <v>269</v>
      </c>
      <c r="FN16" s="72">
        <v>505</v>
      </c>
      <c r="FO16" s="244"/>
      <c r="FP16" s="71">
        <v>437</v>
      </c>
      <c r="FQ16" s="71">
        <v>343</v>
      </c>
      <c r="FR16" s="71">
        <v>368</v>
      </c>
      <c r="FS16" s="71">
        <v>442</v>
      </c>
      <c r="FT16" s="71">
        <v>284</v>
      </c>
      <c r="FU16" s="72">
        <v>1874</v>
      </c>
      <c r="FV16" s="73">
        <v>2379</v>
      </c>
      <c r="FW16" s="70">
        <v>18</v>
      </c>
      <c r="FX16" s="71">
        <v>22</v>
      </c>
      <c r="FY16" s="72">
        <v>40</v>
      </c>
      <c r="FZ16" s="244"/>
      <c r="GA16" s="71">
        <v>14</v>
      </c>
      <c r="GB16" s="71">
        <v>12</v>
      </c>
      <c r="GC16" s="71">
        <v>10</v>
      </c>
      <c r="GD16" s="71">
        <v>19</v>
      </c>
      <c r="GE16" s="71">
        <v>7</v>
      </c>
      <c r="GF16" s="72">
        <v>62</v>
      </c>
      <c r="GG16" s="73">
        <v>102</v>
      </c>
      <c r="GH16" s="70">
        <v>1365</v>
      </c>
      <c r="GI16" s="71">
        <v>1286</v>
      </c>
      <c r="GJ16" s="72">
        <v>2651</v>
      </c>
      <c r="GK16" s="244"/>
      <c r="GL16" s="71">
        <v>1414</v>
      </c>
      <c r="GM16" s="71">
        <v>1074</v>
      </c>
      <c r="GN16" s="71">
        <v>943</v>
      </c>
      <c r="GO16" s="71">
        <v>1037</v>
      </c>
      <c r="GP16" s="71">
        <v>697</v>
      </c>
      <c r="GQ16" s="72">
        <v>5165</v>
      </c>
      <c r="GR16" s="73">
        <v>7816</v>
      </c>
      <c r="GS16" s="123">
        <v>2040</v>
      </c>
      <c r="GT16" s="82">
        <v>1845</v>
      </c>
      <c r="GU16" s="83">
        <v>3885</v>
      </c>
      <c r="GV16" s="241"/>
      <c r="GW16" s="82">
        <v>2079</v>
      </c>
      <c r="GX16" s="82">
        <v>1678</v>
      </c>
      <c r="GY16" s="82">
        <v>1410</v>
      </c>
      <c r="GZ16" s="82">
        <v>1453</v>
      </c>
      <c r="HA16" s="82">
        <v>926</v>
      </c>
      <c r="HB16" s="84">
        <v>7546</v>
      </c>
      <c r="HC16" s="85">
        <v>11431</v>
      </c>
      <c r="HD16" s="86">
        <v>57</v>
      </c>
      <c r="HE16" s="71">
        <v>68</v>
      </c>
      <c r="HF16" s="72">
        <v>125</v>
      </c>
      <c r="HG16" s="244"/>
      <c r="HH16" s="71">
        <v>38</v>
      </c>
      <c r="HI16" s="71">
        <v>52</v>
      </c>
      <c r="HJ16" s="71">
        <v>37</v>
      </c>
      <c r="HK16" s="71">
        <v>38</v>
      </c>
      <c r="HL16" s="71">
        <v>27</v>
      </c>
      <c r="HM16" s="72">
        <v>192</v>
      </c>
      <c r="HN16" s="73">
        <v>317</v>
      </c>
      <c r="HO16" s="70">
        <v>140</v>
      </c>
      <c r="HP16" s="71">
        <v>157</v>
      </c>
      <c r="HQ16" s="72">
        <v>297</v>
      </c>
      <c r="HR16" s="244"/>
      <c r="HS16" s="71">
        <v>110</v>
      </c>
      <c r="HT16" s="71">
        <v>94</v>
      </c>
      <c r="HU16" s="71">
        <v>79</v>
      </c>
      <c r="HV16" s="71">
        <v>78</v>
      </c>
      <c r="HW16" s="71">
        <v>73</v>
      </c>
      <c r="HX16" s="72">
        <v>434</v>
      </c>
      <c r="HY16" s="73">
        <v>731</v>
      </c>
      <c r="HZ16" s="86">
        <v>296</v>
      </c>
      <c r="IA16" s="71">
        <v>291</v>
      </c>
      <c r="IB16" s="72">
        <v>587</v>
      </c>
      <c r="IC16" s="244"/>
      <c r="ID16" s="71">
        <v>201</v>
      </c>
      <c r="IE16" s="71">
        <v>196</v>
      </c>
      <c r="IF16" s="71">
        <v>164</v>
      </c>
      <c r="IG16" s="71">
        <v>141</v>
      </c>
      <c r="IH16" s="71">
        <v>115</v>
      </c>
      <c r="II16" s="72">
        <v>817</v>
      </c>
      <c r="IJ16" s="73">
        <v>1404</v>
      </c>
      <c r="IK16" s="70">
        <v>550</v>
      </c>
      <c r="IL16" s="71">
        <v>454</v>
      </c>
      <c r="IM16" s="72">
        <v>1004</v>
      </c>
      <c r="IN16" s="244"/>
      <c r="IO16" s="71">
        <v>502</v>
      </c>
      <c r="IP16" s="71">
        <v>374</v>
      </c>
      <c r="IQ16" s="71">
        <v>264</v>
      </c>
      <c r="IR16" s="71">
        <v>240</v>
      </c>
      <c r="IS16" s="71">
        <v>184</v>
      </c>
      <c r="IT16" s="72">
        <v>1564</v>
      </c>
      <c r="IU16" s="73">
        <v>2568</v>
      </c>
      <c r="IV16" s="86">
        <v>624</v>
      </c>
      <c r="IW16" s="71">
        <v>494</v>
      </c>
      <c r="IX16" s="72">
        <v>1118</v>
      </c>
      <c r="IY16" s="244"/>
      <c r="IZ16" s="71">
        <v>637</v>
      </c>
      <c r="JA16" s="71">
        <v>489</v>
      </c>
      <c r="JB16" s="71">
        <v>402</v>
      </c>
      <c r="JC16" s="71">
        <v>411</v>
      </c>
      <c r="JD16" s="71">
        <v>215</v>
      </c>
      <c r="JE16" s="72">
        <v>2154</v>
      </c>
      <c r="JF16" s="73">
        <v>3272</v>
      </c>
      <c r="JG16" s="70">
        <v>373</v>
      </c>
      <c r="JH16" s="71">
        <v>381</v>
      </c>
      <c r="JI16" s="72">
        <v>754</v>
      </c>
      <c r="JJ16" s="244"/>
      <c r="JK16" s="71">
        <v>591</v>
      </c>
      <c r="JL16" s="71">
        <v>473</v>
      </c>
      <c r="JM16" s="71">
        <v>464</v>
      </c>
      <c r="JN16" s="71">
        <v>545</v>
      </c>
      <c r="JO16" s="71">
        <v>312</v>
      </c>
      <c r="JP16" s="72">
        <v>2385</v>
      </c>
      <c r="JQ16" s="73">
        <v>3139</v>
      </c>
      <c r="JR16" s="70">
        <v>33</v>
      </c>
      <c r="JS16" s="71">
        <v>48</v>
      </c>
      <c r="JT16" s="72">
        <v>81</v>
      </c>
      <c r="JU16" s="244"/>
      <c r="JV16" s="71">
        <v>28</v>
      </c>
      <c r="JW16" s="71">
        <v>31</v>
      </c>
      <c r="JX16" s="71">
        <v>25</v>
      </c>
      <c r="JY16" s="71">
        <v>33</v>
      </c>
      <c r="JZ16" s="71">
        <v>17</v>
      </c>
      <c r="KA16" s="72">
        <v>134</v>
      </c>
      <c r="KB16" s="73">
        <v>215</v>
      </c>
      <c r="KC16" s="70">
        <v>2073</v>
      </c>
      <c r="KD16" s="71">
        <v>1893</v>
      </c>
      <c r="KE16" s="72">
        <v>3966</v>
      </c>
      <c r="KF16" s="244"/>
      <c r="KG16" s="71">
        <v>2107</v>
      </c>
      <c r="KH16" s="71">
        <v>1709</v>
      </c>
      <c r="KI16" s="71">
        <v>1435</v>
      </c>
      <c r="KJ16" s="71">
        <v>1486</v>
      </c>
      <c r="KK16" s="71">
        <v>943</v>
      </c>
      <c r="KL16" s="72">
        <v>7680</v>
      </c>
      <c r="KM16" s="73">
        <v>11646</v>
      </c>
    </row>
    <row r="17" spans="2:299" ht="21" customHeight="1" x14ac:dyDescent="0.2">
      <c r="B17" s="126" t="s">
        <v>13</v>
      </c>
      <c r="C17" s="315">
        <v>152</v>
      </c>
      <c r="D17" s="82">
        <v>190</v>
      </c>
      <c r="E17" s="83">
        <v>342</v>
      </c>
      <c r="F17" s="241"/>
      <c r="G17" s="82">
        <v>305</v>
      </c>
      <c r="H17" s="82">
        <v>250</v>
      </c>
      <c r="I17" s="82">
        <v>180</v>
      </c>
      <c r="J17" s="82">
        <v>162</v>
      </c>
      <c r="K17" s="82">
        <v>97</v>
      </c>
      <c r="L17" s="84">
        <v>994</v>
      </c>
      <c r="M17" s="85">
        <v>1336</v>
      </c>
      <c r="N17" s="70">
        <v>2</v>
      </c>
      <c r="O17" s="71">
        <v>2</v>
      </c>
      <c r="P17" s="72">
        <v>4</v>
      </c>
      <c r="Q17" s="244"/>
      <c r="R17" s="71">
        <v>17</v>
      </c>
      <c r="S17" s="71">
        <v>6</v>
      </c>
      <c r="T17" s="71">
        <v>8</v>
      </c>
      <c r="U17" s="71">
        <v>8</v>
      </c>
      <c r="V17" s="71">
        <v>5</v>
      </c>
      <c r="W17" s="72">
        <v>44</v>
      </c>
      <c r="X17" s="73">
        <v>48</v>
      </c>
      <c r="Y17" s="70">
        <v>11</v>
      </c>
      <c r="Z17" s="71">
        <v>11</v>
      </c>
      <c r="AA17" s="72">
        <v>22</v>
      </c>
      <c r="AB17" s="244"/>
      <c r="AC17" s="71">
        <v>28</v>
      </c>
      <c r="AD17" s="71">
        <v>20</v>
      </c>
      <c r="AE17" s="71">
        <v>9</v>
      </c>
      <c r="AF17" s="71">
        <v>14</v>
      </c>
      <c r="AG17" s="71">
        <v>15</v>
      </c>
      <c r="AH17" s="72">
        <v>86</v>
      </c>
      <c r="AI17" s="73">
        <v>108</v>
      </c>
      <c r="AJ17" s="70">
        <v>19</v>
      </c>
      <c r="AK17" s="71">
        <v>17</v>
      </c>
      <c r="AL17" s="72">
        <v>36</v>
      </c>
      <c r="AM17" s="244"/>
      <c r="AN17" s="71">
        <v>33</v>
      </c>
      <c r="AO17" s="71">
        <v>33</v>
      </c>
      <c r="AP17" s="71">
        <v>25</v>
      </c>
      <c r="AQ17" s="71">
        <v>18</v>
      </c>
      <c r="AR17" s="71">
        <v>11</v>
      </c>
      <c r="AS17" s="72">
        <v>120</v>
      </c>
      <c r="AT17" s="73">
        <v>156</v>
      </c>
      <c r="AU17" s="70">
        <v>31</v>
      </c>
      <c r="AV17" s="71">
        <v>65</v>
      </c>
      <c r="AW17" s="72">
        <v>96</v>
      </c>
      <c r="AX17" s="244"/>
      <c r="AY17" s="71">
        <v>68</v>
      </c>
      <c r="AZ17" s="71">
        <v>40</v>
      </c>
      <c r="BA17" s="71">
        <v>38</v>
      </c>
      <c r="BB17" s="71">
        <v>30</v>
      </c>
      <c r="BC17" s="71">
        <v>25</v>
      </c>
      <c r="BD17" s="72">
        <v>201</v>
      </c>
      <c r="BE17" s="73">
        <v>297</v>
      </c>
      <c r="BF17" s="70">
        <v>55</v>
      </c>
      <c r="BG17" s="71">
        <v>57</v>
      </c>
      <c r="BH17" s="72">
        <v>112</v>
      </c>
      <c r="BI17" s="244"/>
      <c r="BJ17" s="71">
        <v>86</v>
      </c>
      <c r="BK17" s="71">
        <v>81</v>
      </c>
      <c r="BL17" s="71">
        <v>57</v>
      </c>
      <c r="BM17" s="71">
        <v>55</v>
      </c>
      <c r="BN17" s="71">
        <v>21</v>
      </c>
      <c r="BO17" s="72">
        <v>300</v>
      </c>
      <c r="BP17" s="73">
        <v>412</v>
      </c>
      <c r="BQ17" s="70">
        <v>34</v>
      </c>
      <c r="BR17" s="71">
        <v>38</v>
      </c>
      <c r="BS17" s="72">
        <v>72</v>
      </c>
      <c r="BT17" s="244"/>
      <c r="BU17" s="71">
        <v>73</v>
      </c>
      <c r="BV17" s="71">
        <v>70</v>
      </c>
      <c r="BW17" s="71">
        <v>43</v>
      </c>
      <c r="BX17" s="71">
        <v>37</v>
      </c>
      <c r="BY17" s="71">
        <v>20</v>
      </c>
      <c r="BZ17" s="72">
        <v>243</v>
      </c>
      <c r="CA17" s="73">
        <v>315</v>
      </c>
      <c r="CB17" s="70">
        <v>4</v>
      </c>
      <c r="CC17" s="71">
        <v>3</v>
      </c>
      <c r="CD17" s="72">
        <v>7</v>
      </c>
      <c r="CE17" s="244"/>
      <c r="CF17" s="71">
        <v>7</v>
      </c>
      <c r="CG17" s="71">
        <v>8</v>
      </c>
      <c r="CH17" s="71">
        <v>9</v>
      </c>
      <c r="CI17" s="71">
        <v>3</v>
      </c>
      <c r="CJ17" s="71">
        <v>7</v>
      </c>
      <c r="CK17" s="72">
        <v>34</v>
      </c>
      <c r="CL17" s="73">
        <v>41</v>
      </c>
      <c r="CM17" s="70">
        <v>156</v>
      </c>
      <c r="CN17" s="71">
        <v>193</v>
      </c>
      <c r="CO17" s="72">
        <v>349</v>
      </c>
      <c r="CP17" s="244"/>
      <c r="CQ17" s="71">
        <v>312</v>
      </c>
      <c r="CR17" s="71">
        <v>258</v>
      </c>
      <c r="CS17" s="71">
        <v>189</v>
      </c>
      <c r="CT17" s="71">
        <v>165</v>
      </c>
      <c r="CU17" s="71">
        <v>104</v>
      </c>
      <c r="CV17" s="72">
        <v>1028</v>
      </c>
      <c r="CW17" s="73">
        <v>1377</v>
      </c>
      <c r="CX17" s="123">
        <v>381</v>
      </c>
      <c r="CY17" s="82">
        <v>426</v>
      </c>
      <c r="CZ17" s="83">
        <v>807</v>
      </c>
      <c r="DA17" s="241"/>
      <c r="DB17" s="82">
        <v>602</v>
      </c>
      <c r="DC17" s="82">
        <v>468</v>
      </c>
      <c r="DD17" s="82">
        <v>352</v>
      </c>
      <c r="DE17" s="82">
        <v>376</v>
      </c>
      <c r="DF17" s="82">
        <v>294</v>
      </c>
      <c r="DG17" s="84">
        <v>2092</v>
      </c>
      <c r="DH17" s="85">
        <v>2899</v>
      </c>
      <c r="DI17" s="70">
        <v>4</v>
      </c>
      <c r="DJ17" s="71">
        <v>7</v>
      </c>
      <c r="DK17" s="72">
        <v>11</v>
      </c>
      <c r="DL17" s="244"/>
      <c r="DM17" s="71">
        <v>9</v>
      </c>
      <c r="DN17" s="71">
        <v>8</v>
      </c>
      <c r="DO17" s="71">
        <v>3</v>
      </c>
      <c r="DP17" s="71">
        <v>5</v>
      </c>
      <c r="DQ17" s="71">
        <v>3</v>
      </c>
      <c r="DR17" s="72">
        <v>28</v>
      </c>
      <c r="DS17" s="73">
        <v>39</v>
      </c>
      <c r="DT17" s="70">
        <v>16</v>
      </c>
      <c r="DU17" s="71">
        <v>32</v>
      </c>
      <c r="DV17" s="72">
        <v>48</v>
      </c>
      <c r="DW17" s="244"/>
      <c r="DX17" s="71">
        <v>28</v>
      </c>
      <c r="DY17" s="71">
        <v>23</v>
      </c>
      <c r="DZ17" s="71">
        <v>13</v>
      </c>
      <c r="EA17" s="71">
        <v>13</v>
      </c>
      <c r="EB17" s="71">
        <v>13</v>
      </c>
      <c r="EC17" s="72">
        <v>90</v>
      </c>
      <c r="ED17" s="73">
        <v>138</v>
      </c>
      <c r="EE17" s="70">
        <v>36</v>
      </c>
      <c r="EF17" s="71">
        <v>40</v>
      </c>
      <c r="EG17" s="72">
        <v>76</v>
      </c>
      <c r="EH17" s="244"/>
      <c r="EI17" s="71">
        <v>81</v>
      </c>
      <c r="EJ17" s="71">
        <v>44</v>
      </c>
      <c r="EK17" s="71">
        <v>31</v>
      </c>
      <c r="EL17" s="71">
        <v>20</v>
      </c>
      <c r="EM17" s="71">
        <v>30</v>
      </c>
      <c r="EN17" s="72">
        <v>206</v>
      </c>
      <c r="EO17" s="73">
        <v>282</v>
      </c>
      <c r="EP17" s="70">
        <v>112</v>
      </c>
      <c r="EQ17" s="71">
        <v>109</v>
      </c>
      <c r="ER17" s="72">
        <v>221</v>
      </c>
      <c r="ES17" s="244"/>
      <c r="ET17" s="71">
        <v>131</v>
      </c>
      <c r="EU17" s="71">
        <v>78</v>
      </c>
      <c r="EV17" s="71">
        <v>50</v>
      </c>
      <c r="EW17" s="71">
        <v>55</v>
      </c>
      <c r="EX17" s="71">
        <v>50</v>
      </c>
      <c r="EY17" s="72">
        <v>364</v>
      </c>
      <c r="EZ17" s="73">
        <v>585</v>
      </c>
      <c r="FA17" s="70">
        <v>122</v>
      </c>
      <c r="FB17" s="71">
        <v>136</v>
      </c>
      <c r="FC17" s="72">
        <v>258</v>
      </c>
      <c r="FD17" s="244"/>
      <c r="FE17" s="71">
        <v>194</v>
      </c>
      <c r="FF17" s="71">
        <v>140</v>
      </c>
      <c r="FG17" s="71">
        <v>95</v>
      </c>
      <c r="FH17" s="71">
        <v>101</v>
      </c>
      <c r="FI17" s="71">
        <v>72</v>
      </c>
      <c r="FJ17" s="72">
        <v>602</v>
      </c>
      <c r="FK17" s="73">
        <v>860</v>
      </c>
      <c r="FL17" s="70">
        <v>91</v>
      </c>
      <c r="FM17" s="71">
        <v>102</v>
      </c>
      <c r="FN17" s="72">
        <v>193</v>
      </c>
      <c r="FO17" s="244"/>
      <c r="FP17" s="71">
        <v>159</v>
      </c>
      <c r="FQ17" s="71">
        <v>175</v>
      </c>
      <c r="FR17" s="71">
        <v>160</v>
      </c>
      <c r="FS17" s="71">
        <v>182</v>
      </c>
      <c r="FT17" s="71">
        <v>126</v>
      </c>
      <c r="FU17" s="72">
        <v>802</v>
      </c>
      <c r="FV17" s="73">
        <v>995</v>
      </c>
      <c r="FW17" s="70">
        <v>2</v>
      </c>
      <c r="FX17" s="71">
        <v>1</v>
      </c>
      <c r="FY17" s="72">
        <v>3</v>
      </c>
      <c r="FZ17" s="244"/>
      <c r="GA17" s="71">
        <v>7</v>
      </c>
      <c r="GB17" s="71">
        <v>5</v>
      </c>
      <c r="GC17" s="71">
        <v>8</v>
      </c>
      <c r="GD17" s="71">
        <v>5</v>
      </c>
      <c r="GE17" s="71">
        <v>4</v>
      </c>
      <c r="GF17" s="72">
        <v>29</v>
      </c>
      <c r="GG17" s="73">
        <v>32</v>
      </c>
      <c r="GH17" s="70">
        <v>383</v>
      </c>
      <c r="GI17" s="71">
        <v>427</v>
      </c>
      <c r="GJ17" s="72">
        <v>810</v>
      </c>
      <c r="GK17" s="244"/>
      <c r="GL17" s="71">
        <v>609</v>
      </c>
      <c r="GM17" s="71">
        <v>473</v>
      </c>
      <c r="GN17" s="71">
        <v>360</v>
      </c>
      <c r="GO17" s="71">
        <v>381</v>
      </c>
      <c r="GP17" s="71">
        <v>298</v>
      </c>
      <c r="GQ17" s="72">
        <v>2121</v>
      </c>
      <c r="GR17" s="73">
        <v>2931</v>
      </c>
      <c r="GS17" s="123">
        <v>533</v>
      </c>
      <c r="GT17" s="82">
        <v>616</v>
      </c>
      <c r="GU17" s="83">
        <v>1149</v>
      </c>
      <c r="GV17" s="241"/>
      <c r="GW17" s="82">
        <v>907</v>
      </c>
      <c r="GX17" s="82">
        <v>718</v>
      </c>
      <c r="GY17" s="82">
        <v>532</v>
      </c>
      <c r="GZ17" s="82">
        <v>538</v>
      </c>
      <c r="HA17" s="82">
        <v>391</v>
      </c>
      <c r="HB17" s="84">
        <v>3086</v>
      </c>
      <c r="HC17" s="85">
        <v>4235</v>
      </c>
      <c r="HD17" s="70">
        <v>6</v>
      </c>
      <c r="HE17" s="71">
        <v>9</v>
      </c>
      <c r="HF17" s="72">
        <v>15</v>
      </c>
      <c r="HG17" s="244"/>
      <c r="HH17" s="71">
        <v>26</v>
      </c>
      <c r="HI17" s="71">
        <v>14</v>
      </c>
      <c r="HJ17" s="71">
        <v>11</v>
      </c>
      <c r="HK17" s="71">
        <v>13</v>
      </c>
      <c r="HL17" s="71">
        <v>8</v>
      </c>
      <c r="HM17" s="72">
        <v>72</v>
      </c>
      <c r="HN17" s="73">
        <v>87</v>
      </c>
      <c r="HO17" s="70">
        <v>27</v>
      </c>
      <c r="HP17" s="71">
        <v>43</v>
      </c>
      <c r="HQ17" s="72">
        <v>70</v>
      </c>
      <c r="HR17" s="244"/>
      <c r="HS17" s="71">
        <v>56</v>
      </c>
      <c r="HT17" s="71">
        <v>43</v>
      </c>
      <c r="HU17" s="71">
        <v>22</v>
      </c>
      <c r="HV17" s="71">
        <v>27</v>
      </c>
      <c r="HW17" s="71">
        <v>28</v>
      </c>
      <c r="HX17" s="72">
        <v>176</v>
      </c>
      <c r="HY17" s="73">
        <v>246</v>
      </c>
      <c r="HZ17" s="70">
        <v>55</v>
      </c>
      <c r="IA17" s="71">
        <v>57</v>
      </c>
      <c r="IB17" s="72">
        <v>112</v>
      </c>
      <c r="IC17" s="244"/>
      <c r="ID17" s="71">
        <v>114</v>
      </c>
      <c r="IE17" s="71">
        <v>77</v>
      </c>
      <c r="IF17" s="71">
        <v>56</v>
      </c>
      <c r="IG17" s="71">
        <v>38</v>
      </c>
      <c r="IH17" s="71">
        <v>41</v>
      </c>
      <c r="II17" s="72">
        <v>326</v>
      </c>
      <c r="IJ17" s="73">
        <v>438</v>
      </c>
      <c r="IK17" s="70">
        <v>143</v>
      </c>
      <c r="IL17" s="71">
        <v>174</v>
      </c>
      <c r="IM17" s="72">
        <v>317</v>
      </c>
      <c r="IN17" s="244"/>
      <c r="IO17" s="71">
        <v>199</v>
      </c>
      <c r="IP17" s="71">
        <v>118</v>
      </c>
      <c r="IQ17" s="71">
        <v>88</v>
      </c>
      <c r="IR17" s="71">
        <v>85</v>
      </c>
      <c r="IS17" s="71">
        <v>75</v>
      </c>
      <c r="IT17" s="72">
        <v>565</v>
      </c>
      <c r="IU17" s="73">
        <v>882</v>
      </c>
      <c r="IV17" s="70">
        <v>177</v>
      </c>
      <c r="IW17" s="71">
        <v>193</v>
      </c>
      <c r="IX17" s="72">
        <v>370</v>
      </c>
      <c r="IY17" s="244"/>
      <c r="IZ17" s="71">
        <v>280</v>
      </c>
      <c r="JA17" s="71">
        <v>221</v>
      </c>
      <c r="JB17" s="71">
        <v>152</v>
      </c>
      <c r="JC17" s="71">
        <v>156</v>
      </c>
      <c r="JD17" s="71">
        <v>93</v>
      </c>
      <c r="JE17" s="72">
        <v>902</v>
      </c>
      <c r="JF17" s="73">
        <v>1272</v>
      </c>
      <c r="JG17" s="70">
        <v>125</v>
      </c>
      <c r="JH17" s="71">
        <v>140</v>
      </c>
      <c r="JI17" s="72">
        <v>265</v>
      </c>
      <c r="JJ17" s="244"/>
      <c r="JK17" s="71">
        <v>232</v>
      </c>
      <c r="JL17" s="71">
        <v>245</v>
      </c>
      <c r="JM17" s="71">
        <v>203</v>
      </c>
      <c r="JN17" s="71">
        <v>219</v>
      </c>
      <c r="JO17" s="71">
        <v>146</v>
      </c>
      <c r="JP17" s="72">
        <v>1045</v>
      </c>
      <c r="JQ17" s="73">
        <v>1310</v>
      </c>
      <c r="JR17" s="70">
        <v>6</v>
      </c>
      <c r="JS17" s="71">
        <v>4</v>
      </c>
      <c r="JT17" s="72">
        <v>10</v>
      </c>
      <c r="JU17" s="244"/>
      <c r="JV17" s="71">
        <v>14</v>
      </c>
      <c r="JW17" s="71">
        <v>13</v>
      </c>
      <c r="JX17" s="71">
        <v>17</v>
      </c>
      <c r="JY17" s="71">
        <v>8</v>
      </c>
      <c r="JZ17" s="71">
        <v>11</v>
      </c>
      <c r="KA17" s="72">
        <v>63</v>
      </c>
      <c r="KB17" s="73">
        <v>73</v>
      </c>
      <c r="KC17" s="70">
        <v>539</v>
      </c>
      <c r="KD17" s="71">
        <v>620</v>
      </c>
      <c r="KE17" s="72">
        <v>1159</v>
      </c>
      <c r="KF17" s="244"/>
      <c r="KG17" s="71">
        <v>921</v>
      </c>
      <c r="KH17" s="71">
        <v>731</v>
      </c>
      <c r="KI17" s="71">
        <v>549</v>
      </c>
      <c r="KJ17" s="71">
        <v>546</v>
      </c>
      <c r="KK17" s="71">
        <v>402</v>
      </c>
      <c r="KL17" s="72">
        <v>3149</v>
      </c>
      <c r="KM17" s="73">
        <v>4308</v>
      </c>
    </row>
    <row r="18" spans="2:299" ht="21" customHeight="1" x14ac:dyDescent="0.2">
      <c r="B18" s="126" t="s">
        <v>15</v>
      </c>
      <c r="C18" s="315">
        <v>114</v>
      </c>
      <c r="D18" s="82">
        <v>142</v>
      </c>
      <c r="E18" s="83">
        <v>256</v>
      </c>
      <c r="F18" s="241"/>
      <c r="G18" s="82">
        <v>250</v>
      </c>
      <c r="H18" s="82">
        <v>234</v>
      </c>
      <c r="I18" s="82">
        <v>155</v>
      </c>
      <c r="J18" s="82">
        <v>130</v>
      </c>
      <c r="K18" s="82">
        <v>68</v>
      </c>
      <c r="L18" s="84">
        <v>837</v>
      </c>
      <c r="M18" s="85">
        <v>1093</v>
      </c>
      <c r="N18" s="70">
        <v>4</v>
      </c>
      <c r="O18" s="71">
        <v>5</v>
      </c>
      <c r="P18" s="72">
        <v>9</v>
      </c>
      <c r="Q18" s="244"/>
      <c r="R18" s="71">
        <v>14</v>
      </c>
      <c r="S18" s="71">
        <v>9</v>
      </c>
      <c r="T18" s="71">
        <v>11</v>
      </c>
      <c r="U18" s="71">
        <v>5</v>
      </c>
      <c r="V18" s="71">
        <v>5</v>
      </c>
      <c r="W18" s="72">
        <v>44</v>
      </c>
      <c r="X18" s="73">
        <v>53</v>
      </c>
      <c r="Y18" s="70">
        <v>8</v>
      </c>
      <c r="Z18" s="71">
        <v>12</v>
      </c>
      <c r="AA18" s="72">
        <v>20</v>
      </c>
      <c r="AB18" s="244"/>
      <c r="AC18" s="71">
        <v>29</v>
      </c>
      <c r="AD18" s="71">
        <v>28</v>
      </c>
      <c r="AE18" s="71">
        <v>19</v>
      </c>
      <c r="AF18" s="71">
        <v>18</v>
      </c>
      <c r="AG18" s="71">
        <v>8</v>
      </c>
      <c r="AH18" s="72">
        <v>102</v>
      </c>
      <c r="AI18" s="73">
        <v>122</v>
      </c>
      <c r="AJ18" s="70">
        <v>25</v>
      </c>
      <c r="AK18" s="71">
        <v>25</v>
      </c>
      <c r="AL18" s="72">
        <v>50</v>
      </c>
      <c r="AM18" s="244"/>
      <c r="AN18" s="71">
        <v>43</v>
      </c>
      <c r="AO18" s="71">
        <v>46</v>
      </c>
      <c r="AP18" s="71">
        <v>18</v>
      </c>
      <c r="AQ18" s="71">
        <v>18</v>
      </c>
      <c r="AR18" s="71">
        <v>13</v>
      </c>
      <c r="AS18" s="72">
        <v>138</v>
      </c>
      <c r="AT18" s="73">
        <v>188</v>
      </c>
      <c r="AU18" s="70">
        <v>28</v>
      </c>
      <c r="AV18" s="71">
        <v>37</v>
      </c>
      <c r="AW18" s="72">
        <v>65</v>
      </c>
      <c r="AX18" s="244"/>
      <c r="AY18" s="71">
        <v>62</v>
      </c>
      <c r="AZ18" s="71">
        <v>56</v>
      </c>
      <c r="BA18" s="71">
        <v>41</v>
      </c>
      <c r="BB18" s="71">
        <v>29</v>
      </c>
      <c r="BC18" s="71">
        <v>18</v>
      </c>
      <c r="BD18" s="72">
        <v>206</v>
      </c>
      <c r="BE18" s="73">
        <v>271</v>
      </c>
      <c r="BF18" s="70">
        <v>33</v>
      </c>
      <c r="BG18" s="71">
        <v>41</v>
      </c>
      <c r="BH18" s="72">
        <v>74</v>
      </c>
      <c r="BI18" s="244"/>
      <c r="BJ18" s="71">
        <v>59</v>
      </c>
      <c r="BK18" s="71">
        <v>55</v>
      </c>
      <c r="BL18" s="71">
        <v>32</v>
      </c>
      <c r="BM18" s="71">
        <v>29</v>
      </c>
      <c r="BN18" s="71">
        <v>16</v>
      </c>
      <c r="BO18" s="72">
        <v>191</v>
      </c>
      <c r="BP18" s="73">
        <v>265</v>
      </c>
      <c r="BQ18" s="70">
        <v>16</v>
      </c>
      <c r="BR18" s="71">
        <v>22</v>
      </c>
      <c r="BS18" s="72">
        <v>38</v>
      </c>
      <c r="BT18" s="244"/>
      <c r="BU18" s="71">
        <v>43</v>
      </c>
      <c r="BV18" s="71">
        <v>40</v>
      </c>
      <c r="BW18" s="71">
        <v>34</v>
      </c>
      <c r="BX18" s="71">
        <v>31</v>
      </c>
      <c r="BY18" s="71">
        <v>8</v>
      </c>
      <c r="BZ18" s="72">
        <v>156</v>
      </c>
      <c r="CA18" s="73">
        <v>194</v>
      </c>
      <c r="CB18" s="70">
        <v>2</v>
      </c>
      <c r="CC18" s="71">
        <v>5</v>
      </c>
      <c r="CD18" s="72">
        <v>7</v>
      </c>
      <c r="CE18" s="244"/>
      <c r="CF18" s="71">
        <v>10</v>
      </c>
      <c r="CG18" s="71">
        <v>6</v>
      </c>
      <c r="CH18" s="71">
        <v>1</v>
      </c>
      <c r="CI18" s="71">
        <v>3</v>
      </c>
      <c r="CJ18" s="71">
        <v>5</v>
      </c>
      <c r="CK18" s="72">
        <v>25</v>
      </c>
      <c r="CL18" s="73">
        <v>32</v>
      </c>
      <c r="CM18" s="70">
        <v>116</v>
      </c>
      <c r="CN18" s="71">
        <v>147</v>
      </c>
      <c r="CO18" s="72">
        <v>263</v>
      </c>
      <c r="CP18" s="244"/>
      <c r="CQ18" s="71">
        <v>260</v>
      </c>
      <c r="CR18" s="71">
        <v>240</v>
      </c>
      <c r="CS18" s="71">
        <v>156</v>
      </c>
      <c r="CT18" s="71">
        <v>133</v>
      </c>
      <c r="CU18" s="71">
        <v>73</v>
      </c>
      <c r="CV18" s="72">
        <v>862</v>
      </c>
      <c r="CW18" s="73">
        <v>1125</v>
      </c>
      <c r="CX18" s="123">
        <v>234</v>
      </c>
      <c r="CY18" s="82">
        <v>359</v>
      </c>
      <c r="CZ18" s="83">
        <v>593</v>
      </c>
      <c r="DA18" s="241"/>
      <c r="DB18" s="82">
        <v>427</v>
      </c>
      <c r="DC18" s="82">
        <v>437</v>
      </c>
      <c r="DD18" s="82">
        <v>328</v>
      </c>
      <c r="DE18" s="82">
        <v>321</v>
      </c>
      <c r="DF18" s="82">
        <v>180</v>
      </c>
      <c r="DG18" s="84">
        <v>1693</v>
      </c>
      <c r="DH18" s="85">
        <v>2286</v>
      </c>
      <c r="DI18" s="70">
        <v>5</v>
      </c>
      <c r="DJ18" s="71">
        <v>5</v>
      </c>
      <c r="DK18" s="72">
        <v>10</v>
      </c>
      <c r="DL18" s="244"/>
      <c r="DM18" s="71">
        <v>9</v>
      </c>
      <c r="DN18" s="71">
        <v>8</v>
      </c>
      <c r="DO18" s="71">
        <v>6</v>
      </c>
      <c r="DP18" s="71">
        <v>7</v>
      </c>
      <c r="DQ18" s="71">
        <v>4</v>
      </c>
      <c r="DR18" s="72">
        <v>34</v>
      </c>
      <c r="DS18" s="73">
        <v>44</v>
      </c>
      <c r="DT18" s="70">
        <v>10</v>
      </c>
      <c r="DU18" s="71">
        <v>22</v>
      </c>
      <c r="DV18" s="72">
        <v>32</v>
      </c>
      <c r="DW18" s="244"/>
      <c r="DX18" s="71">
        <v>36</v>
      </c>
      <c r="DY18" s="71">
        <v>36</v>
      </c>
      <c r="DZ18" s="71">
        <v>18</v>
      </c>
      <c r="EA18" s="71">
        <v>6</v>
      </c>
      <c r="EB18" s="71">
        <v>8</v>
      </c>
      <c r="EC18" s="72">
        <v>104</v>
      </c>
      <c r="ED18" s="73">
        <v>136</v>
      </c>
      <c r="EE18" s="70">
        <v>46</v>
      </c>
      <c r="EF18" s="71">
        <v>62</v>
      </c>
      <c r="EG18" s="72">
        <v>108</v>
      </c>
      <c r="EH18" s="244"/>
      <c r="EI18" s="71">
        <v>45</v>
      </c>
      <c r="EJ18" s="71">
        <v>47</v>
      </c>
      <c r="EK18" s="71">
        <v>30</v>
      </c>
      <c r="EL18" s="71">
        <v>20</v>
      </c>
      <c r="EM18" s="71">
        <v>22</v>
      </c>
      <c r="EN18" s="72">
        <v>164</v>
      </c>
      <c r="EO18" s="73">
        <v>272</v>
      </c>
      <c r="EP18" s="70">
        <v>77</v>
      </c>
      <c r="EQ18" s="71">
        <v>96</v>
      </c>
      <c r="ER18" s="72">
        <v>173</v>
      </c>
      <c r="ES18" s="244"/>
      <c r="ET18" s="71">
        <v>109</v>
      </c>
      <c r="EU18" s="71">
        <v>88</v>
      </c>
      <c r="EV18" s="71">
        <v>54</v>
      </c>
      <c r="EW18" s="71">
        <v>41</v>
      </c>
      <c r="EX18" s="71">
        <v>32</v>
      </c>
      <c r="EY18" s="72">
        <v>324</v>
      </c>
      <c r="EZ18" s="73">
        <v>497</v>
      </c>
      <c r="FA18" s="70">
        <v>61</v>
      </c>
      <c r="FB18" s="71">
        <v>111</v>
      </c>
      <c r="FC18" s="72">
        <v>172</v>
      </c>
      <c r="FD18" s="244"/>
      <c r="FE18" s="71">
        <v>125</v>
      </c>
      <c r="FF18" s="71">
        <v>115</v>
      </c>
      <c r="FG18" s="71">
        <v>90</v>
      </c>
      <c r="FH18" s="71">
        <v>92</v>
      </c>
      <c r="FI18" s="71">
        <v>48</v>
      </c>
      <c r="FJ18" s="72">
        <v>470</v>
      </c>
      <c r="FK18" s="73">
        <v>642</v>
      </c>
      <c r="FL18" s="70">
        <v>35</v>
      </c>
      <c r="FM18" s="71">
        <v>63</v>
      </c>
      <c r="FN18" s="72">
        <v>98</v>
      </c>
      <c r="FO18" s="244"/>
      <c r="FP18" s="71">
        <v>103</v>
      </c>
      <c r="FQ18" s="71">
        <v>143</v>
      </c>
      <c r="FR18" s="71">
        <v>130</v>
      </c>
      <c r="FS18" s="71">
        <v>155</v>
      </c>
      <c r="FT18" s="71">
        <v>66</v>
      </c>
      <c r="FU18" s="72">
        <v>597</v>
      </c>
      <c r="FV18" s="73">
        <v>695</v>
      </c>
      <c r="FW18" s="70">
        <v>2</v>
      </c>
      <c r="FX18" s="71">
        <v>5</v>
      </c>
      <c r="FY18" s="72">
        <v>7</v>
      </c>
      <c r="FZ18" s="244"/>
      <c r="GA18" s="71">
        <v>3</v>
      </c>
      <c r="GB18" s="71">
        <v>9</v>
      </c>
      <c r="GC18" s="71">
        <v>0</v>
      </c>
      <c r="GD18" s="71">
        <v>2</v>
      </c>
      <c r="GE18" s="71">
        <v>7</v>
      </c>
      <c r="GF18" s="72">
        <v>21</v>
      </c>
      <c r="GG18" s="73">
        <v>28</v>
      </c>
      <c r="GH18" s="70">
        <v>236</v>
      </c>
      <c r="GI18" s="71">
        <v>364</v>
      </c>
      <c r="GJ18" s="72">
        <v>600</v>
      </c>
      <c r="GK18" s="244"/>
      <c r="GL18" s="71">
        <v>430</v>
      </c>
      <c r="GM18" s="71">
        <v>446</v>
      </c>
      <c r="GN18" s="71">
        <v>328</v>
      </c>
      <c r="GO18" s="71">
        <v>323</v>
      </c>
      <c r="GP18" s="71">
        <v>187</v>
      </c>
      <c r="GQ18" s="72">
        <v>1714</v>
      </c>
      <c r="GR18" s="73">
        <v>2314</v>
      </c>
      <c r="GS18" s="123">
        <v>348</v>
      </c>
      <c r="GT18" s="82">
        <v>501</v>
      </c>
      <c r="GU18" s="83">
        <v>849</v>
      </c>
      <c r="GV18" s="241"/>
      <c r="GW18" s="82">
        <v>677</v>
      </c>
      <c r="GX18" s="82">
        <v>671</v>
      </c>
      <c r="GY18" s="82">
        <v>483</v>
      </c>
      <c r="GZ18" s="82">
        <v>451</v>
      </c>
      <c r="HA18" s="82">
        <v>248</v>
      </c>
      <c r="HB18" s="84">
        <v>2530</v>
      </c>
      <c r="HC18" s="85">
        <v>3379</v>
      </c>
      <c r="HD18" s="70">
        <v>9</v>
      </c>
      <c r="HE18" s="71">
        <v>10</v>
      </c>
      <c r="HF18" s="72">
        <v>19</v>
      </c>
      <c r="HG18" s="244"/>
      <c r="HH18" s="71">
        <v>23</v>
      </c>
      <c r="HI18" s="71">
        <v>17</v>
      </c>
      <c r="HJ18" s="71">
        <v>17</v>
      </c>
      <c r="HK18" s="71">
        <v>12</v>
      </c>
      <c r="HL18" s="71">
        <v>9</v>
      </c>
      <c r="HM18" s="72">
        <v>78</v>
      </c>
      <c r="HN18" s="73">
        <v>97</v>
      </c>
      <c r="HO18" s="70">
        <v>18</v>
      </c>
      <c r="HP18" s="71">
        <v>34</v>
      </c>
      <c r="HQ18" s="72">
        <v>52</v>
      </c>
      <c r="HR18" s="244"/>
      <c r="HS18" s="71">
        <v>65</v>
      </c>
      <c r="HT18" s="71">
        <v>64</v>
      </c>
      <c r="HU18" s="71">
        <v>37</v>
      </c>
      <c r="HV18" s="71">
        <v>24</v>
      </c>
      <c r="HW18" s="71">
        <v>16</v>
      </c>
      <c r="HX18" s="72">
        <v>206</v>
      </c>
      <c r="HY18" s="73">
        <v>258</v>
      </c>
      <c r="HZ18" s="70">
        <v>71</v>
      </c>
      <c r="IA18" s="71">
        <v>87</v>
      </c>
      <c r="IB18" s="72">
        <v>158</v>
      </c>
      <c r="IC18" s="244"/>
      <c r="ID18" s="71">
        <v>88</v>
      </c>
      <c r="IE18" s="71">
        <v>93</v>
      </c>
      <c r="IF18" s="71">
        <v>48</v>
      </c>
      <c r="IG18" s="71">
        <v>38</v>
      </c>
      <c r="IH18" s="71">
        <v>35</v>
      </c>
      <c r="II18" s="72">
        <v>302</v>
      </c>
      <c r="IJ18" s="73">
        <v>460</v>
      </c>
      <c r="IK18" s="70">
        <v>105</v>
      </c>
      <c r="IL18" s="71">
        <v>133</v>
      </c>
      <c r="IM18" s="72">
        <v>238</v>
      </c>
      <c r="IN18" s="244"/>
      <c r="IO18" s="71">
        <v>171</v>
      </c>
      <c r="IP18" s="71">
        <v>144</v>
      </c>
      <c r="IQ18" s="71">
        <v>95</v>
      </c>
      <c r="IR18" s="71">
        <v>70</v>
      </c>
      <c r="IS18" s="71">
        <v>50</v>
      </c>
      <c r="IT18" s="72">
        <v>530</v>
      </c>
      <c r="IU18" s="73">
        <v>768</v>
      </c>
      <c r="IV18" s="70">
        <v>94</v>
      </c>
      <c r="IW18" s="71">
        <v>152</v>
      </c>
      <c r="IX18" s="72">
        <v>246</v>
      </c>
      <c r="IY18" s="244"/>
      <c r="IZ18" s="71">
        <v>184</v>
      </c>
      <c r="JA18" s="71">
        <v>170</v>
      </c>
      <c r="JB18" s="71">
        <v>122</v>
      </c>
      <c r="JC18" s="71">
        <v>121</v>
      </c>
      <c r="JD18" s="71">
        <v>64</v>
      </c>
      <c r="JE18" s="72">
        <v>661</v>
      </c>
      <c r="JF18" s="73">
        <v>907</v>
      </c>
      <c r="JG18" s="70">
        <v>51</v>
      </c>
      <c r="JH18" s="71">
        <v>85</v>
      </c>
      <c r="JI18" s="72">
        <v>136</v>
      </c>
      <c r="JJ18" s="244"/>
      <c r="JK18" s="71">
        <v>146</v>
      </c>
      <c r="JL18" s="71">
        <v>183</v>
      </c>
      <c r="JM18" s="71">
        <v>164</v>
      </c>
      <c r="JN18" s="71">
        <v>186</v>
      </c>
      <c r="JO18" s="71">
        <v>74</v>
      </c>
      <c r="JP18" s="72">
        <v>753</v>
      </c>
      <c r="JQ18" s="73">
        <v>889</v>
      </c>
      <c r="JR18" s="70">
        <v>4</v>
      </c>
      <c r="JS18" s="71">
        <v>10</v>
      </c>
      <c r="JT18" s="72">
        <v>14</v>
      </c>
      <c r="JU18" s="244"/>
      <c r="JV18" s="71">
        <v>13</v>
      </c>
      <c r="JW18" s="71">
        <v>15</v>
      </c>
      <c r="JX18" s="71">
        <v>1</v>
      </c>
      <c r="JY18" s="71">
        <v>5</v>
      </c>
      <c r="JZ18" s="71">
        <v>12</v>
      </c>
      <c r="KA18" s="72">
        <v>46</v>
      </c>
      <c r="KB18" s="73">
        <v>60</v>
      </c>
      <c r="KC18" s="70">
        <v>352</v>
      </c>
      <c r="KD18" s="71">
        <v>511</v>
      </c>
      <c r="KE18" s="72">
        <v>863</v>
      </c>
      <c r="KF18" s="244"/>
      <c r="KG18" s="71">
        <v>690</v>
      </c>
      <c r="KH18" s="71">
        <v>686</v>
      </c>
      <c r="KI18" s="71">
        <v>484</v>
      </c>
      <c r="KJ18" s="71">
        <v>456</v>
      </c>
      <c r="KK18" s="71">
        <v>260</v>
      </c>
      <c r="KL18" s="72">
        <v>2576</v>
      </c>
      <c r="KM18" s="73">
        <v>3439</v>
      </c>
    </row>
    <row r="19" spans="2:299" ht="21" customHeight="1" x14ac:dyDescent="0.2">
      <c r="B19" s="126" t="s">
        <v>16</v>
      </c>
      <c r="C19" s="315">
        <v>209</v>
      </c>
      <c r="D19" s="82">
        <v>247</v>
      </c>
      <c r="E19" s="83">
        <v>456</v>
      </c>
      <c r="F19" s="241"/>
      <c r="G19" s="82">
        <v>479</v>
      </c>
      <c r="H19" s="82">
        <v>607</v>
      </c>
      <c r="I19" s="82">
        <v>383</v>
      </c>
      <c r="J19" s="82">
        <v>343</v>
      </c>
      <c r="K19" s="82">
        <v>206</v>
      </c>
      <c r="L19" s="84">
        <v>2018</v>
      </c>
      <c r="M19" s="85">
        <v>2474</v>
      </c>
      <c r="N19" s="70">
        <v>9</v>
      </c>
      <c r="O19" s="71">
        <v>16</v>
      </c>
      <c r="P19" s="72">
        <v>25</v>
      </c>
      <c r="Q19" s="244"/>
      <c r="R19" s="71">
        <v>23</v>
      </c>
      <c r="S19" s="71">
        <v>29</v>
      </c>
      <c r="T19" s="71">
        <v>20</v>
      </c>
      <c r="U19" s="71">
        <v>25</v>
      </c>
      <c r="V19" s="71">
        <v>26</v>
      </c>
      <c r="W19" s="72">
        <v>123</v>
      </c>
      <c r="X19" s="73">
        <v>148</v>
      </c>
      <c r="Y19" s="70">
        <v>34</v>
      </c>
      <c r="Z19" s="71">
        <v>45</v>
      </c>
      <c r="AA19" s="72">
        <v>79</v>
      </c>
      <c r="AB19" s="244"/>
      <c r="AC19" s="71">
        <v>66</v>
      </c>
      <c r="AD19" s="71">
        <v>83</v>
      </c>
      <c r="AE19" s="71">
        <v>50</v>
      </c>
      <c r="AF19" s="71">
        <v>45</v>
      </c>
      <c r="AG19" s="71">
        <v>26</v>
      </c>
      <c r="AH19" s="72">
        <v>270</v>
      </c>
      <c r="AI19" s="73">
        <v>349</v>
      </c>
      <c r="AJ19" s="70">
        <v>44</v>
      </c>
      <c r="AK19" s="71">
        <v>48</v>
      </c>
      <c r="AL19" s="72">
        <v>92</v>
      </c>
      <c r="AM19" s="244"/>
      <c r="AN19" s="71">
        <v>88</v>
      </c>
      <c r="AO19" s="71">
        <v>106</v>
      </c>
      <c r="AP19" s="71">
        <v>61</v>
      </c>
      <c r="AQ19" s="71">
        <v>55</v>
      </c>
      <c r="AR19" s="71">
        <v>39</v>
      </c>
      <c r="AS19" s="72">
        <v>349</v>
      </c>
      <c r="AT19" s="73">
        <v>441</v>
      </c>
      <c r="AU19" s="70">
        <v>47</v>
      </c>
      <c r="AV19" s="71">
        <v>53</v>
      </c>
      <c r="AW19" s="72">
        <v>100</v>
      </c>
      <c r="AX19" s="244"/>
      <c r="AY19" s="71">
        <v>120</v>
      </c>
      <c r="AZ19" s="71">
        <v>161</v>
      </c>
      <c r="BA19" s="71">
        <v>81</v>
      </c>
      <c r="BB19" s="71">
        <v>82</v>
      </c>
      <c r="BC19" s="71">
        <v>55</v>
      </c>
      <c r="BD19" s="72">
        <v>499</v>
      </c>
      <c r="BE19" s="73">
        <v>599</v>
      </c>
      <c r="BF19" s="70">
        <v>56</v>
      </c>
      <c r="BG19" s="71">
        <v>48</v>
      </c>
      <c r="BH19" s="72">
        <v>104</v>
      </c>
      <c r="BI19" s="244"/>
      <c r="BJ19" s="71">
        <v>110</v>
      </c>
      <c r="BK19" s="71">
        <v>130</v>
      </c>
      <c r="BL19" s="71">
        <v>92</v>
      </c>
      <c r="BM19" s="71">
        <v>64</v>
      </c>
      <c r="BN19" s="71">
        <v>29</v>
      </c>
      <c r="BO19" s="72">
        <v>425</v>
      </c>
      <c r="BP19" s="73">
        <v>529</v>
      </c>
      <c r="BQ19" s="70">
        <v>19</v>
      </c>
      <c r="BR19" s="71">
        <v>37</v>
      </c>
      <c r="BS19" s="72">
        <v>56</v>
      </c>
      <c r="BT19" s="244"/>
      <c r="BU19" s="71">
        <v>72</v>
      </c>
      <c r="BV19" s="71">
        <v>98</v>
      </c>
      <c r="BW19" s="71">
        <v>79</v>
      </c>
      <c r="BX19" s="71">
        <v>72</v>
      </c>
      <c r="BY19" s="71">
        <v>31</v>
      </c>
      <c r="BZ19" s="72">
        <v>352</v>
      </c>
      <c r="CA19" s="73">
        <v>408</v>
      </c>
      <c r="CB19" s="70">
        <v>14</v>
      </c>
      <c r="CC19" s="71">
        <v>12</v>
      </c>
      <c r="CD19" s="72">
        <v>26</v>
      </c>
      <c r="CE19" s="244"/>
      <c r="CF19" s="71">
        <v>10</v>
      </c>
      <c r="CG19" s="71">
        <v>26</v>
      </c>
      <c r="CH19" s="71">
        <v>16</v>
      </c>
      <c r="CI19" s="71">
        <v>12</v>
      </c>
      <c r="CJ19" s="71">
        <v>14</v>
      </c>
      <c r="CK19" s="72">
        <v>78</v>
      </c>
      <c r="CL19" s="73">
        <v>104</v>
      </c>
      <c r="CM19" s="70">
        <v>223</v>
      </c>
      <c r="CN19" s="71">
        <v>259</v>
      </c>
      <c r="CO19" s="72">
        <v>482</v>
      </c>
      <c r="CP19" s="244"/>
      <c r="CQ19" s="71">
        <v>489</v>
      </c>
      <c r="CR19" s="71">
        <v>633</v>
      </c>
      <c r="CS19" s="71">
        <v>399</v>
      </c>
      <c r="CT19" s="71">
        <v>355</v>
      </c>
      <c r="CU19" s="71">
        <v>220</v>
      </c>
      <c r="CV19" s="72">
        <v>2096</v>
      </c>
      <c r="CW19" s="73">
        <v>2578</v>
      </c>
      <c r="CX19" s="123">
        <v>402</v>
      </c>
      <c r="CY19" s="82">
        <v>540</v>
      </c>
      <c r="CZ19" s="83">
        <v>942</v>
      </c>
      <c r="DA19" s="241"/>
      <c r="DB19" s="82">
        <v>849</v>
      </c>
      <c r="DC19" s="82">
        <v>1014</v>
      </c>
      <c r="DD19" s="82">
        <v>804</v>
      </c>
      <c r="DE19" s="82">
        <v>792</v>
      </c>
      <c r="DF19" s="82">
        <v>494</v>
      </c>
      <c r="DG19" s="84">
        <v>3953</v>
      </c>
      <c r="DH19" s="85">
        <v>4895</v>
      </c>
      <c r="DI19" s="70">
        <v>16</v>
      </c>
      <c r="DJ19" s="71">
        <v>21</v>
      </c>
      <c r="DK19" s="72">
        <v>37</v>
      </c>
      <c r="DL19" s="244"/>
      <c r="DM19" s="71">
        <v>12</v>
      </c>
      <c r="DN19" s="71">
        <v>34</v>
      </c>
      <c r="DO19" s="71">
        <v>23</v>
      </c>
      <c r="DP19" s="71">
        <v>18</v>
      </c>
      <c r="DQ19" s="71">
        <v>9</v>
      </c>
      <c r="DR19" s="72">
        <v>96</v>
      </c>
      <c r="DS19" s="73">
        <v>133</v>
      </c>
      <c r="DT19" s="70">
        <v>32</v>
      </c>
      <c r="DU19" s="71">
        <v>48</v>
      </c>
      <c r="DV19" s="72">
        <v>80</v>
      </c>
      <c r="DW19" s="244"/>
      <c r="DX19" s="71">
        <v>59</v>
      </c>
      <c r="DY19" s="71">
        <v>81</v>
      </c>
      <c r="DZ19" s="71">
        <v>52</v>
      </c>
      <c r="EA19" s="71">
        <v>47</v>
      </c>
      <c r="EB19" s="71">
        <v>39</v>
      </c>
      <c r="EC19" s="72">
        <v>278</v>
      </c>
      <c r="ED19" s="73">
        <v>358</v>
      </c>
      <c r="EE19" s="70">
        <v>82</v>
      </c>
      <c r="EF19" s="71">
        <v>101</v>
      </c>
      <c r="EG19" s="72">
        <v>183</v>
      </c>
      <c r="EH19" s="244"/>
      <c r="EI19" s="71">
        <v>112</v>
      </c>
      <c r="EJ19" s="71">
        <v>144</v>
      </c>
      <c r="EK19" s="71">
        <v>82</v>
      </c>
      <c r="EL19" s="71">
        <v>73</v>
      </c>
      <c r="EM19" s="71">
        <v>47</v>
      </c>
      <c r="EN19" s="72">
        <v>458</v>
      </c>
      <c r="EO19" s="73">
        <v>641</v>
      </c>
      <c r="EP19" s="70">
        <v>117</v>
      </c>
      <c r="EQ19" s="71">
        <v>151</v>
      </c>
      <c r="ER19" s="72">
        <v>268</v>
      </c>
      <c r="ES19" s="244"/>
      <c r="ET19" s="71">
        <v>183</v>
      </c>
      <c r="EU19" s="71">
        <v>214</v>
      </c>
      <c r="EV19" s="71">
        <v>149</v>
      </c>
      <c r="EW19" s="71">
        <v>135</v>
      </c>
      <c r="EX19" s="71">
        <v>90</v>
      </c>
      <c r="EY19" s="72">
        <v>771</v>
      </c>
      <c r="EZ19" s="73">
        <v>1039</v>
      </c>
      <c r="FA19" s="70">
        <v>92</v>
      </c>
      <c r="FB19" s="71">
        <v>126</v>
      </c>
      <c r="FC19" s="72">
        <v>218</v>
      </c>
      <c r="FD19" s="244"/>
      <c r="FE19" s="71">
        <v>268</v>
      </c>
      <c r="FF19" s="71">
        <v>262</v>
      </c>
      <c r="FG19" s="71">
        <v>218</v>
      </c>
      <c r="FH19" s="71">
        <v>175</v>
      </c>
      <c r="FI19" s="71">
        <v>114</v>
      </c>
      <c r="FJ19" s="72">
        <v>1037</v>
      </c>
      <c r="FK19" s="73">
        <v>1255</v>
      </c>
      <c r="FL19" s="70">
        <v>63</v>
      </c>
      <c r="FM19" s="71">
        <v>93</v>
      </c>
      <c r="FN19" s="72">
        <v>156</v>
      </c>
      <c r="FO19" s="244"/>
      <c r="FP19" s="71">
        <v>215</v>
      </c>
      <c r="FQ19" s="71">
        <v>279</v>
      </c>
      <c r="FR19" s="71">
        <v>280</v>
      </c>
      <c r="FS19" s="71">
        <v>344</v>
      </c>
      <c r="FT19" s="71">
        <v>195</v>
      </c>
      <c r="FU19" s="72">
        <v>1313</v>
      </c>
      <c r="FV19" s="73">
        <v>1469</v>
      </c>
      <c r="FW19" s="70">
        <v>14</v>
      </c>
      <c r="FX19" s="71">
        <v>15</v>
      </c>
      <c r="FY19" s="72">
        <v>29</v>
      </c>
      <c r="FZ19" s="244"/>
      <c r="GA19" s="71">
        <v>7</v>
      </c>
      <c r="GB19" s="71">
        <v>20</v>
      </c>
      <c r="GC19" s="71">
        <v>8</v>
      </c>
      <c r="GD19" s="71">
        <v>12</v>
      </c>
      <c r="GE19" s="71">
        <v>11</v>
      </c>
      <c r="GF19" s="72">
        <v>58</v>
      </c>
      <c r="GG19" s="73">
        <v>87</v>
      </c>
      <c r="GH19" s="70">
        <v>416</v>
      </c>
      <c r="GI19" s="71">
        <v>555</v>
      </c>
      <c r="GJ19" s="72">
        <v>971</v>
      </c>
      <c r="GK19" s="244"/>
      <c r="GL19" s="71">
        <v>856</v>
      </c>
      <c r="GM19" s="71">
        <v>1034</v>
      </c>
      <c r="GN19" s="71">
        <v>812</v>
      </c>
      <c r="GO19" s="71">
        <v>804</v>
      </c>
      <c r="GP19" s="71">
        <v>505</v>
      </c>
      <c r="GQ19" s="72">
        <v>4011</v>
      </c>
      <c r="GR19" s="73">
        <v>4982</v>
      </c>
      <c r="GS19" s="123">
        <v>611</v>
      </c>
      <c r="GT19" s="82">
        <v>787</v>
      </c>
      <c r="GU19" s="83">
        <v>1398</v>
      </c>
      <c r="GV19" s="241"/>
      <c r="GW19" s="82">
        <v>1328</v>
      </c>
      <c r="GX19" s="82">
        <v>1621</v>
      </c>
      <c r="GY19" s="82">
        <v>1187</v>
      </c>
      <c r="GZ19" s="82">
        <v>1135</v>
      </c>
      <c r="HA19" s="82">
        <v>700</v>
      </c>
      <c r="HB19" s="84">
        <v>5971</v>
      </c>
      <c r="HC19" s="85">
        <v>7369</v>
      </c>
      <c r="HD19" s="70">
        <v>25</v>
      </c>
      <c r="HE19" s="71">
        <v>37</v>
      </c>
      <c r="HF19" s="72">
        <v>62</v>
      </c>
      <c r="HG19" s="244"/>
      <c r="HH19" s="71">
        <v>35</v>
      </c>
      <c r="HI19" s="71">
        <v>63</v>
      </c>
      <c r="HJ19" s="71">
        <v>43</v>
      </c>
      <c r="HK19" s="71">
        <v>43</v>
      </c>
      <c r="HL19" s="71">
        <v>35</v>
      </c>
      <c r="HM19" s="72">
        <v>219</v>
      </c>
      <c r="HN19" s="73">
        <v>281</v>
      </c>
      <c r="HO19" s="70">
        <v>66</v>
      </c>
      <c r="HP19" s="71">
        <v>93</v>
      </c>
      <c r="HQ19" s="72">
        <v>159</v>
      </c>
      <c r="HR19" s="244"/>
      <c r="HS19" s="71">
        <v>125</v>
      </c>
      <c r="HT19" s="71">
        <v>164</v>
      </c>
      <c r="HU19" s="71">
        <v>102</v>
      </c>
      <c r="HV19" s="71">
        <v>92</v>
      </c>
      <c r="HW19" s="71">
        <v>65</v>
      </c>
      <c r="HX19" s="72">
        <v>548</v>
      </c>
      <c r="HY19" s="73">
        <v>707</v>
      </c>
      <c r="HZ19" s="70">
        <v>126</v>
      </c>
      <c r="IA19" s="71">
        <v>149</v>
      </c>
      <c r="IB19" s="72">
        <v>275</v>
      </c>
      <c r="IC19" s="244"/>
      <c r="ID19" s="71">
        <v>200</v>
      </c>
      <c r="IE19" s="71">
        <v>250</v>
      </c>
      <c r="IF19" s="71">
        <v>143</v>
      </c>
      <c r="IG19" s="71">
        <v>128</v>
      </c>
      <c r="IH19" s="71">
        <v>86</v>
      </c>
      <c r="II19" s="72">
        <v>807</v>
      </c>
      <c r="IJ19" s="73">
        <v>1082</v>
      </c>
      <c r="IK19" s="70">
        <v>164</v>
      </c>
      <c r="IL19" s="71">
        <v>204</v>
      </c>
      <c r="IM19" s="72">
        <v>368</v>
      </c>
      <c r="IN19" s="244"/>
      <c r="IO19" s="71">
        <v>303</v>
      </c>
      <c r="IP19" s="71">
        <v>375</v>
      </c>
      <c r="IQ19" s="71">
        <v>230</v>
      </c>
      <c r="IR19" s="71">
        <v>217</v>
      </c>
      <c r="IS19" s="71">
        <v>145</v>
      </c>
      <c r="IT19" s="72">
        <v>1270</v>
      </c>
      <c r="IU19" s="73">
        <v>1638</v>
      </c>
      <c r="IV19" s="70">
        <v>148</v>
      </c>
      <c r="IW19" s="71">
        <v>174</v>
      </c>
      <c r="IX19" s="72">
        <v>322</v>
      </c>
      <c r="IY19" s="244"/>
      <c r="IZ19" s="71">
        <v>378</v>
      </c>
      <c r="JA19" s="71">
        <v>392</v>
      </c>
      <c r="JB19" s="71">
        <v>310</v>
      </c>
      <c r="JC19" s="71">
        <v>239</v>
      </c>
      <c r="JD19" s="71">
        <v>143</v>
      </c>
      <c r="JE19" s="72">
        <v>1462</v>
      </c>
      <c r="JF19" s="73">
        <v>1784</v>
      </c>
      <c r="JG19" s="70">
        <v>82</v>
      </c>
      <c r="JH19" s="71">
        <v>130</v>
      </c>
      <c r="JI19" s="72">
        <v>212</v>
      </c>
      <c r="JJ19" s="244"/>
      <c r="JK19" s="71">
        <v>287</v>
      </c>
      <c r="JL19" s="71">
        <v>377</v>
      </c>
      <c r="JM19" s="71">
        <v>359</v>
      </c>
      <c r="JN19" s="71">
        <v>416</v>
      </c>
      <c r="JO19" s="71">
        <v>226</v>
      </c>
      <c r="JP19" s="72">
        <v>1665</v>
      </c>
      <c r="JQ19" s="73">
        <v>1877</v>
      </c>
      <c r="JR19" s="70">
        <v>28</v>
      </c>
      <c r="JS19" s="71">
        <v>27</v>
      </c>
      <c r="JT19" s="72">
        <v>55</v>
      </c>
      <c r="JU19" s="244"/>
      <c r="JV19" s="71">
        <v>17</v>
      </c>
      <c r="JW19" s="71">
        <v>46</v>
      </c>
      <c r="JX19" s="71">
        <v>24</v>
      </c>
      <c r="JY19" s="71">
        <v>24</v>
      </c>
      <c r="JZ19" s="71">
        <v>25</v>
      </c>
      <c r="KA19" s="72">
        <v>136</v>
      </c>
      <c r="KB19" s="73">
        <v>191</v>
      </c>
      <c r="KC19" s="70">
        <v>639</v>
      </c>
      <c r="KD19" s="71">
        <v>814</v>
      </c>
      <c r="KE19" s="72">
        <v>1453</v>
      </c>
      <c r="KF19" s="244"/>
      <c r="KG19" s="71">
        <v>1345</v>
      </c>
      <c r="KH19" s="71">
        <v>1667</v>
      </c>
      <c r="KI19" s="71">
        <v>1211</v>
      </c>
      <c r="KJ19" s="71">
        <v>1159</v>
      </c>
      <c r="KK19" s="71">
        <v>725</v>
      </c>
      <c r="KL19" s="72">
        <v>6107</v>
      </c>
      <c r="KM19" s="73">
        <v>7560</v>
      </c>
    </row>
    <row r="20" spans="2:299" ht="21" customHeight="1" x14ac:dyDescent="0.2">
      <c r="B20" s="126" t="s">
        <v>17</v>
      </c>
      <c r="C20" s="315">
        <v>293</v>
      </c>
      <c r="D20" s="82">
        <v>373</v>
      </c>
      <c r="E20" s="83">
        <v>666</v>
      </c>
      <c r="F20" s="241"/>
      <c r="G20" s="82">
        <v>566</v>
      </c>
      <c r="H20" s="82">
        <v>721</v>
      </c>
      <c r="I20" s="82">
        <v>516</v>
      </c>
      <c r="J20" s="82">
        <v>402</v>
      </c>
      <c r="K20" s="82">
        <v>274</v>
      </c>
      <c r="L20" s="84">
        <v>2479</v>
      </c>
      <c r="M20" s="85">
        <v>3145</v>
      </c>
      <c r="N20" s="70">
        <v>10</v>
      </c>
      <c r="O20" s="71">
        <v>29</v>
      </c>
      <c r="P20" s="72">
        <v>39</v>
      </c>
      <c r="Q20" s="244"/>
      <c r="R20" s="71">
        <v>21</v>
      </c>
      <c r="S20" s="71">
        <v>48</v>
      </c>
      <c r="T20" s="71">
        <v>34</v>
      </c>
      <c r="U20" s="71">
        <v>25</v>
      </c>
      <c r="V20" s="71">
        <v>20</v>
      </c>
      <c r="W20" s="72">
        <v>148</v>
      </c>
      <c r="X20" s="73">
        <v>187</v>
      </c>
      <c r="Y20" s="70">
        <v>31</v>
      </c>
      <c r="Z20" s="71">
        <v>56</v>
      </c>
      <c r="AA20" s="72">
        <v>87</v>
      </c>
      <c r="AB20" s="244"/>
      <c r="AC20" s="71">
        <v>54</v>
      </c>
      <c r="AD20" s="71">
        <v>108</v>
      </c>
      <c r="AE20" s="71">
        <v>63</v>
      </c>
      <c r="AF20" s="71">
        <v>55</v>
      </c>
      <c r="AG20" s="71">
        <v>29</v>
      </c>
      <c r="AH20" s="72">
        <v>309</v>
      </c>
      <c r="AI20" s="73">
        <v>396</v>
      </c>
      <c r="AJ20" s="70">
        <v>62</v>
      </c>
      <c r="AK20" s="71">
        <v>63</v>
      </c>
      <c r="AL20" s="72">
        <v>125</v>
      </c>
      <c r="AM20" s="244"/>
      <c r="AN20" s="71">
        <v>93</v>
      </c>
      <c r="AO20" s="71">
        <v>129</v>
      </c>
      <c r="AP20" s="71">
        <v>107</v>
      </c>
      <c r="AQ20" s="71">
        <v>75</v>
      </c>
      <c r="AR20" s="71">
        <v>59</v>
      </c>
      <c r="AS20" s="72">
        <v>463</v>
      </c>
      <c r="AT20" s="73">
        <v>588</v>
      </c>
      <c r="AU20" s="70">
        <v>71</v>
      </c>
      <c r="AV20" s="71">
        <v>98</v>
      </c>
      <c r="AW20" s="72">
        <v>169</v>
      </c>
      <c r="AX20" s="244"/>
      <c r="AY20" s="71">
        <v>177</v>
      </c>
      <c r="AZ20" s="71">
        <v>170</v>
      </c>
      <c r="BA20" s="71">
        <v>130</v>
      </c>
      <c r="BB20" s="71">
        <v>90</v>
      </c>
      <c r="BC20" s="71">
        <v>70</v>
      </c>
      <c r="BD20" s="72">
        <v>637</v>
      </c>
      <c r="BE20" s="73">
        <v>806</v>
      </c>
      <c r="BF20" s="70">
        <v>71</v>
      </c>
      <c r="BG20" s="71">
        <v>76</v>
      </c>
      <c r="BH20" s="72">
        <v>147</v>
      </c>
      <c r="BI20" s="244"/>
      <c r="BJ20" s="71">
        <v>138</v>
      </c>
      <c r="BK20" s="71">
        <v>175</v>
      </c>
      <c r="BL20" s="71">
        <v>111</v>
      </c>
      <c r="BM20" s="71">
        <v>85</v>
      </c>
      <c r="BN20" s="71">
        <v>65</v>
      </c>
      <c r="BO20" s="72">
        <v>574</v>
      </c>
      <c r="BP20" s="73">
        <v>721</v>
      </c>
      <c r="BQ20" s="70">
        <v>48</v>
      </c>
      <c r="BR20" s="71">
        <v>51</v>
      </c>
      <c r="BS20" s="72">
        <v>99</v>
      </c>
      <c r="BT20" s="244"/>
      <c r="BU20" s="71">
        <v>83</v>
      </c>
      <c r="BV20" s="71">
        <v>91</v>
      </c>
      <c r="BW20" s="71">
        <v>71</v>
      </c>
      <c r="BX20" s="71">
        <v>72</v>
      </c>
      <c r="BY20" s="71">
        <v>31</v>
      </c>
      <c r="BZ20" s="72">
        <v>348</v>
      </c>
      <c r="CA20" s="73">
        <v>447</v>
      </c>
      <c r="CB20" s="70">
        <v>13</v>
      </c>
      <c r="CC20" s="71">
        <v>22</v>
      </c>
      <c r="CD20" s="72">
        <v>35</v>
      </c>
      <c r="CE20" s="244"/>
      <c r="CF20" s="71">
        <v>23</v>
      </c>
      <c r="CG20" s="71">
        <v>50</v>
      </c>
      <c r="CH20" s="71">
        <v>32</v>
      </c>
      <c r="CI20" s="71">
        <v>13</v>
      </c>
      <c r="CJ20" s="71">
        <v>13</v>
      </c>
      <c r="CK20" s="72">
        <v>131</v>
      </c>
      <c r="CL20" s="73">
        <v>166</v>
      </c>
      <c r="CM20" s="70">
        <v>306</v>
      </c>
      <c r="CN20" s="71">
        <v>395</v>
      </c>
      <c r="CO20" s="72">
        <v>701</v>
      </c>
      <c r="CP20" s="244"/>
      <c r="CQ20" s="71">
        <v>589</v>
      </c>
      <c r="CR20" s="71">
        <v>771</v>
      </c>
      <c r="CS20" s="71">
        <v>548</v>
      </c>
      <c r="CT20" s="71">
        <v>415</v>
      </c>
      <c r="CU20" s="71">
        <v>287</v>
      </c>
      <c r="CV20" s="72">
        <v>2610</v>
      </c>
      <c r="CW20" s="73">
        <v>3311</v>
      </c>
      <c r="CX20" s="123">
        <v>632</v>
      </c>
      <c r="CY20" s="82">
        <v>796</v>
      </c>
      <c r="CZ20" s="83">
        <v>1428</v>
      </c>
      <c r="DA20" s="241"/>
      <c r="DB20" s="82">
        <v>945</v>
      </c>
      <c r="DC20" s="82">
        <v>1245</v>
      </c>
      <c r="DD20" s="82">
        <v>877</v>
      </c>
      <c r="DE20" s="82">
        <v>820</v>
      </c>
      <c r="DF20" s="82">
        <v>606</v>
      </c>
      <c r="DG20" s="84">
        <v>4493</v>
      </c>
      <c r="DH20" s="85">
        <v>5921</v>
      </c>
      <c r="DI20" s="70">
        <v>16</v>
      </c>
      <c r="DJ20" s="71">
        <v>28</v>
      </c>
      <c r="DK20" s="72">
        <v>44</v>
      </c>
      <c r="DL20" s="244"/>
      <c r="DM20" s="71">
        <v>12</v>
      </c>
      <c r="DN20" s="71">
        <v>39</v>
      </c>
      <c r="DO20" s="71">
        <v>27</v>
      </c>
      <c r="DP20" s="71">
        <v>20</v>
      </c>
      <c r="DQ20" s="71">
        <v>25</v>
      </c>
      <c r="DR20" s="72">
        <v>123</v>
      </c>
      <c r="DS20" s="73">
        <v>167</v>
      </c>
      <c r="DT20" s="70">
        <v>55</v>
      </c>
      <c r="DU20" s="71">
        <v>73</v>
      </c>
      <c r="DV20" s="72">
        <v>128</v>
      </c>
      <c r="DW20" s="244"/>
      <c r="DX20" s="71">
        <v>85</v>
      </c>
      <c r="DY20" s="71">
        <v>83</v>
      </c>
      <c r="DZ20" s="71">
        <v>57</v>
      </c>
      <c r="EA20" s="71">
        <v>50</v>
      </c>
      <c r="EB20" s="71">
        <v>37</v>
      </c>
      <c r="EC20" s="72">
        <v>312</v>
      </c>
      <c r="ED20" s="73">
        <v>440</v>
      </c>
      <c r="EE20" s="70">
        <v>122</v>
      </c>
      <c r="EF20" s="71">
        <v>120</v>
      </c>
      <c r="EG20" s="72">
        <v>242</v>
      </c>
      <c r="EH20" s="244"/>
      <c r="EI20" s="71">
        <v>117</v>
      </c>
      <c r="EJ20" s="71">
        <v>186</v>
      </c>
      <c r="EK20" s="71">
        <v>104</v>
      </c>
      <c r="EL20" s="71">
        <v>94</v>
      </c>
      <c r="EM20" s="71">
        <v>67</v>
      </c>
      <c r="EN20" s="72">
        <v>568</v>
      </c>
      <c r="EO20" s="73">
        <v>810</v>
      </c>
      <c r="EP20" s="70">
        <v>199</v>
      </c>
      <c r="EQ20" s="71">
        <v>214</v>
      </c>
      <c r="ER20" s="72">
        <v>413</v>
      </c>
      <c r="ES20" s="244"/>
      <c r="ET20" s="71">
        <v>250</v>
      </c>
      <c r="EU20" s="71">
        <v>301</v>
      </c>
      <c r="EV20" s="71">
        <v>173</v>
      </c>
      <c r="EW20" s="71">
        <v>188</v>
      </c>
      <c r="EX20" s="71">
        <v>109</v>
      </c>
      <c r="EY20" s="72">
        <v>1021</v>
      </c>
      <c r="EZ20" s="73">
        <v>1434</v>
      </c>
      <c r="FA20" s="70">
        <v>167</v>
      </c>
      <c r="FB20" s="71">
        <v>232</v>
      </c>
      <c r="FC20" s="72">
        <v>399</v>
      </c>
      <c r="FD20" s="244"/>
      <c r="FE20" s="71">
        <v>273</v>
      </c>
      <c r="FF20" s="71">
        <v>307</v>
      </c>
      <c r="FG20" s="71">
        <v>250</v>
      </c>
      <c r="FH20" s="71">
        <v>183</v>
      </c>
      <c r="FI20" s="71">
        <v>168</v>
      </c>
      <c r="FJ20" s="72">
        <v>1181</v>
      </c>
      <c r="FK20" s="73">
        <v>1580</v>
      </c>
      <c r="FL20" s="70">
        <v>73</v>
      </c>
      <c r="FM20" s="71">
        <v>129</v>
      </c>
      <c r="FN20" s="72">
        <v>202</v>
      </c>
      <c r="FO20" s="244"/>
      <c r="FP20" s="71">
        <v>208</v>
      </c>
      <c r="FQ20" s="71">
        <v>329</v>
      </c>
      <c r="FR20" s="71">
        <v>266</v>
      </c>
      <c r="FS20" s="71">
        <v>285</v>
      </c>
      <c r="FT20" s="71">
        <v>200</v>
      </c>
      <c r="FU20" s="72">
        <v>1288</v>
      </c>
      <c r="FV20" s="73">
        <v>1490</v>
      </c>
      <c r="FW20" s="70">
        <v>4</v>
      </c>
      <c r="FX20" s="71">
        <v>19</v>
      </c>
      <c r="FY20" s="72">
        <v>23</v>
      </c>
      <c r="FZ20" s="244"/>
      <c r="GA20" s="71">
        <v>5</v>
      </c>
      <c r="GB20" s="71">
        <v>25</v>
      </c>
      <c r="GC20" s="71">
        <v>17</v>
      </c>
      <c r="GD20" s="71">
        <v>19</v>
      </c>
      <c r="GE20" s="71">
        <v>18</v>
      </c>
      <c r="GF20" s="72">
        <v>84</v>
      </c>
      <c r="GG20" s="73">
        <v>107</v>
      </c>
      <c r="GH20" s="70">
        <v>636</v>
      </c>
      <c r="GI20" s="71">
        <v>815</v>
      </c>
      <c r="GJ20" s="72">
        <v>1451</v>
      </c>
      <c r="GK20" s="244"/>
      <c r="GL20" s="71">
        <v>950</v>
      </c>
      <c r="GM20" s="71">
        <v>1270</v>
      </c>
      <c r="GN20" s="71">
        <v>894</v>
      </c>
      <c r="GO20" s="71">
        <v>839</v>
      </c>
      <c r="GP20" s="71">
        <v>624</v>
      </c>
      <c r="GQ20" s="72">
        <v>4577</v>
      </c>
      <c r="GR20" s="73">
        <v>6028</v>
      </c>
      <c r="GS20" s="123">
        <v>925</v>
      </c>
      <c r="GT20" s="82">
        <v>1169</v>
      </c>
      <c r="GU20" s="83">
        <v>2094</v>
      </c>
      <c r="GV20" s="241"/>
      <c r="GW20" s="82">
        <v>1511</v>
      </c>
      <c r="GX20" s="82">
        <v>1966</v>
      </c>
      <c r="GY20" s="82">
        <v>1393</v>
      </c>
      <c r="GZ20" s="82">
        <v>1222</v>
      </c>
      <c r="HA20" s="82">
        <v>880</v>
      </c>
      <c r="HB20" s="84">
        <v>6972</v>
      </c>
      <c r="HC20" s="85">
        <v>9066</v>
      </c>
      <c r="HD20" s="70">
        <v>26</v>
      </c>
      <c r="HE20" s="71">
        <v>57</v>
      </c>
      <c r="HF20" s="72">
        <v>83</v>
      </c>
      <c r="HG20" s="244"/>
      <c r="HH20" s="71">
        <v>33</v>
      </c>
      <c r="HI20" s="71">
        <v>87</v>
      </c>
      <c r="HJ20" s="71">
        <v>61</v>
      </c>
      <c r="HK20" s="71">
        <v>45</v>
      </c>
      <c r="HL20" s="71">
        <v>45</v>
      </c>
      <c r="HM20" s="72">
        <v>271</v>
      </c>
      <c r="HN20" s="73">
        <v>354</v>
      </c>
      <c r="HO20" s="70">
        <v>86</v>
      </c>
      <c r="HP20" s="71">
        <v>129</v>
      </c>
      <c r="HQ20" s="72">
        <v>215</v>
      </c>
      <c r="HR20" s="244"/>
      <c r="HS20" s="71">
        <v>139</v>
      </c>
      <c r="HT20" s="71">
        <v>191</v>
      </c>
      <c r="HU20" s="71">
        <v>120</v>
      </c>
      <c r="HV20" s="71">
        <v>105</v>
      </c>
      <c r="HW20" s="71">
        <v>66</v>
      </c>
      <c r="HX20" s="72">
        <v>621</v>
      </c>
      <c r="HY20" s="73">
        <v>836</v>
      </c>
      <c r="HZ20" s="70">
        <v>184</v>
      </c>
      <c r="IA20" s="71">
        <v>183</v>
      </c>
      <c r="IB20" s="72">
        <v>367</v>
      </c>
      <c r="IC20" s="244"/>
      <c r="ID20" s="71">
        <v>210</v>
      </c>
      <c r="IE20" s="71">
        <v>315</v>
      </c>
      <c r="IF20" s="71">
        <v>211</v>
      </c>
      <c r="IG20" s="71">
        <v>169</v>
      </c>
      <c r="IH20" s="71">
        <v>126</v>
      </c>
      <c r="II20" s="72">
        <v>1031</v>
      </c>
      <c r="IJ20" s="73">
        <v>1398</v>
      </c>
      <c r="IK20" s="70">
        <v>270</v>
      </c>
      <c r="IL20" s="71">
        <v>312</v>
      </c>
      <c r="IM20" s="72">
        <v>582</v>
      </c>
      <c r="IN20" s="244"/>
      <c r="IO20" s="71">
        <v>427</v>
      </c>
      <c r="IP20" s="71">
        <v>471</v>
      </c>
      <c r="IQ20" s="71">
        <v>303</v>
      </c>
      <c r="IR20" s="71">
        <v>278</v>
      </c>
      <c r="IS20" s="71">
        <v>179</v>
      </c>
      <c r="IT20" s="72">
        <v>1658</v>
      </c>
      <c r="IU20" s="73">
        <v>2240</v>
      </c>
      <c r="IV20" s="70">
        <v>238</v>
      </c>
      <c r="IW20" s="71">
        <v>308</v>
      </c>
      <c r="IX20" s="72">
        <v>546</v>
      </c>
      <c r="IY20" s="244"/>
      <c r="IZ20" s="71">
        <v>411</v>
      </c>
      <c r="JA20" s="71">
        <v>482</v>
      </c>
      <c r="JB20" s="71">
        <v>361</v>
      </c>
      <c r="JC20" s="71">
        <v>268</v>
      </c>
      <c r="JD20" s="71">
        <v>233</v>
      </c>
      <c r="JE20" s="72">
        <v>1755</v>
      </c>
      <c r="JF20" s="73">
        <v>2301</v>
      </c>
      <c r="JG20" s="70">
        <v>121</v>
      </c>
      <c r="JH20" s="71">
        <v>180</v>
      </c>
      <c r="JI20" s="72">
        <v>301</v>
      </c>
      <c r="JJ20" s="244"/>
      <c r="JK20" s="71">
        <v>291</v>
      </c>
      <c r="JL20" s="71">
        <v>420</v>
      </c>
      <c r="JM20" s="71">
        <v>337</v>
      </c>
      <c r="JN20" s="71">
        <v>357</v>
      </c>
      <c r="JO20" s="71">
        <v>231</v>
      </c>
      <c r="JP20" s="72">
        <v>1636</v>
      </c>
      <c r="JQ20" s="73">
        <v>1937</v>
      </c>
      <c r="JR20" s="70">
        <v>17</v>
      </c>
      <c r="JS20" s="71">
        <v>41</v>
      </c>
      <c r="JT20" s="72">
        <v>58</v>
      </c>
      <c r="JU20" s="244"/>
      <c r="JV20" s="71">
        <v>28</v>
      </c>
      <c r="JW20" s="71">
        <v>75</v>
      </c>
      <c r="JX20" s="71">
        <v>49</v>
      </c>
      <c r="JY20" s="71">
        <v>32</v>
      </c>
      <c r="JZ20" s="71">
        <v>31</v>
      </c>
      <c r="KA20" s="72">
        <v>215</v>
      </c>
      <c r="KB20" s="73">
        <v>273</v>
      </c>
      <c r="KC20" s="70">
        <v>942</v>
      </c>
      <c r="KD20" s="71">
        <v>1210</v>
      </c>
      <c r="KE20" s="72">
        <v>2152</v>
      </c>
      <c r="KF20" s="244"/>
      <c r="KG20" s="71">
        <v>1539</v>
      </c>
      <c r="KH20" s="71">
        <v>2041</v>
      </c>
      <c r="KI20" s="71">
        <v>1442</v>
      </c>
      <c r="KJ20" s="71">
        <v>1254</v>
      </c>
      <c r="KK20" s="71">
        <v>911</v>
      </c>
      <c r="KL20" s="72">
        <v>7187</v>
      </c>
      <c r="KM20" s="73">
        <v>9339</v>
      </c>
    </row>
    <row r="21" spans="2:299" ht="21" customHeight="1" x14ac:dyDescent="0.2">
      <c r="B21" s="126" t="s">
        <v>18</v>
      </c>
      <c r="C21" s="315">
        <v>429</v>
      </c>
      <c r="D21" s="82">
        <v>421</v>
      </c>
      <c r="E21" s="83">
        <v>850</v>
      </c>
      <c r="F21" s="241"/>
      <c r="G21" s="82">
        <v>924</v>
      </c>
      <c r="H21" s="82">
        <v>693</v>
      </c>
      <c r="I21" s="82">
        <v>531</v>
      </c>
      <c r="J21" s="82">
        <v>431</v>
      </c>
      <c r="K21" s="82">
        <v>292</v>
      </c>
      <c r="L21" s="84">
        <v>2871</v>
      </c>
      <c r="M21" s="85">
        <v>3721</v>
      </c>
      <c r="N21" s="70">
        <v>18</v>
      </c>
      <c r="O21" s="71">
        <v>29</v>
      </c>
      <c r="P21" s="72">
        <v>47</v>
      </c>
      <c r="Q21" s="244"/>
      <c r="R21" s="71">
        <v>56</v>
      </c>
      <c r="S21" s="71">
        <v>46</v>
      </c>
      <c r="T21" s="71">
        <v>28</v>
      </c>
      <c r="U21" s="71">
        <v>36</v>
      </c>
      <c r="V21" s="71">
        <v>23</v>
      </c>
      <c r="W21" s="72">
        <v>189</v>
      </c>
      <c r="X21" s="73">
        <v>236</v>
      </c>
      <c r="Y21" s="70">
        <v>52</v>
      </c>
      <c r="Z21" s="71">
        <v>49</v>
      </c>
      <c r="AA21" s="72">
        <v>101</v>
      </c>
      <c r="AB21" s="244"/>
      <c r="AC21" s="71">
        <v>101</v>
      </c>
      <c r="AD21" s="71">
        <v>82</v>
      </c>
      <c r="AE21" s="71">
        <v>71</v>
      </c>
      <c r="AF21" s="71">
        <v>57</v>
      </c>
      <c r="AG21" s="71">
        <v>40</v>
      </c>
      <c r="AH21" s="72">
        <v>351</v>
      </c>
      <c r="AI21" s="73">
        <v>452</v>
      </c>
      <c r="AJ21" s="70">
        <v>79</v>
      </c>
      <c r="AK21" s="71">
        <v>69</v>
      </c>
      <c r="AL21" s="72">
        <v>148</v>
      </c>
      <c r="AM21" s="244"/>
      <c r="AN21" s="71">
        <v>147</v>
      </c>
      <c r="AO21" s="71">
        <v>116</v>
      </c>
      <c r="AP21" s="71">
        <v>95</v>
      </c>
      <c r="AQ21" s="71">
        <v>72</v>
      </c>
      <c r="AR21" s="71">
        <v>66</v>
      </c>
      <c r="AS21" s="72">
        <v>496</v>
      </c>
      <c r="AT21" s="73">
        <v>644</v>
      </c>
      <c r="AU21" s="70">
        <v>122</v>
      </c>
      <c r="AV21" s="71">
        <v>98</v>
      </c>
      <c r="AW21" s="72">
        <v>220</v>
      </c>
      <c r="AX21" s="244"/>
      <c r="AY21" s="71">
        <v>257</v>
      </c>
      <c r="AZ21" s="71">
        <v>176</v>
      </c>
      <c r="BA21" s="71">
        <v>120</v>
      </c>
      <c r="BB21" s="71">
        <v>102</v>
      </c>
      <c r="BC21" s="71">
        <v>74</v>
      </c>
      <c r="BD21" s="72">
        <v>729</v>
      </c>
      <c r="BE21" s="73">
        <v>949</v>
      </c>
      <c r="BF21" s="70">
        <v>105</v>
      </c>
      <c r="BG21" s="71">
        <v>111</v>
      </c>
      <c r="BH21" s="72">
        <v>216</v>
      </c>
      <c r="BI21" s="244"/>
      <c r="BJ21" s="71">
        <v>233</v>
      </c>
      <c r="BK21" s="71">
        <v>173</v>
      </c>
      <c r="BL21" s="71">
        <v>132</v>
      </c>
      <c r="BM21" s="71">
        <v>96</v>
      </c>
      <c r="BN21" s="71">
        <v>52</v>
      </c>
      <c r="BO21" s="72">
        <v>686</v>
      </c>
      <c r="BP21" s="73">
        <v>902</v>
      </c>
      <c r="BQ21" s="70">
        <v>53</v>
      </c>
      <c r="BR21" s="71">
        <v>65</v>
      </c>
      <c r="BS21" s="72">
        <v>118</v>
      </c>
      <c r="BT21" s="244"/>
      <c r="BU21" s="71">
        <v>130</v>
      </c>
      <c r="BV21" s="71">
        <v>100</v>
      </c>
      <c r="BW21" s="71">
        <v>85</v>
      </c>
      <c r="BX21" s="71">
        <v>68</v>
      </c>
      <c r="BY21" s="71">
        <v>37</v>
      </c>
      <c r="BZ21" s="72">
        <v>420</v>
      </c>
      <c r="CA21" s="73">
        <v>538</v>
      </c>
      <c r="CB21" s="70">
        <v>10</v>
      </c>
      <c r="CC21" s="71">
        <v>18</v>
      </c>
      <c r="CD21" s="72">
        <v>28</v>
      </c>
      <c r="CE21" s="244"/>
      <c r="CF21" s="71">
        <v>34</v>
      </c>
      <c r="CG21" s="71">
        <v>38</v>
      </c>
      <c r="CH21" s="71">
        <v>28</v>
      </c>
      <c r="CI21" s="71">
        <v>23</v>
      </c>
      <c r="CJ21" s="71">
        <v>29</v>
      </c>
      <c r="CK21" s="72">
        <v>152</v>
      </c>
      <c r="CL21" s="73">
        <v>180</v>
      </c>
      <c r="CM21" s="70">
        <v>439</v>
      </c>
      <c r="CN21" s="71">
        <v>439</v>
      </c>
      <c r="CO21" s="72">
        <v>878</v>
      </c>
      <c r="CP21" s="244"/>
      <c r="CQ21" s="71">
        <v>958</v>
      </c>
      <c r="CR21" s="71">
        <v>731</v>
      </c>
      <c r="CS21" s="71">
        <v>559</v>
      </c>
      <c r="CT21" s="71">
        <v>454</v>
      </c>
      <c r="CU21" s="71">
        <v>321</v>
      </c>
      <c r="CV21" s="72">
        <v>3023</v>
      </c>
      <c r="CW21" s="73">
        <v>3901</v>
      </c>
      <c r="CX21" s="123">
        <v>789</v>
      </c>
      <c r="CY21" s="82">
        <v>1051</v>
      </c>
      <c r="CZ21" s="83">
        <v>1840</v>
      </c>
      <c r="DA21" s="241"/>
      <c r="DB21" s="82">
        <v>1389</v>
      </c>
      <c r="DC21" s="82">
        <v>1242</v>
      </c>
      <c r="DD21" s="82">
        <v>925</v>
      </c>
      <c r="DE21" s="82">
        <v>913</v>
      </c>
      <c r="DF21" s="82">
        <v>658</v>
      </c>
      <c r="DG21" s="84">
        <v>5127</v>
      </c>
      <c r="DH21" s="85">
        <v>6967</v>
      </c>
      <c r="DI21" s="70">
        <v>20</v>
      </c>
      <c r="DJ21" s="71">
        <v>29</v>
      </c>
      <c r="DK21" s="72">
        <v>49</v>
      </c>
      <c r="DL21" s="244"/>
      <c r="DM21" s="71">
        <v>37</v>
      </c>
      <c r="DN21" s="71">
        <v>26</v>
      </c>
      <c r="DO21" s="71">
        <v>23</v>
      </c>
      <c r="DP21" s="71">
        <v>21</v>
      </c>
      <c r="DQ21" s="71">
        <v>17</v>
      </c>
      <c r="DR21" s="72">
        <v>124</v>
      </c>
      <c r="DS21" s="73">
        <v>173</v>
      </c>
      <c r="DT21" s="70">
        <v>64</v>
      </c>
      <c r="DU21" s="71">
        <v>86</v>
      </c>
      <c r="DV21" s="72">
        <v>150</v>
      </c>
      <c r="DW21" s="244"/>
      <c r="DX21" s="71">
        <v>99</v>
      </c>
      <c r="DY21" s="71">
        <v>88</v>
      </c>
      <c r="DZ21" s="71">
        <v>48</v>
      </c>
      <c r="EA21" s="71">
        <v>41</v>
      </c>
      <c r="EB21" s="71">
        <v>35</v>
      </c>
      <c r="EC21" s="72">
        <v>311</v>
      </c>
      <c r="ED21" s="73">
        <v>461</v>
      </c>
      <c r="EE21" s="70">
        <v>152</v>
      </c>
      <c r="EF21" s="71">
        <v>174</v>
      </c>
      <c r="EG21" s="72">
        <v>326</v>
      </c>
      <c r="EH21" s="244"/>
      <c r="EI21" s="71">
        <v>191</v>
      </c>
      <c r="EJ21" s="71">
        <v>149</v>
      </c>
      <c r="EK21" s="71">
        <v>122</v>
      </c>
      <c r="EL21" s="71">
        <v>95</v>
      </c>
      <c r="EM21" s="71">
        <v>77</v>
      </c>
      <c r="EN21" s="72">
        <v>634</v>
      </c>
      <c r="EO21" s="73">
        <v>960</v>
      </c>
      <c r="EP21" s="70">
        <v>246</v>
      </c>
      <c r="EQ21" s="71">
        <v>325</v>
      </c>
      <c r="ER21" s="72">
        <v>571</v>
      </c>
      <c r="ES21" s="244"/>
      <c r="ET21" s="71">
        <v>365</v>
      </c>
      <c r="EU21" s="71">
        <v>307</v>
      </c>
      <c r="EV21" s="71">
        <v>167</v>
      </c>
      <c r="EW21" s="71">
        <v>184</v>
      </c>
      <c r="EX21" s="71">
        <v>142</v>
      </c>
      <c r="EY21" s="72">
        <v>1165</v>
      </c>
      <c r="EZ21" s="73">
        <v>1736</v>
      </c>
      <c r="FA21" s="70">
        <v>208</v>
      </c>
      <c r="FB21" s="71">
        <v>268</v>
      </c>
      <c r="FC21" s="72">
        <v>476</v>
      </c>
      <c r="FD21" s="244"/>
      <c r="FE21" s="71">
        <v>421</v>
      </c>
      <c r="FF21" s="71">
        <v>361</v>
      </c>
      <c r="FG21" s="71">
        <v>245</v>
      </c>
      <c r="FH21" s="71">
        <v>238</v>
      </c>
      <c r="FI21" s="71">
        <v>184</v>
      </c>
      <c r="FJ21" s="72">
        <v>1449</v>
      </c>
      <c r="FK21" s="73">
        <v>1925</v>
      </c>
      <c r="FL21" s="70">
        <v>99</v>
      </c>
      <c r="FM21" s="71">
        <v>169</v>
      </c>
      <c r="FN21" s="72">
        <v>268</v>
      </c>
      <c r="FO21" s="244"/>
      <c r="FP21" s="71">
        <v>276</v>
      </c>
      <c r="FQ21" s="71">
        <v>311</v>
      </c>
      <c r="FR21" s="71">
        <v>320</v>
      </c>
      <c r="FS21" s="71">
        <v>334</v>
      </c>
      <c r="FT21" s="71">
        <v>203</v>
      </c>
      <c r="FU21" s="72">
        <v>1444</v>
      </c>
      <c r="FV21" s="73">
        <v>1712</v>
      </c>
      <c r="FW21" s="70">
        <v>15</v>
      </c>
      <c r="FX21" s="71">
        <v>14</v>
      </c>
      <c r="FY21" s="72">
        <v>29</v>
      </c>
      <c r="FZ21" s="244"/>
      <c r="GA21" s="71">
        <v>28</v>
      </c>
      <c r="GB21" s="71">
        <v>31</v>
      </c>
      <c r="GC21" s="71">
        <v>21</v>
      </c>
      <c r="GD21" s="71">
        <v>13</v>
      </c>
      <c r="GE21" s="71">
        <v>13</v>
      </c>
      <c r="GF21" s="72">
        <v>106</v>
      </c>
      <c r="GG21" s="73">
        <v>135</v>
      </c>
      <c r="GH21" s="70">
        <v>804</v>
      </c>
      <c r="GI21" s="71">
        <v>1065</v>
      </c>
      <c r="GJ21" s="72">
        <v>1869</v>
      </c>
      <c r="GK21" s="244"/>
      <c r="GL21" s="71">
        <v>1417</v>
      </c>
      <c r="GM21" s="71">
        <v>1273</v>
      </c>
      <c r="GN21" s="71">
        <v>946</v>
      </c>
      <c r="GO21" s="71">
        <v>926</v>
      </c>
      <c r="GP21" s="71">
        <v>671</v>
      </c>
      <c r="GQ21" s="72">
        <v>5233</v>
      </c>
      <c r="GR21" s="73">
        <v>7102</v>
      </c>
      <c r="GS21" s="123">
        <v>1218</v>
      </c>
      <c r="GT21" s="82">
        <v>1472</v>
      </c>
      <c r="GU21" s="83">
        <v>2690</v>
      </c>
      <c r="GV21" s="241"/>
      <c r="GW21" s="82">
        <v>2313</v>
      </c>
      <c r="GX21" s="82">
        <v>1935</v>
      </c>
      <c r="GY21" s="82">
        <v>1456</v>
      </c>
      <c r="GZ21" s="82">
        <v>1344</v>
      </c>
      <c r="HA21" s="82">
        <v>950</v>
      </c>
      <c r="HB21" s="84">
        <v>7998</v>
      </c>
      <c r="HC21" s="85">
        <v>10688</v>
      </c>
      <c r="HD21" s="70">
        <v>38</v>
      </c>
      <c r="HE21" s="71">
        <v>58</v>
      </c>
      <c r="HF21" s="72">
        <v>96</v>
      </c>
      <c r="HG21" s="244"/>
      <c r="HH21" s="71">
        <v>93</v>
      </c>
      <c r="HI21" s="71">
        <v>72</v>
      </c>
      <c r="HJ21" s="71">
        <v>51</v>
      </c>
      <c r="HK21" s="71">
        <v>57</v>
      </c>
      <c r="HL21" s="71">
        <v>40</v>
      </c>
      <c r="HM21" s="72">
        <v>313</v>
      </c>
      <c r="HN21" s="73">
        <v>409</v>
      </c>
      <c r="HO21" s="70">
        <v>116</v>
      </c>
      <c r="HP21" s="71">
        <v>135</v>
      </c>
      <c r="HQ21" s="72">
        <v>251</v>
      </c>
      <c r="HR21" s="244"/>
      <c r="HS21" s="71">
        <v>200</v>
      </c>
      <c r="HT21" s="71">
        <v>170</v>
      </c>
      <c r="HU21" s="71">
        <v>119</v>
      </c>
      <c r="HV21" s="71">
        <v>98</v>
      </c>
      <c r="HW21" s="71">
        <v>75</v>
      </c>
      <c r="HX21" s="72">
        <v>662</v>
      </c>
      <c r="HY21" s="73">
        <v>913</v>
      </c>
      <c r="HZ21" s="70">
        <v>231</v>
      </c>
      <c r="IA21" s="71">
        <v>243</v>
      </c>
      <c r="IB21" s="72">
        <v>474</v>
      </c>
      <c r="IC21" s="244"/>
      <c r="ID21" s="71">
        <v>338</v>
      </c>
      <c r="IE21" s="71">
        <v>265</v>
      </c>
      <c r="IF21" s="71">
        <v>217</v>
      </c>
      <c r="IG21" s="71">
        <v>167</v>
      </c>
      <c r="IH21" s="71">
        <v>143</v>
      </c>
      <c r="II21" s="72">
        <v>1130</v>
      </c>
      <c r="IJ21" s="73">
        <v>1604</v>
      </c>
      <c r="IK21" s="70">
        <v>368</v>
      </c>
      <c r="IL21" s="71">
        <v>423</v>
      </c>
      <c r="IM21" s="72">
        <v>791</v>
      </c>
      <c r="IN21" s="244"/>
      <c r="IO21" s="71">
        <v>622</v>
      </c>
      <c r="IP21" s="71">
        <v>483</v>
      </c>
      <c r="IQ21" s="71">
        <v>287</v>
      </c>
      <c r="IR21" s="71">
        <v>286</v>
      </c>
      <c r="IS21" s="71">
        <v>216</v>
      </c>
      <c r="IT21" s="72">
        <v>1894</v>
      </c>
      <c r="IU21" s="73">
        <v>2685</v>
      </c>
      <c r="IV21" s="70">
        <v>313</v>
      </c>
      <c r="IW21" s="71">
        <v>379</v>
      </c>
      <c r="IX21" s="72">
        <v>692</v>
      </c>
      <c r="IY21" s="244"/>
      <c r="IZ21" s="71">
        <v>654</v>
      </c>
      <c r="JA21" s="71">
        <v>534</v>
      </c>
      <c r="JB21" s="71">
        <v>377</v>
      </c>
      <c r="JC21" s="71">
        <v>334</v>
      </c>
      <c r="JD21" s="71">
        <v>236</v>
      </c>
      <c r="JE21" s="72">
        <v>2135</v>
      </c>
      <c r="JF21" s="73">
        <v>2827</v>
      </c>
      <c r="JG21" s="70">
        <v>152</v>
      </c>
      <c r="JH21" s="71">
        <v>234</v>
      </c>
      <c r="JI21" s="72">
        <v>386</v>
      </c>
      <c r="JJ21" s="244"/>
      <c r="JK21" s="71">
        <v>406</v>
      </c>
      <c r="JL21" s="71">
        <v>411</v>
      </c>
      <c r="JM21" s="71">
        <v>405</v>
      </c>
      <c r="JN21" s="71">
        <v>402</v>
      </c>
      <c r="JO21" s="71">
        <v>240</v>
      </c>
      <c r="JP21" s="72">
        <v>1864</v>
      </c>
      <c r="JQ21" s="73">
        <v>2250</v>
      </c>
      <c r="JR21" s="70">
        <v>25</v>
      </c>
      <c r="JS21" s="71">
        <v>32</v>
      </c>
      <c r="JT21" s="72">
        <v>57</v>
      </c>
      <c r="JU21" s="244"/>
      <c r="JV21" s="71">
        <v>62</v>
      </c>
      <c r="JW21" s="71">
        <v>69</v>
      </c>
      <c r="JX21" s="71">
        <v>49</v>
      </c>
      <c r="JY21" s="71">
        <v>36</v>
      </c>
      <c r="JZ21" s="71">
        <v>42</v>
      </c>
      <c r="KA21" s="72">
        <v>258</v>
      </c>
      <c r="KB21" s="73">
        <v>315</v>
      </c>
      <c r="KC21" s="70">
        <v>1243</v>
      </c>
      <c r="KD21" s="71">
        <v>1504</v>
      </c>
      <c r="KE21" s="72">
        <v>2747</v>
      </c>
      <c r="KF21" s="244"/>
      <c r="KG21" s="71">
        <v>2375</v>
      </c>
      <c r="KH21" s="71">
        <v>2004</v>
      </c>
      <c r="KI21" s="71">
        <v>1505</v>
      </c>
      <c r="KJ21" s="71">
        <v>1380</v>
      </c>
      <c r="KK21" s="71">
        <v>992</v>
      </c>
      <c r="KL21" s="72">
        <v>8256</v>
      </c>
      <c r="KM21" s="73">
        <v>11003</v>
      </c>
    </row>
    <row r="22" spans="2:299" ht="21" customHeight="1" x14ac:dyDescent="0.2">
      <c r="B22" s="126" t="s">
        <v>19</v>
      </c>
      <c r="C22" s="315">
        <v>187</v>
      </c>
      <c r="D22" s="82">
        <v>167</v>
      </c>
      <c r="E22" s="83">
        <v>354</v>
      </c>
      <c r="F22" s="241"/>
      <c r="G22" s="82">
        <v>376</v>
      </c>
      <c r="H22" s="82">
        <v>311</v>
      </c>
      <c r="I22" s="82">
        <v>200</v>
      </c>
      <c r="J22" s="82">
        <v>146</v>
      </c>
      <c r="K22" s="82">
        <v>108</v>
      </c>
      <c r="L22" s="84">
        <v>1141</v>
      </c>
      <c r="M22" s="85">
        <v>1495</v>
      </c>
      <c r="N22" s="86">
        <v>10</v>
      </c>
      <c r="O22" s="71">
        <v>7</v>
      </c>
      <c r="P22" s="72">
        <v>17</v>
      </c>
      <c r="Q22" s="244"/>
      <c r="R22" s="71">
        <v>21</v>
      </c>
      <c r="S22" s="71">
        <v>17</v>
      </c>
      <c r="T22" s="71">
        <v>10</v>
      </c>
      <c r="U22" s="71">
        <v>7</v>
      </c>
      <c r="V22" s="71">
        <v>9</v>
      </c>
      <c r="W22" s="72">
        <v>64</v>
      </c>
      <c r="X22" s="73">
        <v>81</v>
      </c>
      <c r="Y22" s="70">
        <v>16</v>
      </c>
      <c r="Z22" s="71">
        <v>19</v>
      </c>
      <c r="AA22" s="72">
        <v>35</v>
      </c>
      <c r="AB22" s="244"/>
      <c r="AC22" s="71">
        <v>43</v>
      </c>
      <c r="AD22" s="71">
        <v>51</v>
      </c>
      <c r="AE22" s="71">
        <v>28</v>
      </c>
      <c r="AF22" s="71">
        <v>18</v>
      </c>
      <c r="AG22" s="71">
        <v>12</v>
      </c>
      <c r="AH22" s="72">
        <v>152</v>
      </c>
      <c r="AI22" s="73">
        <v>187</v>
      </c>
      <c r="AJ22" s="86">
        <v>38</v>
      </c>
      <c r="AK22" s="71">
        <v>23</v>
      </c>
      <c r="AL22" s="72">
        <v>61</v>
      </c>
      <c r="AM22" s="244"/>
      <c r="AN22" s="71">
        <v>57</v>
      </c>
      <c r="AO22" s="71">
        <v>46</v>
      </c>
      <c r="AP22" s="71">
        <v>38</v>
      </c>
      <c r="AQ22" s="71">
        <v>24</v>
      </c>
      <c r="AR22" s="71">
        <v>16</v>
      </c>
      <c r="AS22" s="72">
        <v>181</v>
      </c>
      <c r="AT22" s="73">
        <v>242</v>
      </c>
      <c r="AU22" s="70">
        <v>49</v>
      </c>
      <c r="AV22" s="71">
        <v>39</v>
      </c>
      <c r="AW22" s="72">
        <v>88</v>
      </c>
      <c r="AX22" s="244"/>
      <c r="AY22" s="71">
        <v>90</v>
      </c>
      <c r="AZ22" s="71">
        <v>67</v>
      </c>
      <c r="BA22" s="71">
        <v>56</v>
      </c>
      <c r="BB22" s="71">
        <v>38</v>
      </c>
      <c r="BC22" s="71">
        <v>28</v>
      </c>
      <c r="BD22" s="72">
        <v>279</v>
      </c>
      <c r="BE22" s="73">
        <v>367</v>
      </c>
      <c r="BF22" s="86">
        <v>55</v>
      </c>
      <c r="BG22" s="71">
        <v>43</v>
      </c>
      <c r="BH22" s="72">
        <v>98</v>
      </c>
      <c r="BI22" s="244"/>
      <c r="BJ22" s="71">
        <v>102</v>
      </c>
      <c r="BK22" s="71">
        <v>74</v>
      </c>
      <c r="BL22" s="71">
        <v>39</v>
      </c>
      <c r="BM22" s="71">
        <v>37</v>
      </c>
      <c r="BN22" s="71">
        <v>26</v>
      </c>
      <c r="BO22" s="72">
        <v>278</v>
      </c>
      <c r="BP22" s="73">
        <v>376</v>
      </c>
      <c r="BQ22" s="70">
        <v>19</v>
      </c>
      <c r="BR22" s="71">
        <v>36</v>
      </c>
      <c r="BS22" s="72">
        <v>55</v>
      </c>
      <c r="BT22" s="244"/>
      <c r="BU22" s="71">
        <v>63</v>
      </c>
      <c r="BV22" s="71">
        <v>56</v>
      </c>
      <c r="BW22" s="71">
        <v>29</v>
      </c>
      <c r="BX22" s="71">
        <v>22</v>
      </c>
      <c r="BY22" s="71">
        <v>17</v>
      </c>
      <c r="BZ22" s="72">
        <v>187</v>
      </c>
      <c r="CA22" s="73">
        <v>242</v>
      </c>
      <c r="CB22" s="70">
        <v>3</v>
      </c>
      <c r="CC22" s="71">
        <v>12</v>
      </c>
      <c r="CD22" s="72">
        <v>15</v>
      </c>
      <c r="CE22" s="244"/>
      <c r="CF22" s="71">
        <v>13</v>
      </c>
      <c r="CG22" s="71">
        <v>12</v>
      </c>
      <c r="CH22" s="71">
        <v>14</v>
      </c>
      <c r="CI22" s="71">
        <v>9</v>
      </c>
      <c r="CJ22" s="71">
        <v>6</v>
      </c>
      <c r="CK22" s="72">
        <v>54</v>
      </c>
      <c r="CL22" s="73">
        <v>69</v>
      </c>
      <c r="CM22" s="70">
        <v>190</v>
      </c>
      <c r="CN22" s="71">
        <v>179</v>
      </c>
      <c r="CO22" s="72">
        <v>369</v>
      </c>
      <c r="CP22" s="244"/>
      <c r="CQ22" s="71">
        <v>389</v>
      </c>
      <c r="CR22" s="71">
        <v>323</v>
      </c>
      <c r="CS22" s="71">
        <v>214</v>
      </c>
      <c r="CT22" s="71">
        <v>155</v>
      </c>
      <c r="CU22" s="71">
        <v>114</v>
      </c>
      <c r="CV22" s="72">
        <v>1195</v>
      </c>
      <c r="CW22" s="73">
        <v>1564</v>
      </c>
      <c r="CX22" s="123">
        <v>335</v>
      </c>
      <c r="CY22" s="82">
        <v>395</v>
      </c>
      <c r="CZ22" s="83">
        <v>730</v>
      </c>
      <c r="DA22" s="241"/>
      <c r="DB22" s="82">
        <v>644</v>
      </c>
      <c r="DC22" s="82">
        <v>490</v>
      </c>
      <c r="DD22" s="82">
        <v>422</v>
      </c>
      <c r="DE22" s="82">
        <v>366</v>
      </c>
      <c r="DF22" s="82">
        <v>247</v>
      </c>
      <c r="DG22" s="84">
        <v>2169</v>
      </c>
      <c r="DH22" s="85">
        <v>2899</v>
      </c>
      <c r="DI22" s="86">
        <v>13</v>
      </c>
      <c r="DJ22" s="71">
        <v>10</v>
      </c>
      <c r="DK22" s="72">
        <v>23</v>
      </c>
      <c r="DL22" s="244"/>
      <c r="DM22" s="71">
        <v>15</v>
      </c>
      <c r="DN22" s="71">
        <v>13</v>
      </c>
      <c r="DO22" s="71">
        <v>8</v>
      </c>
      <c r="DP22" s="71">
        <v>1</v>
      </c>
      <c r="DQ22" s="71">
        <v>3</v>
      </c>
      <c r="DR22" s="72">
        <v>40</v>
      </c>
      <c r="DS22" s="73">
        <v>63</v>
      </c>
      <c r="DT22" s="70">
        <v>21</v>
      </c>
      <c r="DU22" s="71">
        <v>41</v>
      </c>
      <c r="DV22" s="72">
        <v>62</v>
      </c>
      <c r="DW22" s="244"/>
      <c r="DX22" s="71">
        <v>50</v>
      </c>
      <c r="DY22" s="71">
        <v>22</v>
      </c>
      <c r="DZ22" s="71">
        <v>18</v>
      </c>
      <c r="EA22" s="71">
        <v>17</v>
      </c>
      <c r="EB22" s="71">
        <v>16</v>
      </c>
      <c r="EC22" s="72">
        <v>123</v>
      </c>
      <c r="ED22" s="73">
        <v>185</v>
      </c>
      <c r="EE22" s="86">
        <v>51</v>
      </c>
      <c r="EF22" s="71">
        <v>58</v>
      </c>
      <c r="EG22" s="72">
        <v>109</v>
      </c>
      <c r="EH22" s="244"/>
      <c r="EI22" s="71">
        <v>89</v>
      </c>
      <c r="EJ22" s="71">
        <v>59</v>
      </c>
      <c r="EK22" s="71">
        <v>36</v>
      </c>
      <c r="EL22" s="71">
        <v>45</v>
      </c>
      <c r="EM22" s="71">
        <v>34</v>
      </c>
      <c r="EN22" s="72">
        <v>263</v>
      </c>
      <c r="EO22" s="73">
        <v>372</v>
      </c>
      <c r="EP22" s="70">
        <v>115</v>
      </c>
      <c r="EQ22" s="71">
        <v>96</v>
      </c>
      <c r="ER22" s="72">
        <v>211</v>
      </c>
      <c r="ES22" s="244"/>
      <c r="ET22" s="71">
        <v>164</v>
      </c>
      <c r="EU22" s="71">
        <v>116</v>
      </c>
      <c r="EV22" s="71">
        <v>80</v>
      </c>
      <c r="EW22" s="71">
        <v>65</v>
      </c>
      <c r="EX22" s="71">
        <v>42</v>
      </c>
      <c r="EY22" s="72">
        <v>467</v>
      </c>
      <c r="EZ22" s="73">
        <v>678</v>
      </c>
      <c r="FA22" s="86">
        <v>91</v>
      </c>
      <c r="FB22" s="71">
        <v>111</v>
      </c>
      <c r="FC22" s="72">
        <v>202</v>
      </c>
      <c r="FD22" s="244"/>
      <c r="FE22" s="71">
        <v>165</v>
      </c>
      <c r="FF22" s="71">
        <v>143</v>
      </c>
      <c r="FG22" s="71">
        <v>115</v>
      </c>
      <c r="FH22" s="71">
        <v>75</v>
      </c>
      <c r="FI22" s="71">
        <v>53</v>
      </c>
      <c r="FJ22" s="72">
        <v>551</v>
      </c>
      <c r="FK22" s="73">
        <v>753</v>
      </c>
      <c r="FL22" s="70">
        <v>44</v>
      </c>
      <c r="FM22" s="71">
        <v>79</v>
      </c>
      <c r="FN22" s="72">
        <v>123</v>
      </c>
      <c r="FO22" s="244"/>
      <c r="FP22" s="71">
        <v>161</v>
      </c>
      <c r="FQ22" s="71">
        <v>137</v>
      </c>
      <c r="FR22" s="71">
        <v>165</v>
      </c>
      <c r="FS22" s="71">
        <v>163</v>
      </c>
      <c r="FT22" s="71">
        <v>99</v>
      </c>
      <c r="FU22" s="72">
        <v>725</v>
      </c>
      <c r="FV22" s="73">
        <v>848</v>
      </c>
      <c r="FW22" s="70">
        <v>4</v>
      </c>
      <c r="FX22" s="71">
        <v>4</v>
      </c>
      <c r="FY22" s="72">
        <v>8</v>
      </c>
      <c r="FZ22" s="244"/>
      <c r="GA22" s="71">
        <v>7</v>
      </c>
      <c r="GB22" s="71">
        <v>10</v>
      </c>
      <c r="GC22" s="71">
        <v>5</v>
      </c>
      <c r="GD22" s="71">
        <v>4</v>
      </c>
      <c r="GE22" s="71">
        <v>5</v>
      </c>
      <c r="GF22" s="72">
        <v>31</v>
      </c>
      <c r="GG22" s="73">
        <v>39</v>
      </c>
      <c r="GH22" s="70">
        <v>339</v>
      </c>
      <c r="GI22" s="71">
        <v>399</v>
      </c>
      <c r="GJ22" s="72">
        <v>738</v>
      </c>
      <c r="GK22" s="244"/>
      <c r="GL22" s="71">
        <v>651</v>
      </c>
      <c r="GM22" s="71">
        <v>500</v>
      </c>
      <c r="GN22" s="71">
        <v>427</v>
      </c>
      <c r="GO22" s="71">
        <v>370</v>
      </c>
      <c r="GP22" s="71">
        <v>252</v>
      </c>
      <c r="GQ22" s="72">
        <v>2200</v>
      </c>
      <c r="GR22" s="73">
        <v>2938</v>
      </c>
      <c r="GS22" s="123">
        <v>522</v>
      </c>
      <c r="GT22" s="82">
        <v>562</v>
      </c>
      <c r="GU22" s="83">
        <v>1084</v>
      </c>
      <c r="GV22" s="241"/>
      <c r="GW22" s="82">
        <v>1020</v>
      </c>
      <c r="GX22" s="82">
        <v>801</v>
      </c>
      <c r="GY22" s="82">
        <v>622</v>
      </c>
      <c r="GZ22" s="82">
        <v>512</v>
      </c>
      <c r="HA22" s="82">
        <v>355</v>
      </c>
      <c r="HB22" s="84">
        <v>3310</v>
      </c>
      <c r="HC22" s="85">
        <v>4394</v>
      </c>
      <c r="HD22" s="86">
        <v>23</v>
      </c>
      <c r="HE22" s="71">
        <v>17</v>
      </c>
      <c r="HF22" s="72">
        <v>40</v>
      </c>
      <c r="HG22" s="244"/>
      <c r="HH22" s="71">
        <v>36</v>
      </c>
      <c r="HI22" s="71">
        <v>30</v>
      </c>
      <c r="HJ22" s="71">
        <v>18</v>
      </c>
      <c r="HK22" s="71">
        <v>8</v>
      </c>
      <c r="HL22" s="71">
        <v>12</v>
      </c>
      <c r="HM22" s="72">
        <v>104</v>
      </c>
      <c r="HN22" s="73">
        <v>144</v>
      </c>
      <c r="HO22" s="70">
        <v>37</v>
      </c>
      <c r="HP22" s="71">
        <v>60</v>
      </c>
      <c r="HQ22" s="72">
        <v>97</v>
      </c>
      <c r="HR22" s="244"/>
      <c r="HS22" s="71">
        <v>93</v>
      </c>
      <c r="HT22" s="71">
        <v>73</v>
      </c>
      <c r="HU22" s="71">
        <v>46</v>
      </c>
      <c r="HV22" s="71">
        <v>35</v>
      </c>
      <c r="HW22" s="71">
        <v>28</v>
      </c>
      <c r="HX22" s="72">
        <v>275</v>
      </c>
      <c r="HY22" s="73">
        <v>372</v>
      </c>
      <c r="HZ22" s="86">
        <v>89</v>
      </c>
      <c r="IA22" s="71">
        <v>81</v>
      </c>
      <c r="IB22" s="72">
        <v>170</v>
      </c>
      <c r="IC22" s="244"/>
      <c r="ID22" s="71">
        <v>146</v>
      </c>
      <c r="IE22" s="71">
        <v>105</v>
      </c>
      <c r="IF22" s="71">
        <v>74</v>
      </c>
      <c r="IG22" s="71">
        <v>69</v>
      </c>
      <c r="IH22" s="71">
        <v>50</v>
      </c>
      <c r="II22" s="72">
        <v>444</v>
      </c>
      <c r="IJ22" s="73">
        <v>614</v>
      </c>
      <c r="IK22" s="70">
        <v>164</v>
      </c>
      <c r="IL22" s="71">
        <v>135</v>
      </c>
      <c r="IM22" s="72">
        <v>299</v>
      </c>
      <c r="IN22" s="244"/>
      <c r="IO22" s="71">
        <v>254</v>
      </c>
      <c r="IP22" s="71">
        <v>183</v>
      </c>
      <c r="IQ22" s="71">
        <v>136</v>
      </c>
      <c r="IR22" s="71">
        <v>103</v>
      </c>
      <c r="IS22" s="71">
        <v>70</v>
      </c>
      <c r="IT22" s="72">
        <v>746</v>
      </c>
      <c r="IU22" s="73">
        <v>1045</v>
      </c>
      <c r="IV22" s="86">
        <v>146</v>
      </c>
      <c r="IW22" s="71">
        <v>154</v>
      </c>
      <c r="IX22" s="72">
        <v>300</v>
      </c>
      <c r="IY22" s="244"/>
      <c r="IZ22" s="71">
        <v>267</v>
      </c>
      <c r="JA22" s="71">
        <v>217</v>
      </c>
      <c r="JB22" s="71">
        <v>154</v>
      </c>
      <c r="JC22" s="71">
        <v>112</v>
      </c>
      <c r="JD22" s="71">
        <v>79</v>
      </c>
      <c r="JE22" s="72">
        <v>829</v>
      </c>
      <c r="JF22" s="73">
        <v>1129</v>
      </c>
      <c r="JG22" s="70">
        <v>63</v>
      </c>
      <c r="JH22" s="71">
        <v>115</v>
      </c>
      <c r="JI22" s="72">
        <v>178</v>
      </c>
      <c r="JJ22" s="244"/>
      <c r="JK22" s="71">
        <v>224</v>
      </c>
      <c r="JL22" s="71">
        <v>193</v>
      </c>
      <c r="JM22" s="71">
        <v>194</v>
      </c>
      <c r="JN22" s="71">
        <v>185</v>
      </c>
      <c r="JO22" s="71">
        <v>116</v>
      </c>
      <c r="JP22" s="72">
        <v>912</v>
      </c>
      <c r="JQ22" s="73">
        <v>1090</v>
      </c>
      <c r="JR22" s="70">
        <v>7</v>
      </c>
      <c r="JS22" s="71">
        <v>16</v>
      </c>
      <c r="JT22" s="72">
        <v>23</v>
      </c>
      <c r="JU22" s="244"/>
      <c r="JV22" s="71">
        <v>20</v>
      </c>
      <c r="JW22" s="71">
        <v>22</v>
      </c>
      <c r="JX22" s="71">
        <v>19</v>
      </c>
      <c r="JY22" s="71">
        <v>13</v>
      </c>
      <c r="JZ22" s="71">
        <v>11</v>
      </c>
      <c r="KA22" s="72">
        <v>85</v>
      </c>
      <c r="KB22" s="73">
        <v>108</v>
      </c>
      <c r="KC22" s="70">
        <v>529</v>
      </c>
      <c r="KD22" s="71">
        <v>578</v>
      </c>
      <c r="KE22" s="72">
        <v>1107</v>
      </c>
      <c r="KF22" s="244"/>
      <c r="KG22" s="71">
        <v>1040</v>
      </c>
      <c r="KH22" s="71">
        <v>823</v>
      </c>
      <c r="KI22" s="71">
        <v>641</v>
      </c>
      <c r="KJ22" s="71">
        <v>525</v>
      </c>
      <c r="KK22" s="71">
        <v>366</v>
      </c>
      <c r="KL22" s="72">
        <v>3395</v>
      </c>
      <c r="KM22" s="73">
        <v>4502</v>
      </c>
    </row>
    <row r="23" spans="2:299" ht="21" customHeight="1" x14ac:dyDescent="0.2">
      <c r="B23" s="126" t="s">
        <v>20</v>
      </c>
      <c r="C23" s="315">
        <v>243</v>
      </c>
      <c r="D23" s="82">
        <v>322</v>
      </c>
      <c r="E23" s="83">
        <v>565</v>
      </c>
      <c r="F23" s="241"/>
      <c r="G23" s="82">
        <v>570</v>
      </c>
      <c r="H23" s="82">
        <v>345</v>
      </c>
      <c r="I23" s="82">
        <v>255</v>
      </c>
      <c r="J23" s="82">
        <v>203</v>
      </c>
      <c r="K23" s="82">
        <v>109</v>
      </c>
      <c r="L23" s="84">
        <v>1482</v>
      </c>
      <c r="M23" s="85">
        <v>2047</v>
      </c>
      <c r="N23" s="70">
        <v>11</v>
      </c>
      <c r="O23" s="71">
        <v>10</v>
      </c>
      <c r="P23" s="72">
        <v>21</v>
      </c>
      <c r="Q23" s="244"/>
      <c r="R23" s="71">
        <v>26</v>
      </c>
      <c r="S23" s="71">
        <v>20</v>
      </c>
      <c r="T23" s="71">
        <v>14</v>
      </c>
      <c r="U23" s="71">
        <v>13</v>
      </c>
      <c r="V23" s="71">
        <v>9</v>
      </c>
      <c r="W23" s="72">
        <v>82</v>
      </c>
      <c r="X23" s="73">
        <v>103</v>
      </c>
      <c r="Y23" s="70">
        <v>28</v>
      </c>
      <c r="Z23" s="71">
        <v>32</v>
      </c>
      <c r="AA23" s="72">
        <v>60</v>
      </c>
      <c r="AB23" s="244"/>
      <c r="AC23" s="71">
        <v>62</v>
      </c>
      <c r="AD23" s="71">
        <v>51</v>
      </c>
      <c r="AE23" s="71">
        <v>28</v>
      </c>
      <c r="AF23" s="71">
        <v>25</v>
      </c>
      <c r="AG23" s="71">
        <v>23</v>
      </c>
      <c r="AH23" s="72">
        <v>189</v>
      </c>
      <c r="AI23" s="73">
        <v>249</v>
      </c>
      <c r="AJ23" s="70">
        <v>50</v>
      </c>
      <c r="AK23" s="71">
        <v>56</v>
      </c>
      <c r="AL23" s="72">
        <v>106</v>
      </c>
      <c r="AM23" s="244"/>
      <c r="AN23" s="71">
        <v>85</v>
      </c>
      <c r="AO23" s="71">
        <v>57</v>
      </c>
      <c r="AP23" s="71">
        <v>41</v>
      </c>
      <c r="AQ23" s="71">
        <v>34</v>
      </c>
      <c r="AR23" s="71">
        <v>28</v>
      </c>
      <c r="AS23" s="72">
        <v>245</v>
      </c>
      <c r="AT23" s="73">
        <v>351</v>
      </c>
      <c r="AU23" s="70">
        <v>59</v>
      </c>
      <c r="AV23" s="71">
        <v>101</v>
      </c>
      <c r="AW23" s="72">
        <v>160</v>
      </c>
      <c r="AX23" s="244"/>
      <c r="AY23" s="71">
        <v>167</v>
      </c>
      <c r="AZ23" s="71">
        <v>93</v>
      </c>
      <c r="BA23" s="71">
        <v>78</v>
      </c>
      <c r="BB23" s="71">
        <v>60</v>
      </c>
      <c r="BC23" s="71">
        <v>25</v>
      </c>
      <c r="BD23" s="72">
        <v>423</v>
      </c>
      <c r="BE23" s="73">
        <v>583</v>
      </c>
      <c r="BF23" s="70">
        <v>66</v>
      </c>
      <c r="BG23" s="71">
        <v>82</v>
      </c>
      <c r="BH23" s="72">
        <v>148</v>
      </c>
      <c r="BI23" s="244"/>
      <c r="BJ23" s="71">
        <v>161</v>
      </c>
      <c r="BK23" s="71">
        <v>78</v>
      </c>
      <c r="BL23" s="71">
        <v>57</v>
      </c>
      <c r="BM23" s="71">
        <v>45</v>
      </c>
      <c r="BN23" s="71">
        <v>17</v>
      </c>
      <c r="BO23" s="72">
        <v>358</v>
      </c>
      <c r="BP23" s="73">
        <v>506</v>
      </c>
      <c r="BQ23" s="70">
        <v>29</v>
      </c>
      <c r="BR23" s="71">
        <v>41</v>
      </c>
      <c r="BS23" s="72">
        <v>70</v>
      </c>
      <c r="BT23" s="244"/>
      <c r="BU23" s="71">
        <v>69</v>
      </c>
      <c r="BV23" s="71">
        <v>46</v>
      </c>
      <c r="BW23" s="71">
        <v>37</v>
      </c>
      <c r="BX23" s="71">
        <v>26</v>
      </c>
      <c r="BY23" s="71">
        <v>7</v>
      </c>
      <c r="BZ23" s="72">
        <v>185</v>
      </c>
      <c r="CA23" s="73">
        <v>255</v>
      </c>
      <c r="CB23" s="70">
        <v>9</v>
      </c>
      <c r="CC23" s="71">
        <v>14</v>
      </c>
      <c r="CD23" s="72">
        <v>23</v>
      </c>
      <c r="CE23" s="244"/>
      <c r="CF23" s="71">
        <v>26</v>
      </c>
      <c r="CG23" s="71">
        <v>11</v>
      </c>
      <c r="CH23" s="71">
        <v>11</v>
      </c>
      <c r="CI23" s="71">
        <v>11</v>
      </c>
      <c r="CJ23" s="71">
        <v>7</v>
      </c>
      <c r="CK23" s="72">
        <v>66</v>
      </c>
      <c r="CL23" s="73">
        <v>89</v>
      </c>
      <c r="CM23" s="70">
        <v>252</v>
      </c>
      <c r="CN23" s="71">
        <v>336</v>
      </c>
      <c r="CO23" s="72">
        <v>588</v>
      </c>
      <c r="CP23" s="244"/>
      <c r="CQ23" s="71">
        <v>596</v>
      </c>
      <c r="CR23" s="71">
        <v>356</v>
      </c>
      <c r="CS23" s="71">
        <v>266</v>
      </c>
      <c r="CT23" s="71">
        <v>214</v>
      </c>
      <c r="CU23" s="71">
        <v>116</v>
      </c>
      <c r="CV23" s="72">
        <v>1548</v>
      </c>
      <c r="CW23" s="73">
        <v>2136</v>
      </c>
      <c r="CX23" s="123">
        <v>463</v>
      </c>
      <c r="CY23" s="82">
        <v>609</v>
      </c>
      <c r="CZ23" s="83">
        <v>1072</v>
      </c>
      <c r="DA23" s="241"/>
      <c r="DB23" s="82">
        <v>828</v>
      </c>
      <c r="DC23" s="82">
        <v>522</v>
      </c>
      <c r="DD23" s="82">
        <v>458</v>
      </c>
      <c r="DE23" s="82">
        <v>409</v>
      </c>
      <c r="DF23" s="82">
        <v>249</v>
      </c>
      <c r="DG23" s="84">
        <v>2466</v>
      </c>
      <c r="DH23" s="85">
        <v>3538</v>
      </c>
      <c r="DI23" s="70">
        <v>9</v>
      </c>
      <c r="DJ23" s="71">
        <v>11</v>
      </c>
      <c r="DK23" s="72">
        <v>20</v>
      </c>
      <c r="DL23" s="244"/>
      <c r="DM23" s="71">
        <v>18</v>
      </c>
      <c r="DN23" s="71">
        <v>15</v>
      </c>
      <c r="DO23" s="71">
        <v>9</v>
      </c>
      <c r="DP23" s="71">
        <v>9</v>
      </c>
      <c r="DQ23" s="71">
        <v>3</v>
      </c>
      <c r="DR23" s="72">
        <v>54</v>
      </c>
      <c r="DS23" s="73">
        <v>74</v>
      </c>
      <c r="DT23" s="70">
        <v>39</v>
      </c>
      <c r="DU23" s="71">
        <v>47</v>
      </c>
      <c r="DV23" s="72">
        <v>86</v>
      </c>
      <c r="DW23" s="244"/>
      <c r="DX23" s="71">
        <v>63</v>
      </c>
      <c r="DY23" s="71">
        <v>31</v>
      </c>
      <c r="DZ23" s="71">
        <v>23</v>
      </c>
      <c r="EA23" s="71">
        <v>23</v>
      </c>
      <c r="EB23" s="71">
        <v>20</v>
      </c>
      <c r="EC23" s="72">
        <v>160</v>
      </c>
      <c r="ED23" s="73">
        <v>246</v>
      </c>
      <c r="EE23" s="70">
        <v>88</v>
      </c>
      <c r="EF23" s="71">
        <v>86</v>
      </c>
      <c r="EG23" s="72">
        <v>174</v>
      </c>
      <c r="EH23" s="244"/>
      <c r="EI23" s="71">
        <v>130</v>
      </c>
      <c r="EJ23" s="71">
        <v>58</v>
      </c>
      <c r="EK23" s="71">
        <v>40</v>
      </c>
      <c r="EL23" s="71">
        <v>40</v>
      </c>
      <c r="EM23" s="71">
        <v>33</v>
      </c>
      <c r="EN23" s="72">
        <v>301</v>
      </c>
      <c r="EO23" s="73">
        <v>475</v>
      </c>
      <c r="EP23" s="70">
        <v>146</v>
      </c>
      <c r="EQ23" s="71">
        <v>183</v>
      </c>
      <c r="ER23" s="72">
        <v>329</v>
      </c>
      <c r="ES23" s="244"/>
      <c r="ET23" s="71">
        <v>192</v>
      </c>
      <c r="EU23" s="71">
        <v>119</v>
      </c>
      <c r="EV23" s="71">
        <v>103</v>
      </c>
      <c r="EW23" s="71">
        <v>71</v>
      </c>
      <c r="EX23" s="71">
        <v>41</v>
      </c>
      <c r="EY23" s="72">
        <v>526</v>
      </c>
      <c r="EZ23" s="73">
        <v>855</v>
      </c>
      <c r="FA23" s="70">
        <v>135</v>
      </c>
      <c r="FB23" s="71">
        <v>157</v>
      </c>
      <c r="FC23" s="72">
        <v>292</v>
      </c>
      <c r="FD23" s="244"/>
      <c r="FE23" s="71">
        <v>229</v>
      </c>
      <c r="FF23" s="71">
        <v>139</v>
      </c>
      <c r="FG23" s="71">
        <v>129</v>
      </c>
      <c r="FH23" s="71">
        <v>102</v>
      </c>
      <c r="FI23" s="71">
        <v>64</v>
      </c>
      <c r="FJ23" s="72">
        <v>663</v>
      </c>
      <c r="FK23" s="73">
        <v>955</v>
      </c>
      <c r="FL23" s="70">
        <v>46</v>
      </c>
      <c r="FM23" s="71">
        <v>125</v>
      </c>
      <c r="FN23" s="72">
        <v>171</v>
      </c>
      <c r="FO23" s="244"/>
      <c r="FP23" s="71">
        <v>196</v>
      </c>
      <c r="FQ23" s="71">
        <v>160</v>
      </c>
      <c r="FR23" s="71">
        <v>154</v>
      </c>
      <c r="FS23" s="71">
        <v>164</v>
      </c>
      <c r="FT23" s="71">
        <v>88</v>
      </c>
      <c r="FU23" s="72">
        <v>762</v>
      </c>
      <c r="FV23" s="73">
        <v>933</v>
      </c>
      <c r="FW23" s="70">
        <v>6</v>
      </c>
      <c r="FX23" s="71">
        <v>14</v>
      </c>
      <c r="FY23" s="72">
        <v>20</v>
      </c>
      <c r="FZ23" s="244"/>
      <c r="GA23" s="71">
        <v>15</v>
      </c>
      <c r="GB23" s="71">
        <v>11</v>
      </c>
      <c r="GC23" s="71">
        <v>5</v>
      </c>
      <c r="GD23" s="71">
        <v>10</v>
      </c>
      <c r="GE23" s="71">
        <v>5</v>
      </c>
      <c r="GF23" s="72">
        <v>46</v>
      </c>
      <c r="GG23" s="73">
        <v>66</v>
      </c>
      <c r="GH23" s="70">
        <v>469</v>
      </c>
      <c r="GI23" s="71">
        <v>623</v>
      </c>
      <c r="GJ23" s="72">
        <v>1092</v>
      </c>
      <c r="GK23" s="244"/>
      <c r="GL23" s="71">
        <v>843</v>
      </c>
      <c r="GM23" s="71">
        <v>533</v>
      </c>
      <c r="GN23" s="71">
        <v>463</v>
      </c>
      <c r="GO23" s="71">
        <v>419</v>
      </c>
      <c r="GP23" s="71">
        <v>254</v>
      </c>
      <c r="GQ23" s="72">
        <v>2512</v>
      </c>
      <c r="GR23" s="73">
        <v>3604</v>
      </c>
      <c r="GS23" s="123">
        <v>706</v>
      </c>
      <c r="GT23" s="82">
        <v>931</v>
      </c>
      <c r="GU23" s="83">
        <v>1637</v>
      </c>
      <c r="GV23" s="241"/>
      <c r="GW23" s="82">
        <v>1398</v>
      </c>
      <c r="GX23" s="82">
        <v>867</v>
      </c>
      <c r="GY23" s="82">
        <v>713</v>
      </c>
      <c r="GZ23" s="82">
        <v>612</v>
      </c>
      <c r="HA23" s="82">
        <v>358</v>
      </c>
      <c r="HB23" s="84">
        <v>3948</v>
      </c>
      <c r="HC23" s="85">
        <v>5585</v>
      </c>
      <c r="HD23" s="70">
        <v>20</v>
      </c>
      <c r="HE23" s="71">
        <v>21</v>
      </c>
      <c r="HF23" s="72">
        <v>41</v>
      </c>
      <c r="HG23" s="244"/>
      <c r="HH23" s="71">
        <v>44</v>
      </c>
      <c r="HI23" s="71">
        <v>35</v>
      </c>
      <c r="HJ23" s="71">
        <v>23</v>
      </c>
      <c r="HK23" s="71">
        <v>22</v>
      </c>
      <c r="HL23" s="71">
        <v>12</v>
      </c>
      <c r="HM23" s="72">
        <v>136</v>
      </c>
      <c r="HN23" s="73">
        <v>177</v>
      </c>
      <c r="HO23" s="70">
        <v>67</v>
      </c>
      <c r="HP23" s="71">
        <v>79</v>
      </c>
      <c r="HQ23" s="72">
        <v>146</v>
      </c>
      <c r="HR23" s="244"/>
      <c r="HS23" s="71">
        <v>125</v>
      </c>
      <c r="HT23" s="71">
        <v>82</v>
      </c>
      <c r="HU23" s="71">
        <v>51</v>
      </c>
      <c r="HV23" s="71">
        <v>48</v>
      </c>
      <c r="HW23" s="71">
        <v>43</v>
      </c>
      <c r="HX23" s="72">
        <v>349</v>
      </c>
      <c r="HY23" s="73">
        <v>495</v>
      </c>
      <c r="HZ23" s="70">
        <v>138</v>
      </c>
      <c r="IA23" s="71">
        <v>142</v>
      </c>
      <c r="IB23" s="72">
        <v>280</v>
      </c>
      <c r="IC23" s="244"/>
      <c r="ID23" s="71">
        <v>215</v>
      </c>
      <c r="IE23" s="71">
        <v>115</v>
      </c>
      <c r="IF23" s="71">
        <v>81</v>
      </c>
      <c r="IG23" s="71">
        <v>74</v>
      </c>
      <c r="IH23" s="71">
        <v>61</v>
      </c>
      <c r="II23" s="72">
        <v>546</v>
      </c>
      <c r="IJ23" s="73">
        <v>826</v>
      </c>
      <c r="IK23" s="70">
        <v>205</v>
      </c>
      <c r="IL23" s="71">
        <v>284</v>
      </c>
      <c r="IM23" s="72">
        <v>489</v>
      </c>
      <c r="IN23" s="244"/>
      <c r="IO23" s="71">
        <v>359</v>
      </c>
      <c r="IP23" s="71">
        <v>212</v>
      </c>
      <c r="IQ23" s="71">
        <v>181</v>
      </c>
      <c r="IR23" s="71">
        <v>131</v>
      </c>
      <c r="IS23" s="71">
        <v>66</v>
      </c>
      <c r="IT23" s="72">
        <v>949</v>
      </c>
      <c r="IU23" s="73">
        <v>1438</v>
      </c>
      <c r="IV23" s="70">
        <v>201</v>
      </c>
      <c r="IW23" s="71">
        <v>239</v>
      </c>
      <c r="IX23" s="72">
        <v>440</v>
      </c>
      <c r="IY23" s="244"/>
      <c r="IZ23" s="71">
        <v>390</v>
      </c>
      <c r="JA23" s="71">
        <v>217</v>
      </c>
      <c r="JB23" s="71">
        <v>186</v>
      </c>
      <c r="JC23" s="71">
        <v>147</v>
      </c>
      <c r="JD23" s="71">
        <v>81</v>
      </c>
      <c r="JE23" s="72">
        <v>1021</v>
      </c>
      <c r="JF23" s="73">
        <v>1461</v>
      </c>
      <c r="JG23" s="70">
        <v>75</v>
      </c>
      <c r="JH23" s="71">
        <v>166</v>
      </c>
      <c r="JI23" s="72">
        <v>241</v>
      </c>
      <c r="JJ23" s="244"/>
      <c r="JK23" s="71">
        <v>265</v>
      </c>
      <c r="JL23" s="71">
        <v>206</v>
      </c>
      <c r="JM23" s="71">
        <v>191</v>
      </c>
      <c r="JN23" s="71">
        <v>190</v>
      </c>
      <c r="JO23" s="71">
        <v>95</v>
      </c>
      <c r="JP23" s="72">
        <v>947</v>
      </c>
      <c r="JQ23" s="73">
        <v>1188</v>
      </c>
      <c r="JR23" s="70">
        <v>15</v>
      </c>
      <c r="JS23" s="71">
        <v>28</v>
      </c>
      <c r="JT23" s="72">
        <v>43</v>
      </c>
      <c r="JU23" s="244"/>
      <c r="JV23" s="71">
        <v>41</v>
      </c>
      <c r="JW23" s="71">
        <v>22</v>
      </c>
      <c r="JX23" s="71">
        <v>16</v>
      </c>
      <c r="JY23" s="71">
        <v>21</v>
      </c>
      <c r="JZ23" s="71">
        <v>12</v>
      </c>
      <c r="KA23" s="72">
        <v>112</v>
      </c>
      <c r="KB23" s="73">
        <v>155</v>
      </c>
      <c r="KC23" s="70">
        <v>721</v>
      </c>
      <c r="KD23" s="71">
        <v>959</v>
      </c>
      <c r="KE23" s="72">
        <v>1680</v>
      </c>
      <c r="KF23" s="244"/>
      <c r="KG23" s="71">
        <v>1439</v>
      </c>
      <c r="KH23" s="71">
        <v>889</v>
      </c>
      <c r="KI23" s="71">
        <v>729</v>
      </c>
      <c r="KJ23" s="71">
        <v>633</v>
      </c>
      <c r="KK23" s="71">
        <v>370</v>
      </c>
      <c r="KL23" s="72">
        <v>4060</v>
      </c>
      <c r="KM23" s="73">
        <v>5740</v>
      </c>
    </row>
    <row r="24" spans="2:299" ht="21" customHeight="1" x14ac:dyDescent="0.2">
      <c r="B24" s="126" t="s">
        <v>21</v>
      </c>
      <c r="C24" s="315">
        <v>285</v>
      </c>
      <c r="D24" s="82">
        <v>238</v>
      </c>
      <c r="E24" s="83">
        <v>523</v>
      </c>
      <c r="F24" s="241"/>
      <c r="G24" s="82">
        <v>411</v>
      </c>
      <c r="H24" s="82">
        <v>416</v>
      </c>
      <c r="I24" s="82">
        <v>300</v>
      </c>
      <c r="J24" s="82">
        <v>224</v>
      </c>
      <c r="K24" s="82">
        <v>135</v>
      </c>
      <c r="L24" s="84">
        <v>1486</v>
      </c>
      <c r="M24" s="85">
        <v>2009</v>
      </c>
      <c r="N24" s="70">
        <v>13</v>
      </c>
      <c r="O24" s="71">
        <v>14</v>
      </c>
      <c r="P24" s="72">
        <v>27</v>
      </c>
      <c r="Q24" s="244"/>
      <c r="R24" s="71">
        <v>17</v>
      </c>
      <c r="S24" s="71">
        <v>19</v>
      </c>
      <c r="T24" s="71">
        <v>14</v>
      </c>
      <c r="U24" s="71">
        <v>15</v>
      </c>
      <c r="V24" s="71">
        <v>12</v>
      </c>
      <c r="W24" s="72">
        <v>77</v>
      </c>
      <c r="X24" s="73">
        <v>104</v>
      </c>
      <c r="Y24" s="70">
        <v>33</v>
      </c>
      <c r="Z24" s="71">
        <v>32</v>
      </c>
      <c r="AA24" s="72">
        <v>65</v>
      </c>
      <c r="AB24" s="244"/>
      <c r="AC24" s="71">
        <v>40</v>
      </c>
      <c r="AD24" s="71">
        <v>46</v>
      </c>
      <c r="AE24" s="71">
        <v>33</v>
      </c>
      <c r="AF24" s="71">
        <v>34</v>
      </c>
      <c r="AG24" s="71">
        <v>17</v>
      </c>
      <c r="AH24" s="72">
        <v>170</v>
      </c>
      <c r="AI24" s="73">
        <v>235</v>
      </c>
      <c r="AJ24" s="70">
        <v>48</v>
      </c>
      <c r="AK24" s="71">
        <v>42</v>
      </c>
      <c r="AL24" s="72">
        <v>90</v>
      </c>
      <c r="AM24" s="244"/>
      <c r="AN24" s="71">
        <v>67</v>
      </c>
      <c r="AO24" s="71">
        <v>78</v>
      </c>
      <c r="AP24" s="71">
        <v>53</v>
      </c>
      <c r="AQ24" s="71">
        <v>45</v>
      </c>
      <c r="AR24" s="71">
        <v>20</v>
      </c>
      <c r="AS24" s="72">
        <v>263</v>
      </c>
      <c r="AT24" s="73">
        <v>353</v>
      </c>
      <c r="AU24" s="70">
        <v>69</v>
      </c>
      <c r="AV24" s="71">
        <v>61</v>
      </c>
      <c r="AW24" s="72">
        <v>130</v>
      </c>
      <c r="AX24" s="244"/>
      <c r="AY24" s="71">
        <v>107</v>
      </c>
      <c r="AZ24" s="71">
        <v>125</v>
      </c>
      <c r="BA24" s="71">
        <v>75</v>
      </c>
      <c r="BB24" s="71">
        <v>38</v>
      </c>
      <c r="BC24" s="71">
        <v>33</v>
      </c>
      <c r="BD24" s="72">
        <v>378</v>
      </c>
      <c r="BE24" s="73">
        <v>508</v>
      </c>
      <c r="BF24" s="70">
        <v>82</v>
      </c>
      <c r="BG24" s="71">
        <v>63</v>
      </c>
      <c r="BH24" s="72">
        <v>145</v>
      </c>
      <c r="BI24" s="244"/>
      <c r="BJ24" s="71">
        <v>124</v>
      </c>
      <c r="BK24" s="71">
        <v>90</v>
      </c>
      <c r="BL24" s="71">
        <v>76</v>
      </c>
      <c r="BM24" s="71">
        <v>64</v>
      </c>
      <c r="BN24" s="71">
        <v>35</v>
      </c>
      <c r="BO24" s="72">
        <v>389</v>
      </c>
      <c r="BP24" s="73">
        <v>534</v>
      </c>
      <c r="BQ24" s="70">
        <v>40</v>
      </c>
      <c r="BR24" s="71">
        <v>26</v>
      </c>
      <c r="BS24" s="72">
        <v>66</v>
      </c>
      <c r="BT24" s="244"/>
      <c r="BU24" s="71">
        <v>56</v>
      </c>
      <c r="BV24" s="71">
        <v>58</v>
      </c>
      <c r="BW24" s="71">
        <v>49</v>
      </c>
      <c r="BX24" s="71">
        <v>28</v>
      </c>
      <c r="BY24" s="71">
        <v>18</v>
      </c>
      <c r="BZ24" s="72">
        <v>209</v>
      </c>
      <c r="CA24" s="73">
        <v>275</v>
      </c>
      <c r="CB24" s="70">
        <v>6</v>
      </c>
      <c r="CC24" s="71">
        <v>13</v>
      </c>
      <c r="CD24" s="72">
        <v>19</v>
      </c>
      <c r="CE24" s="244"/>
      <c r="CF24" s="71">
        <v>7</v>
      </c>
      <c r="CG24" s="71">
        <v>22</v>
      </c>
      <c r="CH24" s="71">
        <v>8</v>
      </c>
      <c r="CI24" s="71">
        <v>8</v>
      </c>
      <c r="CJ24" s="71">
        <v>12</v>
      </c>
      <c r="CK24" s="72">
        <v>57</v>
      </c>
      <c r="CL24" s="73">
        <v>76</v>
      </c>
      <c r="CM24" s="70">
        <v>291</v>
      </c>
      <c r="CN24" s="71">
        <v>251</v>
      </c>
      <c r="CO24" s="72">
        <v>542</v>
      </c>
      <c r="CP24" s="244"/>
      <c r="CQ24" s="71">
        <v>418</v>
      </c>
      <c r="CR24" s="71">
        <v>438</v>
      </c>
      <c r="CS24" s="71">
        <v>308</v>
      </c>
      <c r="CT24" s="71">
        <v>232</v>
      </c>
      <c r="CU24" s="71">
        <v>147</v>
      </c>
      <c r="CV24" s="72">
        <v>1543</v>
      </c>
      <c r="CW24" s="73">
        <v>2085</v>
      </c>
      <c r="CX24" s="123">
        <v>541</v>
      </c>
      <c r="CY24" s="82">
        <v>554</v>
      </c>
      <c r="CZ24" s="83">
        <v>1095</v>
      </c>
      <c r="DA24" s="241"/>
      <c r="DB24" s="82">
        <v>718</v>
      </c>
      <c r="DC24" s="82">
        <v>730</v>
      </c>
      <c r="DD24" s="82">
        <v>540</v>
      </c>
      <c r="DE24" s="82">
        <v>457</v>
      </c>
      <c r="DF24" s="82">
        <v>348</v>
      </c>
      <c r="DG24" s="84">
        <v>2793</v>
      </c>
      <c r="DH24" s="85">
        <v>3888</v>
      </c>
      <c r="DI24" s="70">
        <v>13</v>
      </c>
      <c r="DJ24" s="71">
        <v>15</v>
      </c>
      <c r="DK24" s="72">
        <v>28</v>
      </c>
      <c r="DL24" s="244"/>
      <c r="DM24" s="71">
        <v>19</v>
      </c>
      <c r="DN24" s="71">
        <v>17</v>
      </c>
      <c r="DO24" s="71">
        <v>14</v>
      </c>
      <c r="DP24" s="71">
        <v>11</v>
      </c>
      <c r="DQ24" s="71">
        <v>11</v>
      </c>
      <c r="DR24" s="72">
        <v>72</v>
      </c>
      <c r="DS24" s="73">
        <v>100</v>
      </c>
      <c r="DT24" s="70">
        <v>46</v>
      </c>
      <c r="DU24" s="71">
        <v>48</v>
      </c>
      <c r="DV24" s="72">
        <v>94</v>
      </c>
      <c r="DW24" s="244"/>
      <c r="DX24" s="71">
        <v>41</v>
      </c>
      <c r="DY24" s="71">
        <v>42</v>
      </c>
      <c r="DZ24" s="71">
        <v>26</v>
      </c>
      <c r="EA24" s="71">
        <v>31</v>
      </c>
      <c r="EB24" s="71">
        <v>26</v>
      </c>
      <c r="EC24" s="72">
        <v>166</v>
      </c>
      <c r="ED24" s="73">
        <v>260</v>
      </c>
      <c r="EE24" s="70">
        <v>107</v>
      </c>
      <c r="EF24" s="71">
        <v>94</v>
      </c>
      <c r="EG24" s="72">
        <v>201</v>
      </c>
      <c r="EH24" s="244"/>
      <c r="EI24" s="71">
        <v>107</v>
      </c>
      <c r="EJ24" s="71">
        <v>91</v>
      </c>
      <c r="EK24" s="71">
        <v>52</v>
      </c>
      <c r="EL24" s="71">
        <v>49</v>
      </c>
      <c r="EM24" s="71">
        <v>27</v>
      </c>
      <c r="EN24" s="72">
        <v>326</v>
      </c>
      <c r="EO24" s="73">
        <v>527</v>
      </c>
      <c r="EP24" s="70">
        <v>163</v>
      </c>
      <c r="EQ24" s="71">
        <v>152</v>
      </c>
      <c r="ER24" s="72">
        <v>315</v>
      </c>
      <c r="ES24" s="244"/>
      <c r="ET24" s="71">
        <v>199</v>
      </c>
      <c r="EU24" s="71">
        <v>156</v>
      </c>
      <c r="EV24" s="71">
        <v>114</v>
      </c>
      <c r="EW24" s="71">
        <v>95</v>
      </c>
      <c r="EX24" s="71">
        <v>94</v>
      </c>
      <c r="EY24" s="72">
        <v>658</v>
      </c>
      <c r="EZ24" s="73">
        <v>973</v>
      </c>
      <c r="FA24" s="70">
        <v>140</v>
      </c>
      <c r="FB24" s="71">
        <v>163</v>
      </c>
      <c r="FC24" s="72">
        <v>303</v>
      </c>
      <c r="FD24" s="244"/>
      <c r="FE24" s="71">
        <v>197</v>
      </c>
      <c r="FF24" s="71">
        <v>216</v>
      </c>
      <c r="FG24" s="71">
        <v>163</v>
      </c>
      <c r="FH24" s="71">
        <v>115</v>
      </c>
      <c r="FI24" s="71">
        <v>83</v>
      </c>
      <c r="FJ24" s="72">
        <v>774</v>
      </c>
      <c r="FK24" s="73">
        <v>1077</v>
      </c>
      <c r="FL24" s="70">
        <v>72</v>
      </c>
      <c r="FM24" s="71">
        <v>82</v>
      </c>
      <c r="FN24" s="72">
        <v>154</v>
      </c>
      <c r="FO24" s="244"/>
      <c r="FP24" s="71">
        <v>155</v>
      </c>
      <c r="FQ24" s="71">
        <v>208</v>
      </c>
      <c r="FR24" s="71">
        <v>171</v>
      </c>
      <c r="FS24" s="71">
        <v>156</v>
      </c>
      <c r="FT24" s="71">
        <v>107</v>
      </c>
      <c r="FU24" s="72">
        <v>797</v>
      </c>
      <c r="FV24" s="73">
        <v>951</v>
      </c>
      <c r="FW24" s="70">
        <v>9</v>
      </c>
      <c r="FX24" s="71">
        <v>10</v>
      </c>
      <c r="FY24" s="72">
        <v>19</v>
      </c>
      <c r="FZ24" s="244"/>
      <c r="GA24" s="71">
        <v>10</v>
      </c>
      <c r="GB24" s="71">
        <v>21</v>
      </c>
      <c r="GC24" s="71">
        <v>11</v>
      </c>
      <c r="GD24" s="71">
        <v>6</v>
      </c>
      <c r="GE24" s="71">
        <v>7</v>
      </c>
      <c r="GF24" s="72">
        <v>55</v>
      </c>
      <c r="GG24" s="73">
        <v>74</v>
      </c>
      <c r="GH24" s="70">
        <v>550</v>
      </c>
      <c r="GI24" s="71">
        <v>564</v>
      </c>
      <c r="GJ24" s="72">
        <v>1114</v>
      </c>
      <c r="GK24" s="244"/>
      <c r="GL24" s="71">
        <v>728</v>
      </c>
      <c r="GM24" s="71">
        <v>751</v>
      </c>
      <c r="GN24" s="71">
        <v>551</v>
      </c>
      <c r="GO24" s="71">
        <v>463</v>
      </c>
      <c r="GP24" s="71">
        <v>355</v>
      </c>
      <c r="GQ24" s="72">
        <v>2848</v>
      </c>
      <c r="GR24" s="73">
        <v>3962</v>
      </c>
      <c r="GS24" s="123">
        <v>826</v>
      </c>
      <c r="GT24" s="82">
        <v>792</v>
      </c>
      <c r="GU24" s="83">
        <v>1618</v>
      </c>
      <c r="GV24" s="241"/>
      <c r="GW24" s="82">
        <v>1129</v>
      </c>
      <c r="GX24" s="82">
        <v>1146</v>
      </c>
      <c r="GY24" s="82">
        <v>840</v>
      </c>
      <c r="GZ24" s="82">
        <v>681</v>
      </c>
      <c r="HA24" s="82">
        <v>483</v>
      </c>
      <c r="HB24" s="84">
        <v>4279</v>
      </c>
      <c r="HC24" s="85">
        <v>5897</v>
      </c>
      <c r="HD24" s="70">
        <v>26</v>
      </c>
      <c r="HE24" s="71">
        <v>29</v>
      </c>
      <c r="HF24" s="72">
        <v>55</v>
      </c>
      <c r="HG24" s="244"/>
      <c r="HH24" s="71">
        <v>36</v>
      </c>
      <c r="HI24" s="71">
        <v>36</v>
      </c>
      <c r="HJ24" s="71">
        <v>28</v>
      </c>
      <c r="HK24" s="71">
        <v>26</v>
      </c>
      <c r="HL24" s="71">
        <v>23</v>
      </c>
      <c r="HM24" s="72">
        <v>149</v>
      </c>
      <c r="HN24" s="73">
        <v>204</v>
      </c>
      <c r="HO24" s="70">
        <v>79</v>
      </c>
      <c r="HP24" s="71">
        <v>80</v>
      </c>
      <c r="HQ24" s="72">
        <v>159</v>
      </c>
      <c r="HR24" s="244"/>
      <c r="HS24" s="71">
        <v>81</v>
      </c>
      <c r="HT24" s="71">
        <v>88</v>
      </c>
      <c r="HU24" s="71">
        <v>59</v>
      </c>
      <c r="HV24" s="71">
        <v>65</v>
      </c>
      <c r="HW24" s="71">
        <v>43</v>
      </c>
      <c r="HX24" s="72">
        <v>336</v>
      </c>
      <c r="HY24" s="73">
        <v>495</v>
      </c>
      <c r="HZ24" s="70">
        <v>155</v>
      </c>
      <c r="IA24" s="71">
        <v>136</v>
      </c>
      <c r="IB24" s="72">
        <v>291</v>
      </c>
      <c r="IC24" s="244"/>
      <c r="ID24" s="71">
        <v>174</v>
      </c>
      <c r="IE24" s="71">
        <v>169</v>
      </c>
      <c r="IF24" s="71">
        <v>105</v>
      </c>
      <c r="IG24" s="71">
        <v>94</v>
      </c>
      <c r="IH24" s="71">
        <v>47</v>
      </c>
      <c r="II24" s="72">
        <v>589</v>
      </c>
      <c r="IJ24" s="73">
        <v>880</v>
      </c>
      <c r="IK24" s="70">
        <v>232</v>
      </c>
      <c r="IL24" s="71">
        <v>213</v>
      </c>
      <c r="IM24" s="72">
        <v>445</v>
      </c>
      <c r="IN24" s="244"/>
      <c r="IO24" s="71">
        <v>306</v>
      </c>
      <c r="IP24" s="71">
        <v>281</v>
      </c>
      <c r="IQ24" s="71">
        <v>189</v>
      </c>
      <c r="IR24" s="71">
        <v>133</v>
      </c>
      <c r="IS24" s="71">
        <v>127</v>
      </c>
      <c r="IT24" s="72">
        <v>1036</v>
      </c>
      <c r="IU24" s="73">
        <v>1481</v>
      </c>
      <c r="IV24" s="70">
        <v>222</v>
      </c>
      <c r="IW24" s="71">
        <v>226</v>
      </c>
      <c r="IX24" s="72">
        <v>448</v>
      </c>
      <c r="IY24" s="244"/>
      <c r="IZ24" s="71">
        <v>321</v>
      </c>
      <c r="JA24" s="71">
        <v>306</v>
      </c>
      <c r="JB24" s="71">
        <v>239</v>
      </c>
      <c r="JC24" s="71">
        <v>179</v>
      </c>
      <c r="JD24" s="71">
        <v>118</v>
      </c>
      <c r="JE24" s="72">
        <v>1163</v>
      </c>
      <c r="JF24" s="73">
        <v>1611</v>
      </c>
      <c r="JG24" s="70">
        <v>112</v>
      </c>
      <c r="JH24" s="71">
        <v>108</v>
      </c>
      <c r="JI24" s="72">
        <v>220</v>
      </c>
      <c r="JJ24" s="244"/>
      <c r="JK24" s="71">
        <v>211</v>
      </c>
      <c r="JL24" s="71">
        <v>266</v>
      </c>
      <c r="JM24" s="71">
        <v>220</v>
      </c>
      <c r="JN24" s="71">
        <v>184</v>
      </c>
      <c r="JO24" s="71">
        <v>125</v>
      </c>
      <c r="JP24" s="72">
        <v>1006</v>
      </c>
      <c r="JQ24" s="73">
        <v>1226</v>
      </c>
      <c r="JR24" s="70">
        <v>15</v>
      </c>
      <c r="JS24" s="71">
        <v>23</v>
      </c>
      <c r="JT24" s="72">
        <v>38</v>
      </c>
      <c r="JU24" s="244"/>
      <c r="JV24" s="71">
        <v>17</v>
      </c>
      <c r="JW24" s="71">
        <v>43</v>
      </c>
      <c r="JX24" s="71">
        <v>19</v>
      </c>
      <c r="JY24" s="71">
        <v>14</v>
      </c>
      <c r="JZ24" s="71">
        <v>19</v>
      </c>
      <c r="KA24" s="72">
        <v>112</v>
      </c>
      <c r="KB24" s="73">
        <v>150</v>
      </c>
      <c r="KC24" s="70">
        <v>841</v>
      </c>
      <c r="KD24" s="71">
        <v>815</v>
      </c>
      <c r="KE24" s="72">
        <v>1656</v>
      </c>
      <c r="KF24" s="244"/>
      <c r="KG24" s="71">
        <v>1146</v>
      </c>
      <c r="KH24" s="71">
        <v>1189</v>
      </c>
      <c r="KI24" s="71">
        <v>859</v>
      </c>
      <c r="KJ24" s="71">
        <v>695</v>
      </c>
      <c r="KK24" s="71">
        <v>502</v>
      </c>
      <c r="KL24" s="72">
        <v>4391</v>
      </c>
      <c r="KM24" s="73">
        <v>6047</v>
      </c>
    </row>
    <row r="25" spans="2:299" ht="21" customHeight="1" x14ac:dyDescent="0.2">
      <c r="B25" s="126" t="s">
        <v>22</v>
      </c>
      <c r="C25" s="315">
        <v>78</v>
      </c>
      <c r="D25" s="82">
        <v>78</v>
      </c>
      <c r="E25" s="83">
        <v>156</v>
      </c>
      <c r="F25" s="241"/>
      <c r="G25" s="82">
        <v>197</v>
      </c>
      <c r="H25" s="82">
        <v>156</v>
      </c>
      <c r="I25" s="82">
        <v>90</v>
      </c>
      <c r="J25" s="82">
        <v>82</v>
      </c>
      <c r="K25" s="82">
        <v>56</v>
      </c>
      <c r="L25" s="84">
        <v>581</v>
      </c>
      <c r="M25" s="85">
        <v>737</v>
      </c>
      <c r="N25" s="70">
        <v>3</v>
      </c>
      <c r="O25" s="71">
        <v>4</v>
      </c>
      <c r="P25" s="72">
        <v>7</v>
      </c>
      <c r="Q25" s="244"/>
      <c r="R25" s="71">
        <v>5</v>
      </c>
      <c r="S25" s="71">
        <v>5</v>
      </c>
      <c r="T25" s="71">
        <v>1</v>
      </c>
      <c r="U25" s="71">
        <v>2</v>
      </c>
      <c r="V25" s="71">
        <v>5</v>
      </c>
      <c r="W25" s="72">
        <v>18</v>
      </c>
      <c r="X25" s="73">
        <v>25</v>
      </c>
      <c r="Y25" s="70">
        <v>10</v>
      </c>
      <c r="Z25" s="71">
        <v>11</v>
      </c>
      <c r="AA25" s="72">
        <v>21</v>
      </c>
      <c r="AB25" s="244"/>
      <c r="AC25" s="71">
        <v>22</v>
      </c>
      <c r="AD25" s="71">
        <v>11</v>
      </c>
      <c r="AE25" s="71">
        <v>4</v>
      </c>
      <c r="AF25" s="71">
        <v>9</v>
      </c>
      <c r="AG25" s="71">
        <v>8</v>
      </c>
      <c r="AH25" s="72">
        <v>54</v>
      </c>
      <c r="AI25" s="73">
        <v>75</v>
      </c>
      <c r="AJ25" s="70">
        <v>7</v>
      </c>
      <c r="AK25" s="71">
        <v>14</v>
      </c>
      <c r="AL25" s="72">
        <v>21</v>
      </c>
      <c r="AM25" s="244"/>
      <c r="AN25" s="71">
        <v>30</v>
      </c>
      <c r="AO25" s="71">
        <v>22</v>
      </c>
      <c r="AP25" s="71">
        <v>20</v>
      </c>
      <c r="AQ25" s="71">
        <v>12</v>
      </c>
      <c r="AR25" s="71">
        <v>12</v>
      </c>
      <c r="AS25" s="72">
        <v>96</v>
      </c>
      <c r="AT25" s="73">
        <v>117</v>
      </c>
      <c r="AU25" s="70">
        <v>24</v>
      </c>
      <c r="AV25" s="71">
        <v>16</v>
      </c>
      <c r="AW25" s="72">
        <v>40</v>
      </c>
      <c r="AX25" s="244"/>
      <c r="AY25" s="71">
        <v>51</v>
      </c>
      <c r="AZ25" s="71">
        <v>46</v>
      </c>
      <c r="BA25" s="71">
        <v>25</v>
      </c>
      <c r="BB25" s="71">
        <v>22</v>
      </c>
      <c r="BC25" s="71">
        <v>10</v>
      </c>
      <c r="BD25" s="72">
        <v>154</v>
      </c>
      <c r="BE25" s="73">
        <v>194</v>
      </c>
      <c r="BF25" s="70">
        <v>17</v>
      </c>
      <c r="BG25" s="71">
        <v>23</v>
      </c>
      <c r="BH25" s="72">
        <v>40</v>
      </c>
      <c r="BI25" s="244"/>
      <c r="BJ25" s="71">
        <v>55</v>
      </c>
      <c r="BK25" s="71">
        <v>37</v>
      </c>
      <c r="BL25" s="71">
        <v>25</v>
      </c>
      <c r="BM25" s="71">
        <v>18</v>
      </c>
      <c r="BN25" s="71">
        <v>10</v>
      </c>
      <c r="BO25" s="72">
        <v>145</v>
      </c>
      <c r="BP25" s="73">
        <v>185</v>
      </c>
      <c r="BQ25" s="70">
        <v>17</v>
      </c>
      <c r="BR25" s="71">
        <v>10</v>
      </c>
      <c r="BS25" s="72">
        <v>27</v>
      </c>
      <c r="BT25" s="244"/>
      <c r="BU25" s="71">
        <v>34</v>
      </c>
      <c r="BV25" s="71">
        <v>35</v>
      </c>
      <c r="BW25" s="71">
        <v>15</v>
      </c>
      <c r="BX25" s="71">
        <v>19</v>
      </c>
      <c r="BY25" s="71">
        <v>11</v>
      </c>
      <c r="BZ25" s="72">
        <v>114</v>
      </c>
      <c r="CA25" s="73">
        <v>141</v>
      </c>
      <c r="CB25" s="70">
        <v>0</v>
      </c>
      <c r="CC25" s="71">
        <v>6</v>
      </c>
      <c r="CD25" s="72">
        <v>6</v>
      </c>
      <c r="CE25" s="244"/>
      <c r="CF25" s="71">
        <v>8</v>
      </c>
      <c r="CG25" s="71">
        <v>4</v>
      </c>
      <c r="CH25" s="71">
        <v>2</v>
      </c>
      <c r="CI25" s="71">
        <v>2</v>
      </c>
      <c r="CJ25" s="71">
        <v>2</v>
      </c>
      <c r="CK25" s="72">
        <v>18</v>
      </c>
      <c r="CL25" s="73">
        <v>24</v>
      </c>
      <c r="CM25" s="70">
        <v>78</v>
      </c>
      <c r="CN25" s="71">
        <v>84</v>
      </c>
      <c r="CO25" s="72">
        <v>162</v>
      </c>
      <c r="CP25" s="244"/>
      <c r="CQ25" s="71">
        <v>205</v>
      </c>
      <c r="CR25" s="71">
        <v>160</v>
      </c>
      <c r="CS25" s="71">
        <v>92</v>
      </c>
      <c r="CT25" s="71">
        <v>84</v>
      </c>
      <c r="CU25" s="71">
        <v>58</v>
      </c>
      <c r="CV25" s="72">
        <v>599</v>
      </c>
      <c r="CW25" s="73">
        <v>761</v>
      </c>
      <c r="CX25" s="123">
        <v>114</v>
      </c>
      <c r="CY25" s="82">
        <v>241</v>
      </c>
      <c r="CZ25" s="83">
        <v>355</v>
      </c>
      <c r="DA25" s="241"/>
      <c r="DB25" s="82">
        <v>356</v>
      </c>
      <c r="DC25" s="82">
        <v>306</v>
      </c>
      <c r="DD25" s="82">
        <v>208</v>
      </c>
      <c r="DE25" s="82">
        <v>202</v>
      </c>
      <c r="DF25" s="82">
        <v>116</v>
      </c>
      <c r="DG25" s="84">
        <v>1188</v>
      </c>
      <c r="DH25" s="85">
        <v>1543</v>
      </c>
      <c r="DI25" s="70">
        <v>5</v>
      </c>
      <c r="DJ25" s="71">
        <v>8</v>
      </c>
      <c r="DK25" s="72">
        <v>13</v>
      </c>
      <c r="DL25" s="244"/>
      <c r="DM25" s="71">
        <v>5</v>
      </c>
      <c r="DN25" s="71">
        <v>9</v>
      </c>
      <c r="DO25" s="71">
        <v>2</v>
      </c>
      <c r="DP25" s="71">
        <v>2</v>
      </c>
      <c r="DQ25" s="71">
        <v>2</v>
      </c>
      <c r="DR25" s="72">
        <v>20</v>
      </c>
      <c r="DS25" s="73">
        <v>33</v>
      </c>
      <c r="DT25" s="70">
        <v>5</v>
      </c>
      <c r="DU25" s="71">
        <v>7</v>
      </c>
      <c r="DV25" s="72">
        <v>12</v>
      </c>
      <c r="DW25" s="244"/>
      <c r="DX25" s="71">
        <v>20</v>
      </c>
      <c r="DY25" s="71">
        <v>14</v>
      </c>
      <c r="DZ25" s="71">
        <v>11</v>
      </c>
      <c r="EA25" s="71">
        <v>8</v>
      </c>
      <c r="EB25" s="71">
        <v>9</v>
      </c>
      <c r="EC25" s="72">
        <v>62</v>
      </c>
      <c r="ED25" s="73">
        <v>74</v>
      </c>
      <c r="EE25" s="70">
        <v>26</v>
      </c>
      <c r="EF25" s="71">
        <v>41</v>
      </c>
      <c r="EG25" s="72">
        <v>67</v>
      </c>
      <c r="EH25" s="244"/>
      <c r="EI25" s="71">
        <v>43</v>
      </c>
      <c r="EJ25" s="71">
        <v>35</v>
      </c>
      <c r="EK25" s="71">
        <v>15</v>
      </c>
      <c r="EL25" s="71">
        <v>16</v>
      </c>
      <c r="EM25" s="71">
        <v>12</v>
      </c>
      <c r="EN25" s="72">
        <v>121</v>
      </c>
      <c r="EO25" s="73">
        <v>188</v>
      </c>
      <c r="EP25" s="70">
        <v>36</v>
      </c>
      <c r="EQ25" s="71">
        <v>66</v>
      </c>
      <c r="ER25" s="72">
        <v>102</v>
      </c>
      <c r="ES25" s="244"/>
      <c r="ET25" s="71">
        <v>83</v>
      </c>
      <c r="EU25" s="71">
        <v>57</v>
      </c>
      <c r="EV25" s="71">
        <v>42</v>
      </c>
      <c r="EW25" s="71">
        <v>43</v>
      </c>
      <c r="EX25" s="71">
        <v>21</v>
      </c>
      <c r="EY25" s="72">
        <v>246</v>
      </c>
      <c r="EZ25" s="73">
        <v>348</v>
      </c>
      <c r="FA25" s="70">
        <v>27</v>
      </c>
      <c r="FB25" s="71">
        <v>73</v>
      </c>
      <c r="FC25" s="72">
        <v>100</v>
      </c>
      <c r="FD25" s="244"/>
      <c r="FE25" s="71">
        <v>107</v>
      </c>
      <c r="FF25" s="71">
        <v>92</v>
      </c>
      <c r="FG25" s="71">
        <v>55</v>
      </c>
      <c r="FH25" s="71">
        <v>49</v>
      </c>
      <c r="FI25" s="71">
        <v>35</v>
      </c>
      <c r="FJ25" s="72">
        <v>338</v>
      </c>
      <c r="FK25" s="73">
        <v>438</v>
      </c>
      <c r="FL25" s="70">
        <v>15</v>
      </c>
      <c r="FM25" s="71">
        <v>46</v>
      </c>
      <c r="FN25" s="72">
        <v>61</v>
      </c>
      <c r="FO25" s="244"/>
      <c r="FP25" s="71">
        <v>98</v>
      </c>
      <c r="FQ25" s="71">
        <v>99</v>
      </c>
      <c r="FR25" s="71">
        <v>83</v>
      </c>
      <c r="FS25" s="71">
        <v>84</v>
      </c>
      <c r="FT25" s="71">
        <v>37</v>
      </c>
      <c r="FU25" s="72">
        <v>401</v>
      </c>
      <c r="FV25" s="73">
        <v>462</v>
      </c>
      <c r="FW25" s="70">
        <v>1</v>
      </c>
      <c r="FX25" s="71">
        <v>3</v>
      </c>
      <c r="FY25" s="72">
        <v>4</v>
      </c>
      <c r="FZ25" s="244"/>
      <c r="GA25" s="71">
        <v>6</v>
      </c>
      <c r="GB25" s="71">
        <v>3</v>
      </c>
      <c r="GC25" s="71">
        <v>5</v>
      </c>
      <c r="GD25" s="71">
        <v>6</v>
      </c>
      <c r="GE25" s="71">
        <v>1</v>
      </c>
      <c r="GF25" s="72">
        <v>21</v>
      </c>
      <c r="GG25" s="73">
        <v>25</v>
      </c>
      <c r="GH25" s="70">
        <v>115</v>
      </c>
      <c r="GI25" s="71">
        <v>244</v>
      </c>
      <c r="GJ25" s="72">
        <v>359</v>
      </c>
      <c r="GK25" s="244"/>
      <c r="GL25" s="71">
        <v>362</v>
      </c>
      <c r="GM25" s="71">
        <v>309</v>
      </c>
      <c r="GN25" s="71">
        <v>213</v>
      </c>
      <c r="GO25" s="71">
        <v>208</v>
      </c>
      <c r="GP25" s="71">
        <v>117</v>
      </c>
      <c r="GQ25" s="72">
        <v>1209</v>
      </c>
      <c r="GR25" s="73">
        <v>1568</v>
      </c>
      <c r="GS25" s="123">
        <v>192</v>
      </c>
      <c r="GT25" s="82">
        <v>319</v>
      </c>
      <c r="GU25" s="83">
        <v>511</v>
      </c>
      <c r="GV25" s="241"/>
      <c r="GW25" s="82">
        <v>553</v>
      </c>
      <c r="GX25" s="82">
        <v>462</v>
      </c>
      <c r="GY25" s="82">
        <v>298</v>
      </c>
      <c r="GZ25" s="82">
        <v>284</v>
      </c>
      <c r="HA25" s="82">
        <v>172</v>
      </c>
      <c r="HB25" s="84">
        <v>1769</v>
      </c>
      <c r="HC25" s="85">
        <v>2280</v>
      </c>
      <c r="HD25" s="70">
        <v>8</v>
      </c>
      <c r="HE25" s="71">
        <v>12</v>
      </c>
      <c r="HF25" s="72">
        <v>20</v>
      </c>
      <c r="HG25" s="244"/>
      <c r="HH25" s="71">
        <v>10</v>
      </c>
      <c r="HI25" s="71">
        <v>14</v>
      </c>
      <c r="HJ25" s="71">
        <v>3</v>
      </c>
      <c r="HK25" s="71">
        <v>4</v>
      </c>
      <c r="HL25" s="71">
        <v>7</v>
      </c>
      <c r="HM25" s="72">
        <v>38</v>
      </c>
      <c r="HN25" s="73">
        <v>58</v>
      </c>
      <c r="HO25" s="70">
        <v>15</v>
      </c>
      <c r="HP25" s="71">
        <v>18</v>
      </c>
      <c r="HQ25" s="72">
        <v>33</v>
      </c>
      <c r="HR25" s="244"/>
      <c r="HS25" s="71">
        <v>42</v>
      </c>
      <c r="HT25" s="71">
        <v>25</v>
      </c>
      <c r="HU25" s="71">
        <v>15</v>
      </c>
      <c r="HV25" s="71">
        <v>17</v>
      </c>
      <c r="HW25" s="71">
        <v>17</v>
      </c>
      <c r="HX25" s="72">
        <v>116</v>
      </c>
      <c r="HY25" s="73">
        <v>149</v>
      </c>
      <c r="HZ25" s="70">
        <v>33</v>
      </c>
      <c r="IA25" s="71">
        <v>55</v>
      </c>
      <c r="IB25" s="72">
        <v>88</v>
      </c>
      <c r="IC25" s="244"/>
      <c r="ID25" s="71">
        <v>73</v>
      </c>
      <c r="IE25" s="71">
        <v>57</v>
      </c>
      <c r="IF25" s="71">
        <v>35</v>
      </c>
      <c r="IG25" s="71">
        <v>28</v>
      </c>
      <c r="IH25" s="71">
        <v>24</v>
      </c>
      <c r="II25" s="72">
        <v>217</v>
      </c>
      <c r="IJ25" s="73">
        <v>305</v>
      </c>
      <c r="IK25" s="70">
        <v>60</v>
      </c>
      <c r="IL25" s="71">
        <v>82</v>
      </c>
      <c r="IM25" s="72">
        <v>142</v>
      </c>
      <c r="IN25" s="244"/>
      <c r="IO25" s="71">
        <v>134</v>
      </c>
      <c r="IP25" s="71">
        <v>103</v>
      </c>
      <c r="IQ25" s="71">
        <v>67</v>
      </c>
      <c r="IR25" s="71">
        <v>65</v>
      </c>
      <c r="IS25" s="71">
        <v>31</v>
      </c>
      <c r="IT25" s="72">
        <v>400</v>
      </c>
      <c r="IU25" s="73">
        <v>542</v>
      </c>
      <c r="IV25" s="70">
        <v>44</v>
      </c>
      <c r="IW25" s="71">
        <v>96</v>
      </c>
      <c r="IX25" s="72">
        <v>140</v>
      </c>
      <c r="IY25" s="244"/>
      <c r="IZ25" s="71">
        <v>162</v>
      </c>
      <c r="JA25" s="71">
        <v>129</v>
      </c>
      <c r="JB25" s="71">
        <v>80</v>
      </c>
      <c r="JC25" s="71">
        <v>67</v>
      </c>
      <c r="JD25" s="71">
        <v>45</v>
      </c>
      <c r="JE25" s="72">
        <v>483</v>
      </c>
      <c r="JF25" s="73">
        <v>623</v>
      </c>
      <c r="JG25" s="70">
        <v>32</v>
      </c>
      <c r="JH25" s="71">
        <v>56</v>
      </c>
      <c r="JI25" s="72">
        <v>88</v>
      </c>
      <c r="JJ25" s="244"/>
      <c r="JK25" s="71">
        <v>132</v>
      </c>
      <c r="JL25" s="71">
        <v>134</v>
      </c>
      <c r="JM25" s="71">
        <v>98</v>
      </c>
      <c r="JN25" s="71">
        <v>103</v>
      </c>
      <c r="JO25" s="71">
        <v>48</v>
      </c>
      <c r="JP25" s="72">
        <v>515</v>
      </c>
      <c r="JQ25" s="73">
        <v>603</v>
      </c>
      <c r="JR25" s="70">
        <v>1</v>
      </c>
      <c r="JS25" s="71">
        <v>9</v>
      </c>
      <c r="JT25" s="72">
        <v>10</v>
      </c>
      <c r="JU25" s="244"/>
      <c r="JV25" s="71">
        <v>14</v>
      </c>
      <c r="JW25" s="71">
        <v>7</v>
      </c>
      <c r="JX25" s="71">
        <v>7</v>
      </c>
      <c r="JY25" s="71">
        <v>8</v>
      </c>
      <c r="JZ25" s="71">
        <v>3</v>
      </c>
      <c r="KA25" s="72">
        <v>39</v>
      </c>
      <c r="KB25" s="73">
        <v>49</v>
      </c>
      <c r="KC25" s="70">
        <v>193</v>
      </c>
      <c r="KD25" s="71">
        <v>328</v>
      </c>
      <c r="KE25" s="72">
        <v>521</v>
      </c>
      <c r="KF25" s="244"/>
      <c r="KG25" s="71">
        <v>567</v>
      </c>
      <c r="KH25" s="71">
        <v>469</v>
      </c>
      <c r="KI25" s="71">
        <v>305</v>
      </c>
      <c r="KJ25" s="71">
        <v>292</v>
      </c>
      <c r="KK25" s="71">
        <v>175</v>
      </c>
      <c r="KL25" s="72">
        <v>1808</v>
      </c>
      <c r="KM25" s="73">
        <v>2329</v>
      </c>
    </row>
    <row r="26" spans="2:299" ht="21" customHeight="1" x14ac:dyDescent="0.2">
      <c r="B26" s="126" t="s">
        <v>23</v>
      </c>
      <c r="C26" s="315">
        <v>174</v>
      </c>
      <c r="D26" s="82">
        <v>176</v>
      </c>
      <c r="E26" s="83">
        <v>350</v>
      </c>
      <c r="F26" s="241"/>
      <c r="G26" s="82">
        <v>315</v>
      </c>
      <c r="H26" s="82">
        <v>266</v>
      </c>
      <c r="I26" s="82">
        <v>174</v>
      </c>
      <c r="J26" s="82">
        <v>146</v>
      </c>
      <c r="K26" s="82">
        <v>97</v>
      </c>
      <c r="L26" s="84">
        <v>998</v>
      </c>
      <c r="M26" s="85">
        <v>1348</v>
      </c>
      <c r="N26" s="70">
        <v>9</v>
      </c>
      <c r="O26" s="71">
        <v>10</v>
      </c>
      <c r="P26" s="72">
        <v>19</v>
      </c>
      <c r="Q26" s="244"/>
      <c r="R26" s="71">
        <v>11</v>
      </c>
      <c r="S26" s="71">
        <v>10</v>
      </c>
      <c r="T26" s="71">
        <v>8</v>
      </c>
      <c r="U26" s="71">
        <v>10</v>
      </c>
      <c r="V26" s="71">
        <v>3</v>
      </c>
      <c r="W26" s="72">
        <v>42</v>
      </c>
      <c r="X26" s="73">
        <v>61</v>
      </c>
      <c r="Y26" s="70">
        <v>29</v>
      </c>
      <c r="Z26" s="71">
        <v>18</v>
      </c>
      <c r="AA26" s="72">
        <v>47</v>
      </c>
      <c r="AB26" s="244"/>
      <c r="AC26" s="71">
        <v>30</v>
      </c>
      <c r="AD26" s="71">
        <v>31</v>
      </c>
      <c r="AE26" s="71">
        <v>17</v>
      </c>
      <c r="AF26" s="71">
        <v>18</v>
      </c>
      <c r="AG26" s="71">
        <v>15</v>
      </c>
      <c r="AH26" s="72">
        <v>111</v>
      </c>
      <c r="AI26" s="73">
        <v>158</v>
      </c>
      <c r="AJ26" s="70">
        <v>35</v>
      </c>
      <c r="AK26" s="71">
        <v>33</v>
      </c>
      <c r="AL26" s="72">
        <v>68</v>
      </c>
      <c r="AM26" s="244"/>
      <c r="AN26" s="71">
        <v>66</v>
      </c>
      <c r="AO26" s="71">
        <v>56</v>
      </c>
      <c r="AP26" s="71">
        <v>21</v>
      </c>
      <c r="AQ26" s="71">
        <v>21</v>
      </c>
      <c r="AR26" s="71">
        <v>31</v>
      </c>
      <c r="AS26" s="72">
        <v>195</v>
      </c>
      <c r="AT26" s="73">
        <v>263</v>
      </c>
      <c r="AU26" s="70">
        <v>43</v>
      </c>
      <c r="AV26" s="71">
        <v>59</v>
      </c>
      <c r="AW26" s="72">
        <v>102</v>
      </c>
      <c r="AX26" s="244"/>
      <c r="AY26" s="71">
        <v>95</v>
      </c>
      <c r="AZ26" s="71">
        <v>75</v>
      </c>
      <c r="BA26" s="71">
        <v>48</v>
      </c>
      <c r="BB26" s="71">
        <v>40</v>
      </c>
      <c r="BC26" s="71">
        <v>17</v>
      </c>
      <c r="BD26" s="72">
        <v>275</v>
      </c>
      <c r="BE26" s="73">
        <v>377</v>
      </c>
      <c r="BF26" s="70">
        <v>48</v>
      </c>
      <c r="BG26" s="71">
        <v>36</v>
      </c>
      <c r="BH26" s="72">
        <v>84</v>
      </c>
      <c r="BI26" s="244"/>
      <c r="BJ26" s="71">
        <v>83</v>
      </c>
      <c r="BK26" s="71">
        <v>61</v>
      </c>
      <c r="BL26" s="71">
        <v>50</v>
      </c>
      <c r="BM26" s="71">
        <v>32</v>
      </c>
      <c r="BN26" s="71">
        <v>20</v>
      </c>
      <c r="BO26" s="72">
        <v>246</v>
      </c>
      <c r="BP26" s="73">
        <v>330</v>
      </c>
      <c r="BQ26" s="70">
        <v>10</v>
      </c>
      <c r="BR26" s="71">
        <v>20</v>
      </c>
      <c r="BS26" s="72">
        <v>30</v>
      </c>
      <c r="BT26" s="244"/>
      <c r="BU26" s="71">
        <v>30</v>
      </c>
      <c r="BV26" s="71">
        <v>33</v>
      </c>
      <c r="BW26" s="71">
        <v>30</v>
      </c>
      <c r="BX26" s="71">
        <v>25</v>
      </c>
      <c r="BY26" s="71">
        <v>11</v>
      </c>
      <c r="BZ26" s="72">
        <v>129</v>
      </c>
      <c r="CA26" s="73">
        <v>159</v>
      </c>
      <c r="CB26" s="70">
        <v>4</v>
      </c>
      <c r="CC26" s="71">
        <v>9</v>
      </c>
      <c r="CD26" s="72">
        <v>13</v>
      </c>
      <c r="CE26" s="244"/>
      <c r="CF26" s="71">
        <v>7</v>
      </c>
      <c r="CG26" s="71">
        <v>11</v>
      </c>
      <c r="CH26" s="71">
        <v>7</v>
      </c>
      <c r="CI26" s="71">
        <v>7</v>
      </c>
      <c r="CJ26" s="71">
        <v>5</v>
      </c>
      <c r="CK26" s="72">
        <v>37</v>
      </c>
      <c r="CL26" s="73">
        <v>50</v>
      </c>
      <c r="CM26" s="70">
        <v>178</v>
      </c>
      <c r="CN26" s="71">
        <v>185</v>
      </c>
      <c r="CO26" s="72">
        <v>363</v>
      </c>
      <c r="CP26" s="244"/>
      <c r="CQ26" s="71">
        <v>322</v>
      </c>
      <c r="CR26" s="71">
        <v>277</v>
      </c>
      <c r="CS26" s="71">
        <v>181</v>
      </c>
      <c r="CT26" s="71">
        <v>153</v>
      </c>
      <c r="CU26" s="71">
        <v>102</v>
      </c>
      <c r="CV26" s="72">
        <v>1035</v>
      </c>
      <c r="CW26" s="73">
        <v>1398</v>
      </c>
      <c r="CX26" s="123">
        <v>314</v>
      </c>
      <c r="CY26" s="82">
        <v>387</v>
      </c>
      <c r="CZ26" s="83">
        <v>701</v>
      </c>
      <c r="DA26" s="241"/>
      <c r="DB26" s="82">
        <v>529</v>
      </c>
      <c r="DC26" s="82">
        <v>413</v>
      </c>
      <c r="DD26" s="82">
        <v>291</v>
      </c>
      <c r="DE26" s="82">
        <v>345</v>
      </c>
      <c r="DF26" s="82">
        <v>237</v>
      </c>
      <c r="DG26" s="84">
        <v>1815</v>
      </c>
      <c r="DH26" s="85">
        <v>2516</v>
      </c>
      <c r="DI26" s="70">
        <v>8</v>
      </c>
      <c r="DJ26" s="71">
        <v>18</v>
      </c>
      <c r="DK26" s="72">
        <v>26</v>
      </c>
      <c r="DL26" s="244"/>
      <c r="DM26" s="71">
        <v>10</v>
      </c>
      <c r="DN26" s="71">
        <v>8</v>
      </c>
      <c r="DO26" s="71">
        <v>4</v>
      </c>
      <c r="DP26" s="71">
        <v>6</v>
      </c>
      <c r="DQ26" s="71">
        <v>1</v>
      </c>
      <c r="DR26" s="72">
        <v>29</v>
      </c>
      <c r="DS26" s="73">
        <v>55</v>
      </c>
      <c r="DT26" s="70">
        <v>23</v>
      </c>
      <c r="DU26" s="71">
        <v>32</v>
      </c>
      <c r="DV26" s="72">
        <v>55</v>
      </c>
      <c r="DW26" s="244"/>
      <c r="DX26" s="71">
        <v>28</v>
      </c>
      <c r="DY26" s="71">
        <v>37</v>
      </c>
      <c r="DZ26" s="71">
        <v>20</v>
      </c>
      <c r="EA26" s="71">
        <v>26</v>
      </c>
      <c r="EB26" s="71">
        <v>15</v>
      </c>
      <c r="EC26" s="72">
        <v>126</v>
      </c>
      <c r="ED26" s="73">
        <v>181</v>
      </c>
      <c r="EE26" s="70">
        <v>55</v>
      </c>
      <c r="EF26" s="71">
        <v>77</v>
      </c>
      <c r="EG26" s="72">
        <v>132</v>
      </c>
      <c r="EH26" s="244"/>
      <c r="EI26" s="71">
        <v>78</v>
      </c>
      <c r="EJ26" s="71">
        <v>51</v>
      </c>
      <c r="EK26" s="71">
        <v>35</v>
      </c>
      <c r="EL26" s="71">
        <v>46</v>
      </c>
      <c r="EM26" s="71">
        <v>40</v>
      </c>
      <c r="EN26" s="72">
        <v>250</v>
      </c>
      <c r="EO26" s="73">
        <v>382</v>
      </c>
      <c r="EP26" s="70">
        <v>126</v>
      </c>
      <c r="EQ26" s="71">
        <v>117</v>
      </c>
      <c r="ER26" s="72">
        <v>243</v>
      </c>
      <c r="ES26" s="244"/>
      <c r="ET26" s="71">
        <v>154</v>
      </c>
      <c r="EU26" s="71">
        <v>97</v>
      </c>
      <c r="EV26" s="71">
        <v>65</v>
      </c>
      <c r="EW26" s="71">
        <v>68</v>
      </c>
      <c r="EX26" s="71">
        <v>46</v>
      </c>
      <c r="EY26" s="72">
        <v>430</v>
      </c>
      <c r="EZ26" s="73">
        <v>673</v>
      </c>
      <c r="FA26" s="70">
        <v>71</v>
      </c>
      <c r="FB26" s="71">
        <v>96</v>
      </c>
      <c r="FC26" s="72">
        <v>167</v>
      </c>
      <c r="FD26" s="244"/>
      <c r="FE26" s="71">
        <v>152</v>
      </c>
      <c r="FF26" s="71">
        <v>117</v>
      </c>
      <c r="FG26" s="71">
        <v>83</v>
      </c>
      <c r="FH26" s="71">
        <v>91</v>
      </c>
      <c r="FI26" s="71">
        <v>55</v>
      </c>
      <c r="FJ26" s="72">
        <v>498</v>
      </c>
      <c r="FK26" s="73">
        <v>665</v>
      </c>
      <c r="FL26" s="70">
        <v>31</v>
      </c>
      <c r="FM26" s="71">
        <v>47</v>
      </c>
      <c r="FN26" s="72">
        <v>78</v>
      </c>
      <c r="FO26" s="244"/>
      <c r="FP26" s="71">
        <v>107</v>
      </c>
      <c r="FQ26" s="71">
        <v>103</v>
      </c>
      <c r="FR26" s="71">
        <v>84</v>
      </c>
      <c r="FS26" s="71">
        <v>108</v>
      </c>
      <c r="FT26" s="71">
        <v>80</v>
      </c>
      <c r="FU26" s="72">
        <v>482</v>
      </c>
      <c r="FV26" s="73">
        <v>560</v>
      </c>
      <c r="FW26" s="70">
        <v>4</v>
      </c>
      <c r="FX26" s="71">
        <v>9</v>
      </c>
      <c r="FY26" s="72">
        <v>13</v>
      </c>
      <c r="FZ26" s="244"/>
      <c r="GA26" s="71">
        <v>2</v>
      </c>
      <c r="GB26" s="71">
        <v>9</v>
      </c>
      <c r="GC26" s="71">
        <v>2</v>
      </c>
      <c r="GD26" s="71">
        <v>4</v>
      </c>
      <c r="GE26" s="71">
        <v>7</v>
      </c>
      <c r="GF26" s="72">
        <v>24</v>
      </c>
      <c r="GG26" s="73">
        <v>37</v>
      </c>
      <c r="GH26" s="70">
        <v>318</v>
      </c>
      <c r="GI26" s="71">
        <v>396</v>
      </c>
      <c r="GJ26" s="72">
        <v>714</v>
      </c>
      <c r="GK26" s="244"/>
      <c r="GL26" s="71">
        <v>531</v>
      </c>
      <c r="GM26" s="71">
        <v>422</v>
      </c>
      <c r="GN26" s="71">
        <v>293</v>
      </c>
      <c r="GO26" s="71">
        <v>349</v>
      </c>
      <c r="GP26" s="71">
        <v>244</v>
      </c>
      <c r="GQ26" s="72">
        <v>1839</v>
      </c>
      <c r="GR26" s="73">
        <v>2553</v>
      </c>
      <c r="GS26" s="123">
        <v>488</v>
      </c>
      <c r="GT26" s="82">
        <v>563</v>
      </c>
      <c r="GU26" s="83">
        <v>1051</v>
      </c>
      <c r="GV26" s="241"/>
      <c r="GW26" s="82">
        <v>844</v>
      </c>
      <c r="GX26" s="82">
        <v>679</v>
      </c>
      <c r="GY26" s="82">
        <v>465</v>
      </c>
      <c r="GZ26" s="82">
        <v>491</v>
      </c>
      <c r="HA26" s="82">
        <v>334</v>
      </c>
      <c r="HB26" s="84">
        <v>2813</v>
      </c>
      <c r="HC26" s="85">
        <v>3864</v>
      </c>
      <c r="HD26" s="70">
        <v>17</v>
      </c>
      <c r="HE26" s="71">
        <v>28</v>
      </c>
      <c r="HF26" s="72">
        <v>45</v>
      </c>
      <c r="HG26" s="244"/>
      <c r="HH26" s="71">
        <v>21</v>
      </c>
      <c r="HI26" s="71">
        <v>18</v>
      </c>
      <c r="HJ26" s="71">
        <v>12</v>
      </c>
      <c r="HK26" s="71">
        <v>16</v>
      </c>
      <c r="HL26" s="71">
        <v>4</v>
      </c>
      <c r="HM26" s="72">
        <v>71</v>
      </c>
      <c r="HN26" s="73">
        <v>116</v>
      </c>
      <c r="HO26" s="70">
        <v>52</v>
      </c>
      <c r="HP26" s="71">
        <v>50</v>
      </c>
      <c r="HQ26" s="72">
        <v>102</v>
      </c>
      <c r="HR26" s="244"/>
      <c r="HS26" s="71">
        <v>58</v>
      </c>
      <c r="HT26" s="71">
        <v>68</v>
      </c>
      <c r="HU26" s="71">
        <v>37</v>
      </c>
      <c r="HV26" s="71">
        <v>44</v>
      </c>
      <c r="HW26" s="71">
        <v>30</v>
      </c>
      <c r="HX26" s="72">
        <v>237</v>
      </c>
      <c r="HY26" s="73">
        <v>339</v>
      </c>
      <c r="HZ26" s="70">
        <v>90</v>
      </c>
      <c r="IA26" s="71">
        <v>110</v>
      </c>
      <c r="IB26" s="72">
        <v>200</v>
      </c>
      <c r="IC26" s="244"/>
      <c r="ID26" s="71">
        <v>144</v>
      </c>
      <c r="IE26" s="71">
        <v>107</v>
      </c>
      <c r="IF26" s="71">
        <v>56</v>
      </c>
      <c r="IG26" s="71">
        <v>67</v>
      </c>
      <c r="IH26" s="71">
        <v>71</v>
      </c>
      <c r="II26" s="72">
        <v>445</v>
      </c>
      <c r="IJ26" s="73">
        <v>645</v>
      </c>
      <c r="IK26" s="70">
        <v>169</v>
      </c>
      <c r="IL26" s="71">
        <v>176</v>
      </c>
      <c r="IM26" s="72">
        <v>345</v>
      </c>
      <c r="IN26" s="244"/>
      <c r="IO26" s="71">
        <v>249</v>
      </c>
      <c r="IP26" s="71">
        <v>172</v>
      </c>
      <c r="IQ26" s="71">
        <v>113</v>
      </c>
      <c r="IR26" s="71">
        <v>108</v>
      </c>
      <c r="IS26" s="71">
        <v>63</v>
      </c>
      <c r="IT26" s="72">
        <v>705</v>
      </c>
      <c r="IU26" s="73">
        <v>1050</v>
      </c>
      <c r="IV26" s="70">
        <v>119</v>
      </c>
      <c r="IW26" s="71">
        <v>132</v>
      </c>
      <c r="IX26" s="72">
        <v>251</v>
      </c>
      <c r="IY26" s="244"/>
      <c r="IZ26" s="71">
        <v>235</v>
      </c>
      <c r="JA26" s="71">
        <v>178</v>
      </c>
      <c r="JB26" s="71">
        <v>133</v>
      </c>
      <c r="JC26" s="71">
        <v>123</v>
      </c>
      <c r="JD26" s="71">
        <v>75</v>
      </c>
      <c r="JE26" s="72">
        <v>744</v>
      </c>
      <c r="JF26" s="73">
        <v>995</v>
      </c>
      <c r="JG26" s="70">
        <v>41</v>
      </c>
      <c r="JH26" s="71">
        <v>67</v>
      </c>
      <c r="JI26" s="72">
        <v>108</v>
      </c>
      <c r="JJ26" s="244"/>
      <c r="JK26" s="71">
        <v>137</v>
      </c>
      <c r="JL26" s="71">
        <v>136</v>
      </c>
      <c r="JM26" s="71">
        <v>114</v>
      </c>
      <c r="JN26" s="71">
        <v>133</v>
      </c>
      <c r="JO26" s="71">
        <v>91</v>
      </c>
      <c r="JP26" s="72">
        <v>611</v>
      </c>
      <c r="JQ26" s="73">
        <v>719</v>
      </c>
      <c r="JR26" s="70">
        <v>8</v>
      </c>
      <c r="JS26" s="71">
        <v>18</v>
      </c>
      <c r="JT26" s="72">
        <v>26</v>
      </c>
      <c r="JU26" s="244"/>
      <c r="JV26" s="71">
        <v>9</v>
      </c>
      <c r="JW26" s="71">
        <v>20</v>
      </c>
      <c r="JX26" s="71">
        <v>9</v>
      </c>
      <c r="JY26" s="71">
        <v>11</v>
      </c>
      <c r="JZ26" s="71">
        <v>12</v>
      </c>
      <c r="KA26" s="72">
        <v>61</v>
      </c>
      <c r="KB26" s="73">
        <v>87</v>
      </c>
      <c r="KC26" s="70">
        <v>496</v>
      </c>
      <c r="KD26" s="71">
        <v>581</v>
      </c>
      <c r="KE26" s="72">
        <v>1077</v>
      </c>
      <c r="KF26" s="244"/>
      <c r="KG26" s="71">
        <v>853</v>
      </c>
      <c r="KH26" s="71">
        <v>699</v>
      </c>
      <c r="KI26" s="71">
        <v>474</v>
      </c>
      <c r="KJ26" s="71">
        <v>502</v>
      </c>
      <c r="KK26" s="71">
        <v>346</v>
      </c>
      <c r="KL26" s="72">
        <v>2874</v>
      </c>
      <c r="KM26" s="73">
        <v>3951</v>
      </c>
    </row>
    <row r="27" spans="2:299" ht="21" customHeight="1" x14ac:dyDescent="0.2">
      <c r="B27" s="126" t="s">
        <v>24</v>
      </c>
      <c r="C27" s="315">
        <v>104</v>
      </c>
      <c r="D27" s="82">
        <v>71</v>
      </c>
      <c r="E27" s="83">
        <v>175</v>
      </c>
      <c r="F27" s="241"/>
      <c r="G27" s="82">
        <v>151</v>
      </c>
      <c r="H27" s="82">
        <v>93</v>
      </c>
      <c r="I27" s="82">
        <v>70</v>
      </c>
      <c r="J27" s="82">
        <v>57</v>
      </c>
      <c r="K27" s="82">
        <v>57</v>
      </c>
      <c r="L27" s="84">
        <v>428</v>
      </c>
      <c r="M27" s="85">
        <v>603</v>
      </c>
      <c r="N27" s="70">
        <v>3</v>
      </c>
      <c r="O27" s="71">
        <v>2</v>
      </c>
      <c r="P27" s="72">
        <v>5</v>
      </c>
      <c r="Q27" s="244"/>
      <c r="R27" s="71">
        <v>7</v>
      </c>
      <c r="S27" s="71">
        <v>4</v>
      </c>
      <c r="T27" s="71">
        <v>3</v>
      </c>
      <c r="U27" s="71">
        <v>1</v>
      </c>
      <c r="V27" s="71">
        <v>5</v>
      </c>
      <c r="W27" s="72">
        <v>20</v>
      </c>
      <c r="X27" s="73">
        <v>25</v>
      </c>
      <c r="Y27" s="70">
        <v>7</v>
      </c>
      <c r="Z27" s="71">
        <v>2</v>
      </c>
      <c r="AA27" s="72">
        <v>9</v>
      </c>
      <c r="AB27" s="244"/>
      <c r="AC27" s="71">
        <v>15</v>
      </c>
      <c r="AD27" s="71">
        <v>12</v>
      </c>
      <c r="AE27" s="71">
        <v>2</v>
      </c>
      <c r="AF27" s="71">
        <v>5</v>
      </c>
      <c r="AG27" s="71">
        <v>6</v>
      </c>
      <c r="AH27" s="72">
        <v>40</v>
      </c>
      <c r="AI27" s="73">
        <v>49</v>
      </c>
      <c r="AJ27" s="70">
        <v>16</v>
      </c>
      <c r="AK27" s="71">
        <v>12</v>
      </c>
      <c r="AL27" s="72">
        <v>28</v>
      </c>
      <c r="AM27" s="244"/>
      <c r="AN27" s="71">
        <v>19</v>
      </c>
      <c r="AO27" s="71">
        <v>13</v>
      </c>
      <c r="AP27" s="71">
        <v>13</v>
      </c>
      <c r="AQ27" s="71">
        <v>5</v>
      </c>
      <c r="AR27" s="71">
        <v>5</v>
      </c>
      <c r="AS27" s="72">
        <v>55</v>
      </c>
      <c r="AT27" s="73">
        <v>83</v>
      </c>
      <c r="AU27" s="70">
        <v>20</v>
      </c>
      <c r="AV27" s="71">
        <v>16</v>
      </c>
      <c r="AW27" s="72">
        <v>36</v>
      </c>
      <c r="AX27" s="244"/>
      <c r="AY27" s="71">
        <v>34</v>
      </c>
      <c r="AZ27" s="71">
        <v>15</v>
      </c>
      <c r="BA27" s="71">
        <v>12</v>
      </c>
      <c r="BB27" s="71">
        <v>14</v>
      </c>
      <c r="BC27" s="71">
        <v>15</v>
      </c>
      <c r="BD27" s="72">
        <v>90</v>
      </c>
      <c r="BE27" s="73">
        <v>126</v>
      </c>
      <c r="BF27" s="70">
        <v>31</v>
      </c>
      <c r="BG27" s="71">
        <v>23</v>
      </c>
      <c r="BH27" s="72">
        <v>54</v>
      </c>
      <c r="BI27" s="244"/>
      <c r="BJ27" s="71">
        <v>42</v>
      </c>
      <c r="BK27" s="71">
        <v>32</v>
      </c>
      <c r="BL27" s="71">
        <v>17</v>
      </c>
      <c r="BM27" s="71">
        <v>20</v>
      </c>
      <c r="BN27" s="71">
        <v>15</v>
      </c>
      <c r="BO27" s="72">
        <v>126</v>
      </c>
      <c r="BP27" s="73">
        <v>180</v>
      </c>
      <c r="BQ27" s="70">
        <v>27</v>
      </c>
      <c r="BR27" s="71">
        <v>16</v>
      </c>
      <c r="BS27" s="72">
        <v>43</v>
      </c>
      <c r="BT27" s="244"/>
      <c r="BU27" s="71">
        <v>34</v>
      </c>
      <c r="BV27" s="71">
        <v>17</v>
      </c>
      <c r="BW27" s="71">
        <v>23</v>
      </c>
      <c r="BX27" s="71">
        <v>12</v>
      </c>
      <c r="BY27" s="71">
        <v>11</v>
      </c>
      <c r="BZ27" s="72">
        <v>97</v>
      </c>
      <c r="CA27" s="73">
        <v>140</v>
      </c>
      <c r="CB27" s="70">
        <v>4</v>
      </c>
      <c r="CC27" s="71">
        <v>3</v>
      </c>
      <c r="CD27" s="72">
        <v>7</v>
      </c>
      <c r="CE27" s="244"/>
      <c r="CF27" s="71">
        <v>2</v>
      </c>
      <c r="CG27" s="71">
        <v>5</v>
      </c>
      <c r="CH27" s="71">
        <v>1</v>
      </c>
      <c r="CI27" s="71">
        <v>3</v>
      </c>
      <c r="CJ27" s="71">
        <v>2</v>
      </c>
      <c r="CK27" s="72">
        <v>13</v>
      </c>
      <c r="CL27" s="73">
        <v>20</v>
      </c>
      <c r="CM27" s="70">
        <v>108</v>
      </c>
      <c r="CN27" s="71">
        <v>74</v>
      </c>
      <c r="CO27" s="72">
        <v>182</v>
      </c>
      <c r="CP27" s="244"/>
      <c r="CQ27" s="71">
        <v>153</v>
      </c>
      <c r="CR27" s="71">
        <v>98</v>
      </c>
      <c r="CS27" s="71">
        <v>71</v>
      </c>
      <c r="CT27" s="71">
        <v>60</v>
      </c>
      <c r="CU27" s="71">
        <v>59</v>
      </c>
      <c r="CV27" s="72">
        <v>441</v>
      </c>
      <c r="CW27" s="73">
        <v>623</v>
      </c>
      <c r="CX27" s="123">
        <v>228</v>
      </c>
      <c r="CY27" s="82">
        <v>151</v>
      </c>
      <c r="CZ27" s="83">
        <v>379</v>
      </c>
      <c r="DA27" s="241"/>
      <c r="DB27" s="82">
        <v>282</v>
      </c>
      <c r="DC27" s="82">
        <v>178</v>
      </c>
      <c r="DD27" s="82">
        <v>170</v>
      </c>
      <c r="DE27" s="82">
        <v>172</v>
      </c>
      <c r="DF27" s="82">
        <v>117</v>
      </c>
      <c r="DG27" s="84">
        <v>919</v>
      </c>
      <c r="DH27" s="85">
        <v>1298</v>
      </c>
      <c r="DI27" s="70">
        <v>6</v>
      </c>
      <c r="DJ27" s="71">
        <v>3</v>
      </c>
      <c r="DK27" s="72">
        <v>9</v>
      </c>
      <c r="DL27" s="244"/>
      <c r="DM27" s="71">
        <v>1</v>
      </c>
      <c r="DN27" s="71">
        <v>5</v>
      </c>
      <c r="DO27" s="71">
        <v>4</v>
      </c>
      <c r="DP27" s="71">
        <v>2</v>
      </c>
      <c r="DQ27" s="71">
        <v>2</v>
      </c>
      <c r="DR27" s="72">
        <v>14</v>
      </c>
      <c r="DS27" s="73">
        <v>23</v>
      </c>
      <c r="DT27" s="70">
        <v>16</v>
      </c>
      <c r="DU27" s="71">
        <v>7</v>
      </c>
      <c r="DV27" s="72">
        <v>23</v>
      </c>
      <c r="DW27" s="244"/>
      <c r="DX27" s="71">
        <v>6</v>
      </c>
      <c r="DY27" s="71">
        <v>4</v>
      </c>
      <c r="DZ27" s="71">
        <v>7</v>
      </c>
      <c r="EA27" s="71">
        <v>4</v>
      </c>
      <c r="EB27" s="71">
        <v>4</v>
      </c>
      <c r="EC27" s="72">
        <v>25</v>
      </c>
      <c r="ED27" s="73">
        <v>48</v>
      </c>
      <c r="EE27" s="70">
        <v>29</v>
      </c>
      <c r="EF27" s="71">
        <v>26</v>
      </c>
      <c r="EG27" s="72">
        <v>55</v>
      </c>
      <c r="EH27" s="244"/>
      <c r="EI27" s="71">
        <v>29</v>
      </c>
      <c r="EJ27" s="71">
        <v>19</v>
      </c>
      <c r="EK27" s="71">
        <v>18</v>
      </c>
      <c r="EL27" s="71">
        <v>13</v>
      </c>
      <c r="EM27" s="71">
        <v>3</v>
      </c>
      <c r="EN27" s="72">
        <v>82</v>
      </c>
      <c r="EO27" s="73">
        <v>137</v>
      </c>
      <c r="EP27" s="70">
        <v>59</v>
      </c>
      <c r="EQ27" s="71">
        <v>35</v>
      </c>
      <c r="ER27" s="72">
        <v>94</v>
      </c>
      <c r="ES27" s="244"/>
      <c r="ET27" s="71">
        <v>72</v>
      </c>
      <c r="EU27" s="71">
        <v>33</v>
      </c>
      <c r="EV27" s="71">
        <v>16</v>
      </c>
      <c r="EW27" s="71">
        <v>30</v>
      </c>
      <c r="EX27" s="71">
        <v>20</v>
      </c>
      <c r="EY27" s="72">
        <v>171</v>
      </c>
      <c r="EZ27" s="73">
        <v>265</v>
      </c>
      <c r="FA27" s="70">
        <v>68</v>
      </c>
      <c r="FB27" s="71">
        <v>51</v>
      </c>
      <c r="FC27" s="72">
        <v>119</v>
      </c>
      <c r="FD27" s="244"/>
      <c r="FE27" s="71">
        <v>81</v>
      </c>
      <c r="FF27" s="71">
        <v>56</v>
      </c>
      <c r="FG27" s="71">
        <v>45</v>
      </c>
      <c r="FH27" s="71">
        <v>37</v>
      </c>
      <c r="FI27" s="71">
        <v>29</v>
      </c>
      <c r="FJ27" s="72">
        <v>248</v>
      </c>
      <c r="FK27" s="73">
        <v>367</v>
      </c>
      <c r="FL27" s="70">
        <v>50</v>
      </c>
      <c r="FM27" s="71">
        <v>29</v>
      </c>
      <c r="FN27" s="72">
        <v>79</v>
      </c>
      <c r="FO27" s="244"/>
      <c r="FP27" s="71">
        <v>93</v>
      </c>
      <c r="FQ27" s="71">
        <v>61</v>
      </c>
      <c r="FR27" s="71">
        <v>80</v>
      </c>
      <c r="FS27" s="71">
        <v>86</v>
      </c>
      <c r="FT27" s="71">
        <v>59</v>
      </c>
      <c r="FU27" s="72">
        <v>379</v>
      </c>
      <c r="FV27" s="73">
        <v>458</v>
      </c>
      <c r="FW27" s="70">
        <v>1</v>
      </c>
      <c r="FX27" s="71">
        <v>2</v>
      </c>
      <c r="FY27" s="72">
        <v>3</v>
      </c>
      <c r="FZ27" s="244"/>
      <c r="GA27" s="71">
        <v>2</v>
      </c>
      <c r="GB27" s="71">
        <v>4</v>
      </c>
      <c r="GC27" s="71">
        <v>3</v>
      </c>
      <c r="GD27" s="71">
        <v>1</v>
      </c>
      <c r="GE27" s="71">
        <v>2</v>
      </c>
      <c r="GF27" s="72">
        <v>12</v>
      </c>
      <c r="GG27" s="73">
        <v>15</v>
      </c>
      <c r="GH27" s="70">
        <v>229</v>
      </c>
      <c r="GI27" s="71">
        <v>153</v>
      </c>
      <c r="GJ27" s="72">
        <v>382</v>
      </c>
      <c r="GK27" s="244"/>
      <c r="GL27" s="71">
        <v>284</v>
      </c>
      <c r="GM27" s="71">
        <v>182</v>
      </c>
      <c r="GN27" s="71">
        <v>173</v>
      </c>
      <c r="GO27" s="71">
        <v>173</v>
      </c>
      <c r="GP27" s="71">
        <v>119</v>
      </c>
      <c r="GQ27" s="72">
        <v>931</v>
      </c>
      <c r="GR27" s="73">
        <v>1313</v>
      </c>
      <c r="GS27" s="123">
        <v>332</v>
      </c>
      <c r="GT27" s="82">
        <v>222</v>
      </c>
      <c r="GU27" s="83">
        <v>554</v>
      </c>
      <c r="GV27" s="241"/>
      <c r="GW27" s="82">
        <v>433</v>
      </c>
      <c r="GX27" s="82">
        <v>271</v>
      </c>
      <c r="GY27" s="82">
        <v>240</v>
      </c>
      <c r="GZ27" s="82">
        <v>229</v>
      </c>
      <c r="HA27" s="82">
        <v>174</v>
      </c>
      <c r="HB27" s="84">
        <v>1347</v>
      </c>
      <c r="HC27" s="85">
        <v>1901</v>
      </c>
      <c r="HD27" s="70">
        <v>9</v>
      </c>
      <c r="HE27" s="71">
        <v>5</v>
      </c>
      <c r="HF27" s="72">
        <v>14</v>
      </c>
      <c r="HG27" s="244"/>
      <c r="HH27" s="71">
        <v>8</v>
      </c>
      <c r="HI27" s="71">
        <v>9</v>
      </c>
      <c r="HJ27" s="71">
        <v>7</v>
      </c>
      <c r="HK27" s="71">
        <v>3</v>
      </c>
      <c r="HL27" s="71">
        <v>7</v>
      </c>
      <c r="HM27" s="72">
        <v>34</v>
      </c>
      <c r="HN27" s="73">
        <v>48</v>
      </c>
      <c r="HO27" s="70">
        <v>23</v>
      </c>
      <c r="HP27" s="71">
        <v>9</v>
      </c>
      <c r="HQ27" s="72">
        <v>32</v>
      </c>
      <c r="HR27" s="244"/>
      <c r="HS27" s="71">
        <v>21</v>
      </c>
      <c r="HT27" s="71">
        <v>16</v>
      </c>
      <c r="HU27" s="71">
        <v>9</v>
      </c>
      <c r="HV27" s="71">
        <v>9</v>
      </c>
      <c r="HW27" s="71">
        <v>10</v>
      </c>
      <c r="HX27" s="72">
        <v>65</v>
      </c>
      <c r="HY27" s="73">
        <v>97</v>
      </c>
      <c r="HZ27" s="70">
        <v>45</v>
      </c>
      <c r="IA27" s="71">
        <v>38</v>
      </c>
      <c r="IB27" s="72">
        <v>83</v>
      </c>
      <c r="IC27" s="244"/>
      <c r="ID27" s="71">
        <v>48</v>
      </c>
      <c r="IE27" s="71">
        <v>32</v>
      </c>
      <c r="IF27" s="71">
        <v>31</v>
      </c>
      <c r="IG27" s="71">
        <v>18</v>
      </c>
      <c r="IH27" s="71">
        <v>8</v>
      </c>
      <c r="II27" s="72">
        <v>137</v>
      </c>
      <c r="IJ27" s="73">
        <v>220</v>
      </c>
      <c r="IK27" s="70">
        <v>79</v>
      </c>
      <c r="IL27" s="71">
        <v>51</v>
      </c>
      <c r="IM27" s="72">
        <v>130</v>
      </c>
      <c r="IN27" s="244"/>
      <c r="IO27" s="71">
        <v>106</v>
      </c>
      <c r="IP27" s="71">
        <v>48</v>
      </c>
      <c r="IQ27" s="71">
        <v>28</v>
      </c>
      <c r="IR27" s="71">
        <v>44</v>
      </c>
      <c r="IS27" s="71">
        <v>35</v>
      </c>
      <c r="IT27" s="72">
        <v>261</v>
      </c>
      <c r="IU27" s="73">
        <v>391</v>
      </c>
      <c r="IV27" s="70">
        <v>99</v>
      </c>
      <c r="IW27" s="71">
        <v>74</v>
      </c>
      <c r="IX27" s="72">
        <v>173</v>
      </c>
      <c r="IY27" s="244"/>
      <c r="IZ27" s="71">
        <v>123</v>
      </c>
      <c r="JA27" s="71">
        <v>88</v>
      </c>
      <c r="JB27" s="71">
        <v>62</v>
      </c>
      <c r="JC27" s="71">
        <v>57</v>
      </c>
      <c r="JD27" s="71">
        <v>44</v>
      </c>
      <c r="JE27" s="72">
        <v>374</v>
      </c>
      <c r="JF27" s="73">
        <v>547</v>
      </c>
      <c r="JG27" s="70">
        <v>77</v>
      </c>
      <c r="JH27" s="71">
        <v>45</v>
      </c>
      <c r="JI27" s="72">
        <v>122</v>
      </c>
      <c r="JJ27" s="244"/>
      <c r="JK27" s="71">
        <v>127</v>
      </c>
      <c r="JL27" s="71">
        <v>78</v>
      </c>
      <c r="JM27" s="71">
        <v>103</v>
      </c>
      <c r="JN27" s="71">
        <v>98</v>
      </c>
      <c r="JO27" s="71">
        <v>70</v>
      </c>
      <c r="JP27" s="72">
        <v>476</v>
      </c>
      <c r="JQ27" s="73">
        <v>598</v>
      </c>
      <c r="JR27" s="70">
        <v>5</v>
      </c>
      <c r="JS27" s="71">
        <v>5</v>
      </c>
      <c r="JT27" s="72">
        <v>10</v>
      </c>
      <c r="JU27" s="244"/>
      <c r="JV27" s="71">
        <v>4</v>
      </c>
      <c r="JW27" s="71">
        <v>9</v>
      </c>
      <c r="JX27" s="71">
        <v>4</v>
      </c>
      <c r="JY27" s="71">
        <v>4</v>
      </c>
      <c r="JZ27" s="71">
        <v>4</v>
      </c>
      <c r="KA27" s="72">
        <v>25</v>
      </c>
      <c r="KB27" s="73">
        <v>35</v>
      </c>
      <c r="KC27" s="70">
        <v>337</v>
      </c>
      <c r="KD27" s="71">
        <v>227</v>
      </c>
      <c r="KE27" s="72">
        <v>564</v>
      </c>
      <c r="KF27" s="244"/>
      <c r="KG27" s="71">
        <v>437</v>
      </c>
      <c r="KH27" s="71">
        <v>280</v>
      </c>
      <c r="KI27" s="71">
        <v>244</v>
      </c>
      <c r="KJ27" s="71">
        <v>233</v>
      </c>
      <c r="KK27" s="71">
        <v>178</v>
      </c>
      <c r="KL27" s="72">
        <v>1372</v>
      </c>
      <c r="KM27" s="73">
        <v>1936</v>
      </c>
    </row>
    <row r="28" spans="2:299" ht="21" customHeight="1" x14ac:dyDescent="0.2">
      <c r="B28" s="126" t="s">
        <v>25</v>
      </c>
      <c r="C28" s="315">
        <v>111</v>
      </c>
      <c r="D28" s="82">
        <v>100</v>
      </c>
      <c r="E28" s="83">
        <v>211</v>
      </c>
      <c r="F28" s="241"/>
      <c r="G28" s="82">
        <v>188</v>
      </c>
      <c r="H28" s="82">
        <v>129</v>
      </c>
      <c r="I28" s="82">
        <v>100</v>
      </c>
      <c r="J28" s="82">
        <v>98</v>
      </c>
      <c r="K28" s="82">
        <v>59</v>
      </c>
      <c r="L28" s="84">
        <v>574</v>
      </c>
      <c r="M28" s="85">
        <v>785</v>
      </c>
      <c r="N28" s="70">
        <v>3</v>
      </c>
      <c r="O28" s="71">
        <v>6</v>
      </c>
      <c r="P28" s="72">
        <v>9</v>
      </c>
      <c r="Q28" s="244"/>
      <c r="R28" s="71">
        <v>4</v>
      </c>
      <c r="S28" s="71">
        <v>7</v>
      </c>
      <c r="T28" s="71">
        <v>3</v>
      </c>
      <c r="U28" s="71">
        <v>5</v>
      </c>
      <c r="V28" s="71">
        <v>1</v>
      </c>
      <c r="W28" s="72">
        <v>20</v>
      </c>
      <c r="X28" s="73">
        <v>29</v>
      </c>
      <c r="Y28" s="70">
        <v>17</v>
      </c>
      <c r="Z28" s="71">
        <v>10</v>
      </c>
      <c r="AA28" s="72">
        <v>27</v>
      </c>
      <c r="AB28" s="244"/>
      <c r="AC28" s="71">
        <v>19</v>
      </c>
      <c r="AD28" s="71">
        <v>21</v>
      </c>
      <c r="AE28" s="71">
        <v>11</v>
      </c>
      <c r="AF28" s="71">
        <v>11</v>
      </c>
      <c r="AG28" s="71">
        <v>5</v>
      </c>
      <c r="AH28" s="72">
        <v>67</v>
      </c>
      <c r="AI28" s="73">
        <v>94</v>
      </c>
      <c r="AJ28" s="70">
        <v>20</v>
      </c>
      <c r="AK28" s="71">
        <v>21</v>
      </c>
      <c r="AL28" s="72">
        <v>41</v>
      </c>
      <c r="AM28" s="244"/>
      <c r="AN28" s="71">
        <v>32</v>
      </c>
      <c r="AO28" s="71">
        <v>20</v>
      </c>
      <c r="AP28" s="71">
        <v>17</v>
      </c>
      <c r="AQ28" s="71">
        <v>21</v>
      </c>
      <c r="AR28" s="71">
        <v>12</v>
      </c>
      <c r="AS28" s="72">
        <v>102</v>
      </c>
      <c r="AT28" s="73">
        <v>143</v>
      </c>
      <c r="AU28" s="70">
        <v>33</v>
      </c>
      <c r="AV28" s="71">
        <v>31</v>
      </c>
      <c r="AW28" s="72">
        <v>64</v>
      </c>
      <c r="AX28" s="244"/>
      <c r="AY28" s="71">
        <v>56</v>
      </c>
      <c r="AZ28" s="71">
        <v>34</v>
      </c>
      <c r="BA28" s="71">
        <v>27</v>
      </c>
      <c r="BB28" s="71">
        <v>32</v>
      </c>
      <c r="BC28" s="71">
        <v>18</v>
      </c>
      <c r="BD28" s="72">
        <v>167</v>
      </c>
      <c r="BE28" s="73">
        <v>231</v>
      </c>
      <c r="BF28" s="70">
        <v>23</v>
      </c>
      <c r="BG28" s="71">
        <v>22</v>
      </c>
      <c r="BH28" s="72">
        <v>45</v>
      </c>
      <c r="BI28" s="244"/>
      <c r="BJ28" s="71">
        <v>49</v>
      </c>
      <c r="BK28" s="71">
        <v>33</v>
      </c>
      <c r="BL28" s="71">
        <v>24</v>
      </c>
      <c r="BM28" s="71">
        <v>21</v>
      </c>
      <c r="BN28" s="71">
        <v>15</v>
      </c>
      <c r="BO28" s="72">
        <v>142</v>
      </c>
      <c r="BP28" s="73">
        <v>187</v>
      </c>
      <c r="BQ28" s="70">
        <v>15</v>
      </c>
      <c r="BR28" s="71">
        <v>10</v>
      </c>
      <c r="BS28" s="72">
        <v>25</v>
      </c>
      <c r="BT28" s="244"/>
      <c r="BU28" s="71">
        <v>28</v>
      </c>
      <c r="BV28" s="71">
        <v>14</v>
      </c>
      <c r="BW28" s="71">
        <v>18</v>
      </c>
      <c r="BX28" s="71">
        <v>8</v>
      </c>
      <c r="BY28" s="71">
        <v>8</v>
      </c>
      <c r="BZ28" s="72">
        <v>76</v>
      </c>
      <c r="CA28" s="73">
        <v>101</v>
      </c>
      <c r="CB28" s="70">
        <v>1</v>
      </c>
      <c r="CC28" s="71">
        <v>2</v>
      </c>
      <c r="CD28" s="72">
        <v>3</v>
      </c>
      <c r="CE28" s="244"/>
      <c r="CF28" s="71">
        <v>4</v>
      </c>
      <c r="CG28" s="71">
        <v>10</v>
      </c>
      <c r="CH28" s="71">
        <v>2</v>
      </c>
      <c r="CI28" s="71">
        <v>3</v>
      </c>
      <c r="CJ28" s="71">
        <v>3</v>
      </c>
      <c r="CK28" s="72">
        <v>22</v>
      </c>
      <c r="CL28" s="73">
        <v>25</v>
      </c>
      <c r="CM28" s="70">
        <v>112</v>
      </c>
      <c r="CN28" s="71">
        <v>102</v>
      </c>
      <c r="CO28" s="72">
        <v>214</v>
      </c>
      <c r="CP28" s="244"/>
      <c r="CQ28" s="71">
        <v>192</v>
      </c>
      <c r="CR28" s="71">
        <v>139</v>
      </c>
      <c r="CS28" s="71">
        <v>102</v>
      </c>
      <c r="CT28" s="71">
        <v>101</v>
      </c>
      <c r="CU28" s="71">
        <v>62</v>
      </c>
      <c r="CV28" s="72">
        <v>596</v>
      </c>
      <c r="CW28" s="73">
        <v>810</v>
      </c>
      <c r="CX28" s="123">
        <v>184</v>
      </c>
      <c r="CY28" s="82">
        <v>213</v>
      </c>
      <c r="CZ28" s="83">
        <v>397</v>
      </c>
      <c r="DA28" s="241"/>
      <c r="DB28" s="82">
        <v>300</v>
      </c>
      <c r="DC28" s="82">
        <v>223</v>
      </c>
      <c r="DD28" s="82">
        <v>157</v>
      </c>
      <c r="DE28" s="82">
        <v>178</v>
      </c>
      <c r="DF28" s="82">
        <v>106</v>
      </c>
      <c r="DG28" s="84">
        <v>964</v>
      </c>
      <c r="DH28" s="85">
        <v>1361</v>
      </c>
      <c r="DI28" s="70">
        <v>4</v>
      </c>
      <c r="DJ28" s="71">
        <v>7</v>
      </c>
      <c r="DK28" s="72">
        <v>11</v>
      </c>
      <c r="DL28" s="244"/>
      <c r="DM28" s="71">
        <v>10</v>
      </c>
      <c r="DN28" s="71">
        <v>8</v>
      </c>
      <c r="DO28" s="71">
        <v>2</v>
      </c>
      <c r="DP28" s="71">
        <v>5</v>
      </c>
      <c r="DQ28" s="71">
        <v>2</v>
      </c>
      <c r="DR28" s="72">
        <v>27</v>
      </c>
      <c r="DS28" s="73">
        <v>38</v>
      </c>
      <c r="DT28" s="70">
        <v>19</v>
      </c>
      <c r="DU28" s="71">
        <v>19</v>
      </c>
      <c r="DV28" s="72">
        <v>38</v>
      </c>
      <c r="DW28" s="244"/>
      <c r="DX28" s="71">
        <v>24</v>
      </c>
      <c r="DY28" s="71">
        <v>14</v>
      </c>
      <c r="DZ28" s="71">
        <v>13</v>
      </c>
      <c r="EA28" s="71">
        <v>8</v>
      </c>
      <c r="EB28" s="71">
        <v>11</v>
      </c>
      <c r="EC28" s="72">
        <v>70</v>
      </c>
      <c r="ED28" s="73">
        <v>108</v>
      </c>
      <c r="EE28" s="70">
        <v>32</v>
      </c>
      <c r="EF28" s="71">
        <v>30</v>
      </c>
      <c r="EG28" s="72">
        <v>62</v>
      </c>
      <c r="EH28" s="244"/>
      <c r="EI28" s="71">
        <v>47</v>
      </c>
      <c r="EJ28" s="71">
        <v>27</v>
      </c>
      <c r="EK28" s="71">
        <v>28</v>
      </c>
      <c r="EL28" s="71">
        <v>20</v>
      </c>
      <c r="EM28" s="71">
        <v>14</v>
      </c>
      <c r="EN28" s="72">
        <v>136</v>
      </c>
      <c r="EO28" s="73">
        <v>198</v>
      </c>
      <c r="EP28" s="70">
        <v>55</v>
      </c>
      <c r="EQ28" s="71">
        <v>61</v>
      </c>
      <c r="ER28" s="72">
        <v>116</v>
      </c>
      <c r="ES28" s="244"/>
      <c r="ET28" s="71">
        <v>69</v>
      </c>
      <c r="EU28" s="71">
        <v>48</v>
      </c>
      <c r="EV28" s="71">
        <v>26</v>
      </c>
      <c r="EW28" s="71">
        <v>34</v>
      </c>
      <c r="EX28" s="71">
        <v>11</v>
      </c>
      <c r="EY28" s="72">
        <v>188</v>
      </c>
      <c r="EZ28" s="73">
        <v>304</v>
      </c>
      <c r="FA28" s="70">
        <v>48</v>
      </c>
      <c r="FB28" s="71">
        <v>58</v>
      </c>
      <c r="FC28" s="72">
        <v>106</v>
      </c>
      <c r="FD28" s="244"/>
      <c r="FE28" s="71">
        <v>86</v>
      </c>
      <c r="FF28" s="71">
        <v>65</v>
      </c>
      <c r="FG28" s="71">
        <v>44</v>
      </c>
      <c r="FH28" s="71">
        <v>49</v>
      </c>
      <c r="FI28" s="71">
        <v>37</v>
      </c>
      <c r="FJ28" s="72">
        <v>281</v>
      </c>
      <c r="FK28" s="73">
        <v>387</v>
      </c>
      <c r="FL28" s="70">
        <v>26</v>
      </c>
      <c r="FM28" s="71">
        <v>38</v>
      </c>
      <c r="FN28" s="72">
        <v>64</v>
      </c>
      <c r="FO28" s="244"/>
      <c r="FP28" s="71">
        <v>64</v>
      </c>
      <c r="FQ28" s="71">
        <v>61</v>
      </c>
      <c r="FR28" s="71">
        <v>44</v>
      </c>
      <c r="FS28" s="71">
        <v>62</v>
      </c>
      <c r="FT28" s="71">
        <v>31</v>
      </c>
      <c r="FU28" s="72">
        <v>262</v>
      </c>
      <c r="FV28" s="73">
        <v>326</v>
      </c>
      <c r="FW28" s="70">
        <v>2</v>
      </c>
      <c r="FX28" s="71">
        <v>5</v>
      </c>
      <c r="FY28" s="72">
        <v>7</v>
      </c>
      <c r="FZ28" s="244"/>
      <c r="GA28" s="71">
        <v>3</v>
      </c>
      <c r="GB28" s="71">
        <v>3</v>
      </c>
      <c r="GC28" s="71">
        <v>3</v>
      </c>
      <c r="GD28" s="71">
        <v>2</v>
      </c>
      <c r="GE28" s="71">
        <v>5</v>
      </c>
      <c r="GF28" s="72">
        <v>16</v>
      </c>
      <c r="GG28" s="73">
        <v>23</v>
      </c>
      <c r="GH28" s="70">
        <v>186</v>
      </c>
      <c r="GI28" s="71">
        <v>218</v>
      </c>
      <c r="GJ28" s="72">
        <v>404</v>
      </c>
      <c r="GK28" s="244"/>
      <c r="GL28" s="71">
        <v>303</v>
      </c>
      <c r="GM28" s="71">
        <v>226</v>
      </c>
      <c r="GN28" s="71">
        <v>160</v>
      </c>
      <c r="GO28" s="71">
        <v>180</v>
      </c>
      <c r="GP28" s="71">
        <v>111</v>
      </c>
      <c r="GQ28" s="72">
        <v>980</v>
      </c>
      <c r="GR28" s="73">
        <v>1384</v>
      </c>
      <c r="GS28" s="123">
        <v>295</v>
      </c>
      <c r="GT28" s="82">
        <v>313</v>
      </c>
      <c r="GU28" s="83">
        <v>608</v>
      </c>
      <c r="GV28" s="241"/>
      <c r="GW28" s="82">
        <v>488</v>
      </c>
      <c r="GX28" s="82">
        <v>352</v>
      </c>
      <c r="GY28" s="82">
        <v>257</v>
      </c>
      <c r="GZ28" s="82">
        <v>276</v>
      </c>
      <c r="HA28" s="82">
        <v>165</v>
      </c>
      <c r="HB28" s="84">
        <v>1538</v>
      </c>
      <c r="HC28" s="85">
        <v>2146</v>
      </c>
      <c r="HD28" s="70">
        <v>7</v>
      </c>
      <c r="HE28" s="71">
        <v>13</v>
      </c>
      <c r="HF28" s="72">
        <v>20</v>
      </c>
      <c r="HG28" s="244"/>
      <c r="HH28" s="71">
        <v>14</v>
      </c>
      <c r="HI28" s="71">
        <v>15</v>
      </c>
      <c r="HJ28" s="71">
        <v>5</v>
      </c>
      <c r="HK28" s="71">
        <v>10</v>
      </c>
      <c r="HL28" s="71">
        <v>3</v>
      </c>
      <c r="HM28" s="72">
        <v>47</v>
      </c>
      <c r="HN28" s="73">
        <v>67</v>
      </c>
      <c r="HO28" s="70">
        <v>36</v>
      </c>
      <c r="HP28" s="71">
        <v>29</v>
      </c>
      <c r="HQ28" s="72">
        <v>65</v>
      </c>
      <c r="HR28" s="244"/>
      <c r="HS28" s="71">
        <v>43</v>
      </c>
      <c r="HT28" s="71">
        <v>35</v>
      </c>
      <c r="HU28" s="71">
        <v>24</v>
      </c>
      <c r="HV28" s="71">
        <v>19</v>
      </c>
      <c r="HW28" s="71">
        <v>16</v>
      </c>
      <c r="HX28" s="72">
        <v>137</v>
      </c>
      <c r="HY28" s="73">
        <v>202</v>
      </c>
      <c r="HZ28" s="70">
        <v>52</v>
      </c>
      <c r="IA28" s="71">
        <v>51</v>
      </c>
      <c r="IB28" s="72">
        <v>103</v>
      </c>
      <c r="IC28" s="244"/>
      <c r="ID28" s="71">
        <v>79</v>
      </c>
      <c r="IE28" s="71">
        <v>47</v>
      </c>
      <c r="IF28" s="71">
        <v>45</v>
      </c>
      <c r="IG28" s="71">
        <v>41</v>
      </c>
      <c r="IH28" s="71">
        <v>26</v>
      </c>
      <c r="II28" s="72">
        <v>238</v>
      </c>
      <c r="IJ28" s="73">
        <v>341</v>
      </c>
      <c r="IK28" s="70">
        <v>88</v>
      </c>
      <c r="IL28" s="71">
        <v>92</v>
      </c>
      <c r="IM28" s="72">
        <v>180</v>
      </c>
      <c r="IN28" s="244"/>
      <c r="IO28" s="71">
        <v>125</v>
      </c>
      <c r="IP28" s="71">
        <v>82</v>
      </c>
      <c r="IQ28" s="71">
        <v>53</v>
      </c>
      <c r="IR28" s="71">
        <v>66</v>
      </c>
      <c r="IS28" s="71">
        <v>29</v>
      </c>
      <c r="IT28" s="72">
        <v>355</v>
      </c>
      <c r="IU28" s="73">
        <v>535</v>
      </c>
      <c r="IV28" s="70">
        <v>71</v>
      </c>
      <c r="IW28" s="71">
        <v>80</v>
      </c>
      <c r="IX28" s="72">
        <v>151</v>
      </c>
      <c r="IY28" s="244"/>
      <c r="IZ28" s="71">
        <v>135</v>
      </c>
      <c r="JA28" s="71">
        <v>98</v>
      </c>
      <c r="JB28" s="71">
        <v>68</v>
      </c>
      <c r="JC28" s="71">
        <v>70</v>
      </c>
      <c r="JD28" s="71">
        <v>52</v>
      </c>
      <c r="JE28" s="72">
        <v>423</v>
      </c>
      <c r="JF28" s="73">
        <v>574</v>
      </c>
      <c r="JG28" s="70">
        <v>41</v>
      </c>
      <c r="JH28" s="71">
        <v>48</v>
      </c>
      <c r="JI28" s="72">
        <v>89</v>
      </c>
      <c r="JJ28" s="244"/>
      <c r="JK28" s="71">
        <v>92</v>
      </c>
      <c r="JL28" s="71">
        <v>75</v>
      </c>
      <c r="JM28" s="71">
        <v>62</v>
      </c>
      <c r="JN28" s="71">
        <v>70</v>
      </c>
      <c r="JO28" s="71">
        <v>39</v>
      </c>
      <c r="JP28" s="72">
        <v>338</v>
      </c>
      <c r="JQ28" s="73">
        <v>427</v>
      </c>
      <c r="JR28" s="70">
        <v>3</v>
      </c>
      <c r="JS28" s="71">
        <v>7</v>
      </c>
      <c r="JT28" s="72">
        <v>10</v>
      </c>
      <c r="JU28" s="244"/>
      <c r="JV28" s="71">
        <v>7</v>
      </c>
      <c r="JW28" s="71">
        <v>13</v>
      </c>
      <c r="JX28" s="71">
        <v>5</v>
      </c>
      <c r="JY28" s="71">
        <v>5</v>
      </c>
      <c r="JZ28" s="71">
        <v>8</v>
      </c>
      <c r="KA28" s="72">
        <v>38</v>
      </c>
      <c r="KB28" s="73">
        <v>48</v>
      </c>
      <c r="KC28" s="70">
        <v>298</v>
      </c>
      <c r="KD28" s="71">
        <v>320</v>
      </c>
      <c r="KE28" s="72">
        <v>618</v>
      </c>
      <c r="KF28" s="244"/>
      <c r="KG28" s="71">
        <v>495</v>
      </c>
      <c r="KH28" s="71">
        <v>365</v>
      </c>
      <c r="KI28" s="71">
        <v>262</v>
      </c>
      <c r="KJ28" s="71">
        <v>281</v>
      </c>
      <c r="KK28" s="71">
        <v>173</v>
      </c>
      <c r="KL28" s="72">
        <v>1576</v>
      </c>
      <c r="KM28" s="73">
        <v>2194</v>
      </c>
    </row>
    <row r="29" spans="2:299" ht="21" customHeight="1" x14ac:dyDescent="0.2">
      <c r="B29" s="126" t="s">
        <v>26</v>
      </c>
      <c r="C29" s="315">
        <v>99</v>
      </c>
      <c r="D29" s="82">
        <v>58</v>
      </c>
      <c r="E29" s="83">
        <v>157</v>
      </c>
      <c r="F29" s="241"/>
      <c r="G29" s="82">
        <v>140</v>
      </c>
      <c r="H29" s="82">
        <v>121</v>
      </c>
      <c r="I29" s="82">
        <v>85</v>
      </c>
      <c r="J29" s="82">
        <v>67</v>
      </c>
      <c r="K29" s="82">
        <v>34</v>
      </c>
      <c r="L29" s="84">
        <v>447</v>
      </c>
      <c r="M29" s="85">
        <v>604</v>
      </c>
      <c r="N29" s="70">
        <v>3</v>
      </c>
      <c r="O29" s="71">
        <v>2</v>
      </c>
      <c r="P29" s="72">
        <v>5</v>
      </c>
      <c r="Q29" s="244"/>
      <c r="R29" s="71">
        <v>6</v>
      </c>
      <c r="S29" s="71">
        <v>3</v>
      </c>
      <c r="T29" s="71">
        <v>4</v>
      </c>
      <c r="U29" s="71">
        <v>6</v>
      </c>
      <c r="V29" s="71">
        <v>3</v>
      </c>
      <c r="W29" s="72">
        <v>22</v>
      </c>
      <c r="X29" s="73">
        <v>27</v>
      </c>
      <c r="Y29" s="70">
        <v>11</v>
      </c>
      <c r="Z29" s="71">
        <v>4</v>
      </c>
      <c r="AA29" s="72">
        <v>15</v>
      </c>
      <c r="AB29" s="244"/>
      <c r="AC29" s="71">
        <v>9</v>
      </c>
      <c r="AD29" s="71">
        <v>11</v>
      </c>
      <c r="AE29" s="71">
        <v>10</v>
      </c>
      <c r="AF29" s="71">
        <v>6</v>
      </c>
      <c r="AG29" s="71">
        <v>5</v>
      </c>
      <c r="AH29" s="72">
        <v>41</v>
      </c>
      <c r="AI29" s="73">
        <v>56</v>
      </c>
      <c r="AJ29" s="70">
        <v>16</v>
      </c>
      <c r="AK29" s="71">
        <v>7</v>
      </c>
      <c r="AL29" s="72">
        <v>23</v>
      </c>
      <c r="AM29" s="244"/>
      <c r="AN29" s="71">
        <v>16</v>
      </c>
      <c r="AO29" s="71">
        <v>14</v>
      </c>
      <c r="AP29" s="71">
        <v>19</v>
      </c>
      <c r="AQ29" s="71">
        <v>8</v>
      </c>
      <c r="AR29" s="71">
        <v>5</v>
      </c>
      <c r="AS29" s="72">
        <v>62</v>
      </c>
      <c r="AT29" s="73">
        <v>85</v>
      </c>
      <c r="AU29" s="70">
        <v>24</v>
      </c>
      <c r="AV29" s="71">
        <v>16</v>
      </c>
      <c r="AW29" s="72">
        <v>40</v>
      </c>
      <c r="AX29" s="244"/>
      <c r="AY29" s="71">
        <v>51</v>
      </c>
      <c r="AZ29" s="71">
        <v>33</v>
      </c>
      <c r="BA29" s="71">
        <v>16</v>
      </c>
      <c r="BB29" s="71">
        <v>14</v>
      </c>
      <c r="BC29" s="71">
        <v>5</v>
      </c>
      <c r="BD29" s="72">
        <v>119</v>
      </c>
      <c r="BE29" s="73">
        <v>159</v>
      </c>
      <c r="BF29" s="70">
        <v>27</v>
      </c>
      <c r="BG29" s="71">
        <v>16</v>
      </c>
      <c r="BH29" s="72">
        <v>43</v>
      </c>
      <c r="BI29" s="244"/>
      <c r="BJ29" s="71">
        <v>28</v>
      </c>
      <c r="BK29" s="71">
        <v>37</v>
      </c>
      <c r="BL29" s="71">
        <v>24</v>
      </c>
      <c r="BM29" s="71">
        <v>22</v>
      </c>
      <c r="BN29" s="71">
        <v>9</v>
      </c>
      <c r="BO29" s="72">
        <v>120</v>
      </c>
      <c r="BP29" s="73">
        <v>163</v>
      </c>
      <c r="BQ29" s="70">
        <v>18</v>
      </c>
      <c r="BR29" s="71">
        <v>13</v>
      </c>
      <c r="BS29" s="72">
        <v>31</v>
      </c>
      <c r="BT29" s="244"/>
      <c r="BU29" s="71">
        <v>30</v>
      </c>
      <c r="BV29" s="71">
        <v>23</v>
      </c>
      <c r="BW29" s="71">
        <v>12</v>
      </c>
      <c r="BX29" s="71">
        <v>11</v>
      </c>
      <c r="BY29" s="71">
        <v>7</v>
      </c>
      <c r="BZ29" s="72">
        <v>83</v>
      </c>
      <c r="CA29" s="73">
        <v>114</v>
      </c>
      <c r="CB29" s="70">
        <v>3</v>
      </c>
      <c r="CC29" s="71">
        <v>0</v>
      </c>
      <c r="CD29" s="72">
        <v>3</v>
      </c>
      <c r="CE29" s="244"/>
      <c r="CF29" s="71">
        <v>5</v>
      </c>
      <c r="CG29" s="71">
        <v>3</v>
      </c>
      <c r="CH29" s="71">
        <v>3</v>
      </c>
      <c r="CI29" s="71">
        <v>2</v>
      </c>
      <c r="CJ29" s="71">
        <v>1</v>
      </c>
      <c r="CK29" s="72">
        <v>14</v>
      </c>
      <c r="CL29" s="73">
        <v>17</v>
      </c>
      <c r="CM29" s="70">
        <v>102</v>
      </c>
      <c r="CN29" s="71">
        <v>58</v>
      </c>
      <c r="CO29" s="72">
        <v>160</v>
      </c>
      <c r="CP29" s="244"/>
      <c r="CQ29" s="71">
        <v>145</v>
      </c>
      <c r="CR29" s="71">
        <v>124</v>
      </c>
      <c r="CS29" s="71">
        <v>88</v>
      </c>
      <c r="CT29" s="71">
        <v>69</v>
      </c>
      <c r="CU29" s="71">
        <v>35</v>
      </c>
      <c r="CV29" s="72">
        <v>461</v>
      </c>
      <c r="CW29" s="73">
        <v>621</v>
      </c>
      <c r="CX29" s="123">
        <v>178</v>
      </c>
      <c r="CY29" s="82">
        <v>192</v>
      </c>
      <c r="CZ29" s="83">
        <v>370</v>
      </c>
      <c r="DA29" s="241"/>
      <c r="DB29" s="82">
        <v>255</v>
      </c>
      <c r="DC29" s="82">
        <v>211</v>
      </c>
      <c r="DD29" s="82">
        <v>151</v>
      </c>
      <c r="DE29" s="82">
        <v>156</v>
      </c>
      <c r="DF29" s="82">
        <v>112</v>
      </c>
      <c r="DG29" s="84">
        <v>885</v>
      </c>
      <c r="DH29" s="85">
        <v>1255</v>
      </c>
      <c r="DI29" s="70">
        <v>3</v>
      </c>
      <c r="DJ29" s="71">
        <v>6</v>
      </c>
      <c r="DK29" s="72">
        <v>9</v>
      </c>
      <c r="DL29" s="244"/>
      <c r="DM29" s="71">
        <v>5</v>
      </c>
      <c r="DN29" s="71">
        <v>4</v>
      </c>
      <c r="DO29" s="71">
        <v>4</v>
      </c>
      <c r="DP29" s="71">
        <v>3</v>
      </c>
      <c r="DQ29" s="71">
        <v>2</v>
      </c>
      <c r="DR29" s="72">
        <v>18</v>
      </c>
      <c r="DS29" s="73">
        <v>27</v>
      </c>
      <c r="DT29" s="70">
        <v>11</v>
      </c>
      <c r="DU29" s="71">
        <v>10</v>
      </c>
      <c r="DV29" s="72">
        <v>21</v>
      </c>
      <c r="DW29" s="244"/>
      <c r="DX29" s="71">
        <v>14</v>
      </c>
      <c r="DY29" s="71">
        <v>8</v>
      </c>
      <c r="DZ29" s="71">
        <v>4</v>
      </c>
      <c r="EA29" s="71">
        <v>9</v>
      </c>
      <c r="EB29" s="71">
        <v>7</v>
      </c>
      <c r="EC29" s="72">
        <v>42</v>
      </c>
      <c r="ED29" s="73">
        <v>63</v>
      </c>
      <c r="EE29" s="70">
        <v>22</v>
      </c>
      <c r="EF29" s="71">
        <v>27</v>
      </c>
      <c r="EG29" s="72">
        <v>49</v>
      </c>
      <c r="EH29" s="244"/>
      <c r="EI29" s="71">
        <v>36</v>
      </c>
      <c r="EJ29" s="71">
        <v>23</v>
      </c>
      <c r="EK29" s="71">
        <v>11</v>
      </c>
      <c r="EL29" s="71">
        <v>13</v>
      </c>
      <c r="EM29" s="71">
        <v>7</v>
      </c>
      <c r="EN29" s="72">
        <v>90</v>
      </c>
      <c r="EO29" s="73">
        <v>139</v>
      </c>
      <c r="EP29" s="70">
        <v>53</v>
      </c>
      <c r="EQ29" s="71">
        <v>51</v>
      </c>
      <c r="ER29" s="72">
        <v>104</v>
      </c>
      <c r="ES29" s="244"/>
      <c r="ET29" s="71">
        <v>55</v>
      </c>
      <c r="EU29" s="71">
        <v>37</v>
      </c>
      <c r="EV29" s="71">
        <v>35</v>
      </c>
      <c r="EW29" s="71">
        <v>14</v>
      </c>
      <c r="EX29" s="71">
        <v>19</v>
      </c>
      <c r="EY29" s="72">
        <v>160</v>
      </c>
      <c r="EZ29" s="73">
        <v>264</v>
      </c>
      <c r="FA29" s="70">
        <v>59</v>
      </c>
      <c r="FB29" s="71">
        <v>62</v>
      </c>
      <c r="FC29" s="72">
        <v>121</v>
      </c>
      <c r="FD29" s="244"/>
      <c r="FE29" s="71">
        <v>70</v>
      </c>
      <c r="FF29" s="71">
        <v>59</v>
      </c>
      <c r="FG29" s="71">
        <v>36</v>
      </c>
      <c r="FH29" s="71">
        <v>36</v>
      </c>
      <c r="FI29" s="71">
        <v>20</v>
      </c>
      <c r="FJ29" s="72">
        <v>221</v>
      </c>
      <c r="FK29" s="73">
        <v>342</v>
      </c>
      <c r="FL29" s="70">
        <v>30</v>
      </c>
      <c r="FM29" s="71">
        <v>36</v>
      </c>
      <c r="FN29" s="72">
        <v>66</v>
      </c>
      <c r="FO29" s="244"/>
      <c r="FP29" s="71">
        <v>75</v>
      </c>
      <c r="FQ29" s="71">
        <v>80</v>
      </c>
      <c r="FR29" s="71">
        <v>61</v>
      </c>
      <c r="FS29" s="71">
        <v>81</v>
      </c>
      <c r="FT29" s="71">
        <v>57</v>
      </c>
      <c r="FU29" s="72">
        <v>354</v>
      </c>
      <c r="FV29" s="73">
        <v>420</v>
      </c>
      <c r="FW29" s="70">
        <v>0</v>
      </c>
      <c r="FX29" s="71">
        <v>2</v>
      </c>
      <c r="FY29" s="72">
        <v>2</v>
      </c>
      <c r="FZ29" s="244"/>
      <c r="GA29" s="71">
        <v>8</v>
      </c>
      <c r="GB29" s="71">
        <v>2</v>
      </c>
      <c r="GC29" s="71">
        <v>1</v>
      </c>
      <c r="GD29" s="71">
        <v>4</v>
      </c>
      <c r="GE29" s="71">
        <v>1</v>
      </c>
      <c r="GF29" s="72">
        <v>16</v>
      </c>
      <c r="GG29" s="73">
        <v>18</v>
      </c>
      <c r="GH29" s="70">
        <v>178</v>
      </c>
      <c r="GI29" s="71">
        <v>194</v>
      </c>
      <c r="GJ29" s="72">
        <v>372</v>
      </c>
      <c r="GK29" s="244"/>
      <c r="GL29" s="71">
        <v>263</v>
      </c>
      <c r="GM29" s="71">
        <v>213</v>
      </c>
      <c r="GN29" s="71">
        <v>152</v>
      </c>
      <c r="GO29" s="71">
        <v>160</v>
      </c>
      <c r="GP29" s="71">
        <v>113</v>
      </c>
      <c r="GQ29" s="72">
        <v>901</v>
      </c>
      <c r="GR29" s="73">
        <v>1273</v>
      </c>
      <c r="GS29" s="123">
        <v>277</v>
      </c>
      <c r="GT29" s="82">
        <v>250</v>
      </c>
      <c r="GU29" s="83">
        <v>527</v>
      </c>
      <c r="GV29" s="241"/>
      <c r="GW29" s="82">
        <v>395</v>
      </c>
      <c r="GX29" s="82">
        <v>332</v>
      </c>
      <c r="GY29" s="82">
        <v>236</v>
      </c>
      <c r="GZ29" s="82">
        <v>223</v>
      </c>
      <c r="HA29" s="82">
        <v>146</v>
      </c>
      <c r="HB29" s="84">
        <v>1332</v>
      </c>
      <c r="HC29" s="85">
        <v>1859</v>
      </c>
      <c r="HD29" s="70">
        <v>6</v>
      </c>
      <c r="HE29" s="71">
        <v>8</v>
      </c>
      <c r="HF29" s="72">
        <v>14</v>
      </c>
      <c r="HG29" s="244"/>
      <c r="HH29" s="71">
        <v>11</v>
      </c>
      <c r="HI29" s="71">
        <v>7</v>
      </c>
      <c r="HJ29" s="71">
        <v>8</v>
      </c>
      <c r="HK29" s="71">
        <v>9</v>
      </c>
      <c r="HL29" s="71">
        <v>5</v>
      </c>
      <c r="HM29" s="72">
        <v>40</v>
      </c>
      <c r="HN29" s="73">
        <v>54</v>
      </c>
      <c r="HO29" s="70">
        <v>22</v>
      </c>
      <c r="HP29" s="71">
        <v>14</v>
      </c>
      <c r="HQ29" s="72">
        <v>36</v>
      </c>
      <c r="HR29" s="244"/>
      <c r="HS29" s="71">
        <v>23</v>
      </c>
      <c r="HT29" s="71">
        <v>19</v>
      </c>
      <c r="HU29" s="71">
        <v>14</v>
      </c>
      <c r="HV29" s="71">
        <v>15</v>
      </c>
      <c r="HW29" s="71">
        <v>12</v>
      </c>
      <c r="HX29" s="72">
        <v>83</v>
      </c>
      <c r="HY29" s="73">
        <v>119</v>
      </c>
      <c r="HZ29" s="70">
        <v>38</v>
      </c>
      <c r="IA29" s="71">
        <v>34</v>
      </c>
      <c r="IB29" s="72">
        <v>72</v>
      </c>
      <c r="IC29" s="244"/>
      <c r="ID29" s="71">
        <v>52</v>
      </c>
      <c r="IE29" s="71">
        <v>37</v>
      </c>
      <c r="IF29" s="71">
        <v>30</v>
      </c>
      <c r="IG29" s="71">
        <v>21</v>
      </c>
      <c r="IH29" s="71">
        <v>12</v>
      </c>
      <c r="II29" s="72">
        <v>152</v>
      </c>
      <c r="IJ29" s="73">
        <v>224</v>
      </c>
      <c r="IK29" s="70">
        <v>77</v>
      </c>
      <c r="IL29" s="71">
        <v>67</v>
      </c>
      <c r="IM29" s="72">
        <v>144</v>
      </c>
      <c r="IN29" s="244"/>
      <c r="IO29" s="71">
        <v>106</v>
      </c>
      <c r="IP29" s="71">
        <v>70</v>
      </c>
      <c r="IQ29" s="71">
        <v>51</v>
      </c>
      <c r="IR29" s="71">
        <v>28</v>
      </c>
      <c r="IS29" s="71">
        <v>24</v>
      </c>
      <c r="IT29" s="72">
        <v>279</v>
      </c>
      <c r="IU29" s="73">
        <v>423</v>
      </c>
      <c r="IV29" s="70">
        <v>86</v>
      </c>
      <c r="IW29" s="71">
        <v>78</v>
      </c>
      <c r="IX29" s="72">
        <v>164</v>
      </c>
      <c r="IY29" s="244"/>
      <c r="IZ29" s="71">
        <v>98</v>
      </c>
      <c r="JA29" s="71">
        <v>96</v>
      </c>
      <c r="JB29" s="71">
        <v>60</v>
      </c>
      <c r="JC29" s="71">
        <v>58</v>
      </c>
      <c r="JD29" s="71">
        <v>29</v>
      </c>
      <c r="JE29" s="72">
        <v>341</v>
      </c>
      <c r="JF29" s="73">
        <v>505</v>
      </c>
      <c r="JG29" s="70">
        <v>48</v>
      </c>
      <c r="JH29" s="71">
        <v>49</v>
      </c>
      <c r="JI29" s="72">
        <v>97</v>
      </c>
      <c r="JJ29" s="244"/>
      <c r="JK29" s="71">
        <v>105</v>
      </c>
      <c r="JL29" s="71">
        <v>103</v>
      </c>
      <c r="JM29" s="71">
        <v>73</v>
      </c>
      <c r="JN29" s="71">
        <v>92</v>
      </c>
      <c r="JO29" s="71">
        <v>64</v>
      </c>
      <c r="JP29" s="72">
        <v>437</v>
      </c>
      <c r="JQ29" s="73">
        <v>534</v>
      </c>
      <c r="JR29" s="70">
        <v>3</v>
      </c>
      <c r="JS29" s="71">
        <v>2</v>
      </c>
      <c r="JT29" s="72">
        <v>5</v>
      </c>
      <c r="JU29" s="244"/>
      <c r="JV29" s="71">
        <v>13</v>
      </c>
      <c r="JW29" s="71">
        <v>5</v>
      </c>
      <c r="JX29" s="71">
        <v>4</v>
      </c>
      <c r="JY29" s="71">
        <v>6</v>
      </c>
      <c r="JZ29" s="71">
        <v>2</v>
      </c>
      <c r="KA29" s="72">
        <v>30</v>
      </c>
      <c r="KB29" s="73">
        <v>35</v>
      </c>
      <c r="KC29" s="70">
        <v>280</v>
      </c>
      <c r="KD29" s="71">
        <v>252</v>
      </c>
      <c r="KE29" s="72">
        <v>532</v>
      </c>
      <c r="KF29" s="244"/>
      <c r="KG29" s="71">
        <v>408</v>
      </c>
      <c r="KH29" s="71">
        <v>337</v>
      </c>
      <c r="KI29" s="71">
        <v>240</v>
      </c>
      <c r="KJ29" s="71">
        <v>229</v>
      </c>
      <c r="KK29" s="71">
        <v>148</v>
      </c>
      <c r="KL29" s="72">
        <v>1362</v>
      </c>
      <c r="KM29" s="73">
        <v>1894</v>
      </c>
    </row>
    <row r="30" spans="2:299" ht="21" customHeight="1" x14ac:dyDescent="0.2">
      <c r="B30" s="126" t="s">
        <v>27</v>
      </c>
      <c r="C30" s="315">
        <v>90</v>
      </c>
      <c r="D30" s="82">
        <v>119</v>
      </c>
      <c r="E30" s="83">
        <v>209</v>
      </c>
      <c r="F30" s="241"/>
      <c r="G30" s="82">
        <v>103</v>
      </c>
      <c r="H30" s="82">
        <v>94</v>
      </c>
      <c r="I30" s="82">
        <v>75</v>
      </c>
      <c r="J30" s="82">
        <v>72</v>
      </c>
      <c r="K30" s="82">
        <v>29</v>
      </c>
      <c r="L30" s="84">
        <v>373</v>
      </c>
      <c r="M30" s="85">
        <v>582</v>
      </c>
      <c r="N30" s="70">
        <v>3</v>
      </c>
      <c r="O30" s="71">
        <v>2</v>
      </c>
      <c r="P30" s="72">
        <v>5</v>
      </c>
      <c r="Q30" s="244"/>
      <c r="R30" s="71">
        <v>1</v>
      </c>
      <c r="S30" s="71">
        <v>2</v>
      </c>
      <c r="T30" s="71">
        <v>3</v>
      </c>
      <c r="U30" s="71">
        <v>1</v>
      </c>
      <c r="V30" s="71">
        <v>0</v>
      </c>
      <c r="W30" s="72">
        <v>7</v>
      </c>
      <c r="X30" s="73">
        <v>12</v>
      </c>
      <c r="Y30" s="70">
        <v>7</v>
      </c>
      <c r="Z30" s="71">
        <v>7</v>
      </c>
      <c r="AA30" s="72">
        <v>14</v>
      </c>
      <c r="AB30" s="244"/>
      <c r="AC30" s="71">
        <v>9</v>
      </c>
      <c r="AD30" s="71">
        <v>20</v>
      </c>
      <c r="AE30" s="71">
        <v>5</v>
      </c>
      <c r="AF30" s="71">
        <v>13</v>
      </c>
      <c r="AG30" s="71">
        <v>4</v>
      </c>
      <c r="AH30" s="72">
        <v>51</v>
      </c>
      <c r="AI30" s="73">
        <v>65</v>
      </c>
      <c r="AJ30" s="70">
        <v>15</v>
      </c>
      <c r="AK30" s="71">
        <v>23</v>
      </c>
      <c r="AL30" s="72">
        <v>38</v>
      </c>
      <c r="AM30" s="244"/>
      <c r="AN30" s="71">
        <v>17</v>
      </c>
      <c r="AO30" s="71">
        <v>19</v>
      </c>
      <c r="AP30" s="71">
        <v>14</v>
      </c>
      <c r="AQ30" s="71">
        <v>6</v>
      </c>
      <c r="AR30" s="71">
        <v>6</v>
      </c>
      <c r="AS30" s="72">
        <v>62</v>
      </c>
      <c r="AT30" s="73">
        <v>100</v>
      </c>
      <c r="AU30" s="70">
        <v>21</v>
      </c>
      <c r="AV30" s="71">
        <v>30</v>
      </c>
      <c r="AW30" s="72">
        <v>51</v>
      </c>
      <c r="AX30" s="244"/>
      <c r="AY30" s="71">
        <v>28</v>
      </c>
      <c r="AZ30" s="71">
        <v>14</v>
      </c>
      <c r="BA30" s="71">
        <v>19</v>
      </c>
      <c r="BB30" s="71">
        <v>10</v>
      </c>
      <c r="BC30" s="71">
        <v>6</v>
      </c>
      <c r="BD30" s="72">
        <v>77</v>
      </c>
      <c r="BE30" s="73">
        <v>128</v>
      </c>
      <c r="BF30" s="70">
        <v>27</v>
      </c>
      <c r="BG30" s="71">
        <v>31</v>
      </c>
      <c r="BH30" s="72">
        <v>58</v>
      </c>
      <c r="BI30" s="244"/>
      <c r="BJ30" s="71">
        <v>26</v>
      </c>
      <c r="BK30" s="71">
        <v>20</v>
      </c>
      <c r="BL30" s="71">
        <v>17</v>
      </c>
      <c r="BM30" s="71">
        <v>27</v>
      </c>
      <c r="BN30" s="71">
        <v>8</v>
      </c>
      <c r="BO30" s="72">
        <v>98</v>
      </c>
      <c r="BP30" s="73">
        <v>156</v>
      </c>
      <c r="BQ30" s="70">
        <v>17</v>
      </c>
      <c r="BR30" s="71">
        <v>26</v>
      </c>
      <c r="BS30" s="72">
        <v>43</v>
      </c>
      <c r="BT30" s="244"/>
      <c r="BU30" s="71">
        <v>22</v>
      </c>
      <c r="BV30" s="71">
        <v>19</v>
      </c>
      <c r="BW30" s="71">
        <v>17</v>
      </c>
      <c r="BX30" s="71">
        <v>15</v>
      </c>
      <c r="BY30" s="71">
        <v>5</v>
      </c>
      <c r="BZ30" s="72">
        <v>78</v>
      </c>
      <c r="CA30" s="73">
        <v>121</v>
      </c>
      <c r="CB30" s="70">
        <v>1</v>
      </c>
      <c r="CC30" s="71">
        <v>2</v>
      </c>
      <c r="CD30" s="72">
        <v>3</v>
      </c>
      <c r="CE30" s="244"/>
      <c r="CF30" s="71">
        <v>4</v>
      </c>
      <c r="CG30" s="71">
        <v>2</v>
      </c>
      <c r="CH30" s="71">
        <v>5</v>
      </c>
      <c r="CI30" s="71">
        <v>1</v>
      </c>
      <c r="CJ30" s="71">
        <v>2</v>
      </c>
      <c r="CK30" s="72">
        <v>14</v>
      </c>
      <c r="CL30" s="73">
        <v>17</v>
      </c>
      <c r="CM30" s="70">
        <v>91</v>
      </c>
      <c r="CN30" s="71">
        <v>121</v>
      </c>
      <c r="CO30" s="72">
        <v>212</v>
      </c>
      <c r="CP30" s="244"/>
      <c r="CQ30" s="71">
        <v>107</v>
      </c>
      <c r="CR30" s="71">
        <v>96</v>
      </c>
      <c r="CS30" s="71">
        <v>80</v>
      </c>
      <c r="CT30" s="71">
        <v>73</v>
      </c>
      <c r="CU30" s="71">
        <v>31</v>
      </c>
      <c r="CV30" s="72">
        <v>387</v>
      </c>
      <c r="CW30" s="73">
        <v>599</v>
      </c>
      <c r="CX30" s="123">
        <v>243</v>
      </c>
      <c r="CY30" s="82">
        <v>166</v>
      </c>
      <c r="CZ30" s="83">
        <v>409</v>
      </c>
      <c r="DA30" s="241"/>
      <c r="DB30" s="82">
        <v>214</v>
      </c>
      <c r="DC30" s="82">
        <v>145</v>
      </c>
      <c r="DD30" s="82">
        <v>155</v>
      </c>
      <c r="DE30" s="82">
        <v>151</v>
      </c>
      <c r="DF30" s="82">
        <v>96</v>
      </c>
      <c r="DG30" s="84">
        <v>761</v>
      </c>
      <c r="DH30" s="85">
        <v>1170</v>
      </c>
      <c r="DI30" s="70">
        <v>2</v>
      </c>
      <c r="DJ30" s="71">
        <v>2</v>
      </c>
      <c r="DK30" s="72">
        <v>4</v>
      </c>
      <c r="DL30" s="244"/>
      <c r="DM30" s="71">
        <v>1</v>
      </c>
      <c r="DN30" s="71">
        <v>1</v>
      </c>
      <c r="DO30" s="71">
        <v>1</v>
      </c>
      <c r="DP30" s="71">
        <v>3</v>
      </c>
      <c r="DQ30" s="71">
        <v>2</v>
      </c>
      <c r="DR30" s="72">
        <v>8</v>
      </c>
      <c r="DS30" s="73">
        <v>12</v>
      </c>
      <c r="DT30" s="70">
        <v>15</v>
      </c>
      <c r="DU30" s="71">
        <v>12</v>
      </c>
      <c r="DV30" s="72">
        <v>27</v>
      </c>
      <c r="DW30" s="244"/>
      <c r="DX30" s="71">
        <v>6</v>
      </c>
      <c r="DY30" s="71">
        <v>9</v>
      </c>
      <c r="DZ30" s="71">
        <v>9</v>
      </c>
      <c r="EA30" s="71">
        <v>10</v>
      </c>
      <c r="EB30" s="71">
        <v>1</v>
      </c>
      <c r="EC30" s="72">
        <v>35</v>
      </c>
      <c r="ED30" s="73">
        <v>62</v>
      </c>
      <c r="EE30" s="70">
        <v>32</v>
      </c>
      <c r="EF30" s="71">
        <v>14</v>
      </c>
      <c r="EG30" s="72">
        <v>46</v>
      </c>
      <c r="EH30" s="244"/>
      <c r="EI30" s="71">
        <v>16</v>
      </c>
      <c r="EJ30" s="71">
        <v>19</v>
      </c>
      <c r="EK30" s="71">
        <v>9</v>
      </c>
      <c r="EL30" s="71">
        <v>11</v>
      </c>
      <c r="EM30" s="71">
        <v>11</v>
      </c>
      <c r="EN30" s="72">
        <v>66</v>
      </c>
      <c r="EO30" s="73">
        <v>112</v>
      </c>
      <c r="EP30" s="70">
        <v>66</v>
      </c>
      <c r="EQ30" s="71">
        <v>49</v>
      </c>
      <c r="ER30" s="72">
        <v>115</v>
      </c>
      <c r="ES30" s="244"/>
      <c r="ET30" s="71">
        <v>51</v>
      </c>
      <c r="EU30" s="71">
        <v>21</v>
      </c>
      <c r="EV30" s="71">
        <v>30</v>
      </c>
      <c r="EW30" s="71">
        <v>20</v>
      </c>
      <c r="EX30" s="71">
        <v>24</v>
      </c>
      <c r="EY30" s="72">
        <v>146</v>
      </c>
      <c r="EZ30" s="73">
        <v>261</v>
      </c>
      <c r="FA30" s="70">
        <v>80</v>
      </c>
      <c r="FB30" s="71">
        <v>50</v>
      </c>
      <c r="FC30" s="72">
        <v>130</v>
      </c>
      <c r="FD30" s="244"/>
      <c r="FE30" s="71">
        <v>70</v>
      </c>
      <c r="FF30" s="71">
        <v>42</v>
      </c>
      <c r="FG30" s="71">
        <v>30</v>
      </c>
      <c r="FH30" s="71">
        <v>34</v>
      </c>
      <c r="FI30" s="71">
        <v>26</v>
      </c>
      <c r="FJ30" s="72">
        <v>202</v>
      </c>
      <c r="FK30" s="73">
        <v>332</v>
      </c>
      <c r="FL30" s="70">
        <v>48</v>
      </c>
      <c r="FM30" s="71">
        <v>39</v>
      </c>
      <c r="FN30" s="72">
        <v>87</v>
      </c>
      <c r="FO30" s="244"/>
      <c r="FP30" s="71">
        <v>70</v>
      </c>
      <c r="FQ30" s="71">
        <v>53</v>
      </c>
      <c r="FR30" s="71">
        <v>76</v>
      </c>
      <c r="FS30" s="71">
        <v>73</v>
      </c>
      <c r="FT30" s="71">
        <v>32</v>
      </c>
      <c r="FU30" s="72">
        <v>304</v>
      </c>
      <c r="FV30" s="73">
        <v>391</v>
      </c>
      <c r="FW30" s="70">
        <v>0</v>
      </c>
      <c r="FX30" s="71">
        <v>3</v>
      </c>
      <c r="FY30" s="72">
        <v>3</v>
      </c>
      <c r="FZ30" s="244"/>
      <c r="GA30" s="71">
        <v>5</v>
      </c>
      <c r="GB30" s="71">
        <v>4</v>
      </c>
      <c r="GC30" s="71">
        <v>1</v>
      </c>
      <c r="GD30" s="71">
        <v>1</v>
      </c>
      <c r="GE30" s="71">
        <v>2</v>
      </c>
      <c r="GF30" s="72">
        <v>13</v>
      </c>
      <c r="GG30" s="73">
        <v>16</v>
      </c>
      <c r="GH30" s="70">
        <v>243</v>
      </c>
      <c r="GI30" s="71">
        <v>169</v>
      </c>
      <c r="GJ30" s="72">
        <v>412</v>
      </c>
      <c r="GK30" s="244"/>
      <c r="GL30" s="71">
        <v>219</v>
      </c>
      <c r="GM30" s="71">
        <v>149</v>
      </c>
      <c r="GN30" s="71">
        <v>156</v>
      </c>
      <c r="GO30" s="71">
        <v>152</v>
      </c>
      <c r="GP30" s="71">
        <v>98</v>
      </c>
      <c r="GQ30" s="72">
        <v>774</v>
      </c>
      <c r="GR30" s="73">
        <v>1186</v>
      </c>
      <c r="GS30" s="123">
        <v>333</v>
      </c>
      <c r="GT30" s="82">
        <v>285</v>
      </c>
      <c r="GU30" s="83">
        <v>618</v>
      </c>
      <c r="GV30" s="241"/>
      <c r="GW30" s="82">
        <v>317</v>
      </c>
      <c r="GX30" s="82">
        <v>239</v>
      </c>
      <c r="GY30" s="82">
        <v>230</v>
      </c>
      <c r="GZ30" s="82">
        <v>223</v>
      </c>
      <c r="HA30" s="82">
        <v>125</v>
      </c>
      <c r="HB30" s="84">
        <v>1134</v>
      </c>
      <c r="HC30" s="85">
        <v>1752</v>
      </c>
      <c r="HD30" s="70">
        <v>5</v>
      </c>
      <c r="HE30" s="71">
        <v>4</v>
      </c>
      <c r="HF30" s="72">
        <v>9</v>
      </c>
      <c r="HG30" s="244"/>
      <c r="HH30" s="71">
        <v>2</v>
      </c>
      <c r="HI30" s="71">
        <v>3</v>
      </c>
      <c r="HJ30" s="71">
        <v>4</v>
      </c>
      <c r="HK30" s="71">
        <v>4</v>
      </c>
      <c r="HL30" s="71">
        <v>2</v>
      </c>
      <c r="HM30" s="72">
        <v>15</v>
      </c>
      <c r="HN30" s="73">
        <v>24</v>
      </c>
      <c r="HO30" s="70">
        <v>22</v>
      </c>
      <c r="HP30" s="71">
        <v>19</v>
      </c>
      <c r="HQ30" s="72">
        <v>41</v>
      </c>
      <c r="HR30" s="244"/>
      <c r="HS30" s="71">
        <v>15</v>
      </c>
      <c r="HT30" s="71">
        <v>29</v>
      </c>
      <c r="HU30" s="71">
        <v>14</v>
      </c>
      <c r="HV30" s="71">
        <v>23</v>
      </c>
      <c r="HW30" s="71">
        <v>5</v>
      </c>
      <c r="HX30" s="72">
        <v>86</v>
      </c>
      <c r="HY30" s="73">
        <v>127</v>
      </c>
      <c r="HZ30" s="70">
        <v>47</v>
      </c>
      <c r="IA30" s="71">
        <v>37</v>
      </c>
      <c r="IB30" s="72">
        <v>84</v>
      </c>
      <c r="IC30" s="244"/>
      <c r="ID30" s="71">
        <v>33</v>
      </c>
      <c r="IE30" s="71">
        <v>38</v>
      </c>
      <c r="IF30" s="71">
        <v>23</v>
      </c>
      <c r="IG30" s="71">
        <v>17</v>
      </c>
      <c r="IH30" s="71">
        <v>17</v>
      </c>
      <c r="II30" s="72">
        <v>128</v>
      </c>
      <c r="IJ30" s="73">
        <v>212</v>
      </c>
      <c r="IK30" s="70">
        <v>87</v>
      </c>
      <c r="IL30" s="71">
        <v>79</v>
      </c>
      <c r="IM30" s="72">
        <v>166</v>
      </c>
      <c r="IN30" s="244"/>
      <c r="IO30" s="71">
        <v>79</v>
      </c>
      <c r="IP30" s="71">
        <v>35</v>
      </c>
      <c r="IQ30" s="71">
        <v>49</v>
      </c>
      <c r="IR30" s="71">
        <v>30</v>
      </c>
      <c r="IS30" s="71">
        <v>30</v>
      </c>
      <c r="IT30" s="72">
        <v>223</v>
      </c>
      <c r="IU30" s="73">
        <v>389</v>
      </c>
      <c r="IV30" s="70">
        <v>107</v>
      </c>
      <c r="IW30" s="71">
        <v>81</v>
      </c>
      <c r="IX30" s="72">
        <v>188</v>
      </c>
      <c r="IY30" s="244"/>
      <c r="IZ30" s="71">
        <v>96</v>
      </c>
      <c r="JA30" s="71">
        <v>62</v>
      </c>
      <c r="JB30" s="71">
        <v>47</v>
      </c>
      <c r="JC30" s="71">
        <v>61</v>
      </c>
      <c r="JD30" s="71">
        <v>34</v>
      </c>
      <c r="JE30" s="72">
        <v>300</v>
      </c>
      <c r="JF30" s="73">
        <v>488</v>
      </c>
      <c r="JG30" s="70">
        <v>65</v>
      </c>
      <c r="JH30" s="71">
        <v>65</v>
      </c>
      <c r="JI30" s="72">
        <v>130</v>
      </c>
      <c r="JJ30" s="244"/>
      <c r="JK30" s="71">
        <v>92</v>
      </c>
      <c r="JL30" s="71">
        <v>72</v>
      </c>
      <c r="JM30" s="71">
        <v>93</v>
      </c>
      <c r="JN30" s="71">
        <v>88</v>
      </c>
      <c r="JO30" s="71">
        <v>37</v>
      </c>
      <c r="JP30" s="72">
        <v>382</v>
      </c>
      <c r="JQ30" s="73">
        <v>512</v>
      </c>
      <c r="JR30" s="70">
        <v>1</v>
      </c>
      <c r="JS30" s="71">
        <v>5</v>
      </c>
      <c r="JT30" s="72">
        <v>6</v>
      </c>
      <c r="JU30" s="244"/>
      <c r="JV30" s="71">
        <v>9</v>
      </c>
      <c r="JW30" s="71">
        <v>6</v>
      </c>
      <c r="JX30" s="71">
        <v>6</v>
      </c>
      <c r="JY30" s="71">
        <v>2</v>
      </c>
      <c r="JZ30" s="71">
        <v>4</v>
      </c>
      <c r="KA30" s="72">
        <v>27</v>
      </c>
      <c r="KB30" s="73">
        <v>33</v>
      </c>
      <c r="KC30" s="70">
        <v>334</v>
      </c>
      <c r="KD30" s="71">
        <v>290</v>
      </c>
      <c r="KE30" s="72">
        <v>624</v>
      </c>
      <c r="KF30" s="244"/>
      <c r="KG30" s="71">
        <v>326</v>
      </c>
      <c r="KH30" s="71">
        <v>245</v>
      </c>
      <c r="KI30" s="71">
        <v>236</v>
      </c>
      <c r="KJ30" s="71">
        <v>225</v>
      </c>
      <c r="KK30" s="71">
        <v>129</v>
      </c>
      <c r="KL30" s="72">
        <v>1161</v>
      </c>
      <c r="KM30" s="73">
        <v>1785</v>
      </c>
    </row>
    <row r="31" spans="2:299" ht="21" customHeight="1" x14ac:dyDescent="0.2">
      <c r="B31" s="126" t="s">
        <v>28</v>
      </c>
      <c r="C31" s="315">
        <v>14</v>
      </c>
      <c r="D31" s="82">
        <v>14</v>
      </c>
      <c r="E31" s="83">
        <v>28</v>
      </c>
      <c r="F31" s="241"/>
      <c r="G31" s="82">
        <v>43</v>
      </c>
      <c r="H31" s="82">
        <v>44</v>
      </c>
      <c r="I31" s="82">
        <v>23</v>
      </c>
      <c r="J31" s="82">
        <v>21</v>
      </c>
      <c r="K31" s="82">
        <v>12</v>
      </c>
      <c r="L31" s="84">
        <v>143</v>
      </c>
      <c r="M31" s="85">
        <v>171</v>
      </c>
      <c r="N31" s="70">
        <v>0</v>
      </c>
      <c r="O31" s="71">
        <v>2</v>
      </c>
      <c r="P31" s="72">
        <v>2</v>
      </c>
      <c r="Q31" s="244"/>
      <c r="R31" s="71">
        <v>1</v>
      </c>
      <c r="S31" s="71">
        <v>1</v>
      </c>
      <c r="T31" s="71">
        <v>2</v>
      </c>
      <c r="U31" s="71">
        <v>0</v>
      </c>
      <c r="V31" s="71">
        <v>3</v>
      </c>
      <c r="W31" s="72">
        <v>7</v>
      </c>
      <c r="X31" s="73">
        <v>9</v>
      </c>
      <c r="Y31" s="70">
        <v>1</v>
      </c>
      <c r="Z31" s="71">
        <v>3</v>
      </c>
      <c r="AA31" s="72">
        <v>4</v>
      </c>
      <c r="AB31" s="244"/>
      <c r="AC31" s="71">
        <v>3</v>
      </c>
      <c r="AD31" s="71">
        <v>7</v>
      </c>
      <c r="AE31" s="71">
        <v>5</v>
      </c>
      <c r="AF31" s="71">
        <v>3</v>
      </c>
      <c r="AG31" s="71">
        <v>1</v>
      </c>
      <c r="AH31" s="72">
        <v>19</v>
      </c>
      <c r="AI31" s="73">
        <v>23</v>
      </c>
      <c r="AJ31" s="70">
        <v>3</v>
      </c>
      <c r="AK31" s="71">
        <v>2</v>
      </c>
      <c r="AL31" s="72">
        <v>5</v>
      </c>
      <c r="AM31" s="244"/>
      <c r="AN31" s="71">
        <v>5</v>
      </c>
      <c r="AO31" s="71">
        <v>8</v>
      </c>
      <c r="AP31" s="71">
        <v>3</v>
      </c>
      <c r="AQ31" s="71">
        <v>4</v>
      </c>
      <c r="AR31" s="71">
        <v>1</v>
      </c>
      <c r="AS31" s="72">
        <v>21</v>
      </c>
      <c r="AT31" s="73">
        <v>26</v>
      </c>
      <c r="AU31" s="70">
        <v>5</v>
      </c>
      <c r="AV31" s="71">
        <v>2</v>
      </c>
      <c r="AW31" s="72">
        <v>7</v>
      </c>
      <c r="AX31" s="244"/>
      <c r="AY31" s="71">
        <v>10</v>
      </c>
      <c r="AZ31" s="71">
        <v>12</v>
      </c>
      <c r="BA31" s="71">
        <v>3</v>
      </c>
      <c r="BB31" s="71">
        <v>1</v>
      </c>
      <c r="BC31" s="71">
        <v>2</v>
      </c>
      <c r="BD31" s="72">
        <v>28</v>
      </c>
      <c r="BE31" s="73">
        <v>35</v>
      </c>
      <c r="BF31" s="70">
        <v>3</v>
      </c>
      <c r="BG31" s="71">
        <v>4</v>
      </c>
      <c r="BH31" s="72">
        <v>7</v>
      </c>
      <c r="BI31" s="244"/>
      <c r="BJ31" s="71">
        <v>15</v>
      </c>
      <c r="BK31" s="71">
        <v>5</v>
      </c>
      <c r="BL31" s="71">
        <v>3</v>
      </c>
      <c r="BM31" s="71">
        <v>6</v>
      </c>
      <c r="BN31" s="71">
        <v>1</v>
      </c>
      <c r="BO31" s="72">
        <v>30</v>
      </c>
      <c r="BP31" s="73">
        <v>37</v>
      </c>
      <c r="BQ31" s="70">
        <v>2</v>
      </c>
      <c r="BR31" s="71">
        <v>1</v>
      </c>
      <c r="BS31" s="72">
        <v>3</v>
      </c>
      <c r="BT31" s="244"/>
      <c r="BU31" s="71">
        <v>9</v>
      </c>
      <c r="BV31" s="71">
        <v>11</v>
      </c>
      <c r="BW31" s="71">
        <v>7</v>
      </c>
      <c r="BX31" s="71">
        <v>7</v>
      </c>
      <c r="BY31" s="71">
        <v>4</v>
      </c>
      <c r="BZ31" s="72">
        <v>38</v>
      </c>
      <c r="CA31" s="73">
        <v>41</v>
      </c>
      <c r="CB31" s="70">
        <v>0</v>
      </c>
      <c r="CC31" s="71">
        <v>2</v>
      </c>
      <c r="CD31" s="72">
        <v>2</v>
      </c>
      <c r="CE31" s="244"/>
      <c r="CF31" s="71">
        <v>0</v>
      </c>
      <c r="CG31" s="71">
        <v>1</v>
      </c>
      <c r="CH31" s="71">
        <v>0</v>
      </c>
      <c r="CI31" s="71">
        <v>0</v>
      </c>
      <c r="CJ31" s="71">
        <v>2</v>
      </c>
      <c r="CK31" s="72">
        <v>3</v>
      </c>
      <c r="CL31" s="73">
        <v>5</v>
      </c>
      <c r="CM31" s="70">
        <v>14</v>
      </c>
      <c r="CN31" s="71">
        <v>16</v>
      </c>
      <c r="CO31" s="72">
        <v>30</v>
      </c>
      <c r="CP31" s="244"/>
      <c r="CQ31" s="71">
        <v>43</v>
      </c>
      <c r="CR31" s="71">
        <v>45</v>
      </c>
      <c r="CS31" s="71">
        <v>23</v>
      </c>
      <c r="CT31" s="71">
        <v>21</v>
      </c>
      <c r="CU31" s="71">
        <v>14</v>
      </c>
      <c r="CV31" s="72">
        <v>146</v>
      </c>
      <c r="CW31" s="73">
        <v>176</v>
      </c>
      <c r="CX31" s="123">
        <v>20</v>
      </c>
      <c r="CY31" s="82">
        <v>37</v>
      </c>
      <c r="CZ31" s="83">
        <v>57</v>
      </c>
      <c r="DA31" s="241"/>
      <c r="DB31" s="82">
        <v>51</v>
      </c>
      <c r="DC31" s="82">
        <v>68</v>
      </c>
      <c r="DD31" s="82">
        <v>52</v>
      </c>
      <c r="DE31" s="82">
        <v>55</v>
      </c>
      <c r="DF31" s="82">
        <v>34</v>
      </c>
      <c r="DG31" s="84">
        <v>260</v>
      </c>
      <c r="DH31" s="85">
        <v>317</v>
      </c>
      <c r="DI31" s="70">
        <v>4</v>
      </c>
      <c r="DJ31" s="71">
        <v>4</v>
      </c>
      <c r="DK31" s="72">
        <v>8</v>
      </c>
      <c r="DL31" s="244"/>
      <c r="DM31" s="71">
        <v>2</v>
      </c>
      <c r="DN31" s="71">
        <v>2</v>
      </c>
      <c r="DO31" s="71">
        <v>1</v>
      </c>
      <c r="DP31" s="71">
        <v>0</v>
      </c>
      <c r="DQ31" s="71">
        <v>0</v>
      </c>
      <c r="DR31" s="72">
        <v>5</v>
      </c>
      <c r="DS31" s="73">
        <v>13</v>
      </c>
      <c r="DT31" s="70">
        <v>2</v>
      </c>
      <c r="DU31" s="71">
        <v>2</v>
      </c>
      <c r="DV31" s="72">
        <v>4</v>
      </c>
      <c r="DW31" s="244"/>
      <c r="DX31" s="71">
        <v>0</v>
      </c>
      <c r="DY31" s="71">
        <v>4</v>
      </c>
      <c r="DZ31" s="71">
        <v>1</v>
      </c>
      <c r="EA31" s="71">
        <v>5</v>
      </c>
      <c r="EB31" s="71">
        <v>0</v>
      </c>
      <c r="EC31" s="72">
        <v>10</v>
      </c>
      <c r="ED31" s="73">
        <v>14</v>
      </c>
      <c r="EE31" s="70">
        <v>5</v>
      </c>
      <c r="EF31" s="71">
        <v>6</v>
      </c>
      <c r="EG31" s="72">
        <v>11</v>
      </c>
      <c r="EH31" s="244"/>
      <c r="EI31" s="71">
        <v>10</v>
      </c>
      <c r="EJ31" s="71">
        <v>7</v>
      </c>
      <c r="EK31" s="71">
        <v>8</v>
      </c>
      <c r="EL31" s="71">
        <v>5</v>
      </c>
      <c r="EM31" s="71">
        <v>2</v>
      </c>
      <c r="EN31" s="72">
        <v>32</v>
      </c>
      <c r="EO31" s="73">
        <v>43</v>
      </c>
      <c r="EP31" s="70">
        <v>7</v>
      </c>
      <c r="EQ31" s="71">
        <v>12</v>
      </c>
      <c r="ER31" s="72">
        <v>19</v>
      </c>
      <c r="ES31" s="244"/>
      <c r="ET31" s="71">
        <v>11</v>
      </c>
      <c r="EU31" s="71">
        <v>13</v>
      </c>
      <c r="EV31" s="71">
        <v>9</v>
      </c>
      <c r="EW31" s="71">
        <v>7</v>
      </c>
      <c r="EX31" s="71">
        <v>10</v>
      </c>
      <c r="EY31" s="72">
        <v>50</v>
      </c>
      <c r="EZ31" s="73">
        <v>69</v>
      </c>
      <c r="FA31" s="70">
        <v>2</v>
      </c>
      <c r="FB31" s="71">
        <v>7</v>
      </c>
      <c r="FC31" s="72">
        <v>9</v>
      </c>
      <c r="FD31" s="244"/>
      <c r="FE31" s="71">
        <v>17</v>
      </c>
      <c r="FF31" s="71">
        <v>24</v>
      </c>
      <c r="FG31" s="71">
        <v>11</v>
      </c>
      <c r="FH31" s="71">
        <v>17</v>
      </c>
      <c r="FI31" s="71">
        <v>9</v>
      </c>
      <c r="FJ31" s="72">
        <v>78</v>
      </c>
      <c r="FK31" s="73">
        <v>87</v>
      </c>
      <c r="FL31" s="70">
        <v>0</v>
      </c>
      <c r="FM31" s="71">
        <v>6</v>
      </c>
      <c r="FN31" s="72">
        <v>6</v>
      </c>
      <c r="FO31" s="244"/>
      <c r="FP31" s="71">
        <v>11</v>
      </c>
      <c r="FQ31" s="71">
        <v>18</v>
      </c>
      <c r="FR31" s="71">
        <v>22</v>
      </c>
      <c r="FS31" s="71">
        <v>21</v>
      </c>
      <c r="FT31" s="71">
        <v>13</v>
      </c>
      <c r="FU31" s="72">
        <v>85</v>
      </c>
      <c r="FV31" s="73">
        <v>91</v>
      </c>
      <c r="FW31" s="70">
        <v>0</v>
      </c>
      <c r="FX31" s="71">
        <v>1</v>
      </c>
      <c r="FY31" s="72">
        <v>1</v>
      </c>
      <c r="FZ31" s="244"/>
      <c r="GA31" s="71">
        <v>1</v>
      </c>
      <c r="GB31" s="71">
        <v>0</v>
      </c>
      <c r="GC31" s="71">
        <v>0</v>
      </c>
      <c r="GD31" s="71">
        <v>0</v>
      </c>
      <c r="GE31" s="71">
        <v>2</v>
      </c>
      <c r="GF31" s="72">
        <v>3</v>
      </c>
      <c r="GG31" s="73">
        <v>4</v>
      </c>
      <c r="GH31" s="70">
        <v>20</v>
      </c>
      <c r="GI31" s="71">
        <v>38</v>
      </c>
      <c r="GJ31" s="72">
        <v>58</v>
      </c>
      <c r="GK31" s="244"/>
      <c r="GL31" s="71">
        <v>52</v>
      </c>
      <c r="GM31" s="71">
        <v>68</v>
      </c>
      <c r="GN31" s="71">
        <v>52</v>
      </c>
      <c r="GO31" s="71">
        <v>55</v>
      </c>
      <c r="GP31" s="71">
        <v>36</v>
      </c>
      <c r="GQ31" s="72">
        <v>263</v>
      </c>
      <c r="GR31" s="73">
        <v>321</v>
      </c>
      <c r="GS31" s="123">
        <v>34</v>
      </c>
      <c r="GT31" s="82">
        <v>51</v>
      </c>
      <c r="GU31" s="83">
        <v>85</v>
      </c>
      <c r="GV31" s="241"/>
      <c r="GW31" s="82">
        <v>94</v>
      </c>
      <c r="GX31" s="82">
        <v>112</v>
      </c>
      <c r="GY31" s="82">
        <v>75</v>
      </c>
      <c r="GZ31" s="82">
        <v>76</v>
      </c>
      <c r="HA31" s="82">
        <v>46</v>
      </c>
      <c r="HB31" s="84">
        <v>403</v>
      </c>
      <c r="HC31" s="85">
        <v>488</v>
      </c>
      <c r="HD31" s="70">
        <v>4</v>
      </c>
      <c r="HE31" s="71">
        <v>6</v>
      </c>
      <c r="HF31" s="72">
        <v>10</v>
      </c>
      <c r="HG31" s="244"/>
      <c r="HH31" s="71">
        <v>3</v>
      </c>
      <c r="HI31" s="71">
        <v>3</v>
      </c>
      <c r="HJ31" s="71">
        <v>3</v>
      </c>
      <c r="HK31" s="71">
        <v>0</v>
      </c>
      <c r="HL31" s="71">
        <v>3</v>
      </c>
      <c r="HM31" s="72">
        <v>12</v>
      </c>
      <c r="HN31" s="73">
        <v>22</v>
      </c>
      <c r="HO31" s="70">
        <v>3</v>
      </c>
      <c r="HP31" s="71">
        <v>5</v>
      </c>
      <c r="HQ31" s="72">
        <v>8</v>
      </c>
      <c r="HR31" s="244"/>
      <c r="HS31" s="71">
        <v>3</v>
      </c>
      <c r="HT31" s="71">
        <v>11</v>
      </c>
      <c r="HU31" s="71">
        <v>6</v>
      </c>
      <c r="HV31" s="71">
        <v>8</v>
      </c>
      <c r="HW31" s="71">
        <v>1</v>
      </c>
      <c r="HX31" s="72">
        <v>29</v>
      </c>
      <c r="HY31" s="73">
        <v>37</v>
      </c>
      <c r="HZ31" s="70">
        <v>8</v>
      </c>
      <c r="IA31" s="71">
        <v>8</v>
      </c>
      <c r="IB31" s="72">
        <v>16</v>
      </c>
      <c r="IC31" s="244"/>
      <c r="ID31" s="71">
        <v>15</v>
      </c>
      <c r="IE31" s="71">
        <v>15</v>
      </c>
      <c r="IF31" s="71">
        <v>11</v>
      </c>
      <c r="IG31" s="71">
        <v>9</v>
      </c>
      <c r="IH31" s="71">
        <v>3</v>
      </c>
      <c r="II31" s="72">
        <v>53</v>
      </c>
      <c r="IJ31" s="73">
        <v>69</v>
      </c>
      <c r="IK31" s="70">
        <v>12</v>
      </c>
      <c r="IL31" s="71">
        <v>14</v>
      </c>
      <c r="IM31" s="72">
        <v>26</v>
      </c>
      <c r="IN31" s="244"/>
      <c r="IO31" s="71">
        <v>21</v>
      </c>
      <c r="IP31" s="71">
        <v>25</v>
      </c>
      <c r="IQ31" s="71">
        <v>12</v>
      </c>
      <c r="IR31" s="71">
        <v>8</v>
      </c>
      <c r="IS31" s="71">
        <v>12</v>
      </c>
      <c r="IT31" s="72">
        <v>78</v>
      </c>
      <c r="IU31" s="73">
        <v>104</v>
      </c>
      <c r="IV31" s="70">
        <v>5</v>
      </c>
      <c r="IW31" s="71">
        <v>11</v>
      </c>
      <c r="IX31" s="72">
        <v>16</v>
      </c>
      <c r="IY31" s="244"/>
      <c r="IZ31" s="71">
        <v>32</v>
      </c>
      <c r="JA31" s="71">
        <v>29</v>
      </c>
      <c r="JB31" s="71">
        <v>14</v>
      </c>
      <c r="JC31" s="71">
        <v>23</v>
      </c>
      <c r="JD31" s="71">
        <v>10</v>
      </c>
      <c r="JE31" s="72">
        <v>108</v>
      </c>
      <c r="JF31" s="73">
        <v>124</v>
      </c>
      <c r="JG31" s="70">
        <v>2</v>
      </c>
      <c r="JH31" s="71">
        <v>7</v>
      </c>
      <c r="JI31" s="72">
        <v>9</v>
      </c>
      <c r="JJ31" s="244"/>
      <c r="JK31" s="71">
        <v>20</v>
      </c>
      <c r="JL31" s="71">
        <v>29</v>
      </c>
      <c r="JM31" s="71">
        <v>29</v>
      </c>
      <c r="JN31" s="71">
        <v>28</v>
      </c>
      <c r="JO31" s="71">
        <v>17</v>
      </c>
      <c r="JP31" s="72">
        <v>123</v>
      </c>
      <c r="JQ31" s="73">
        <v>132</v>
      </c>
      <c r="JR31" s="70">
        <v>0</v>
      </c>
      <c r="JS31" s="71">
        <v>3</v>
      </c>
      <c r="JT31" s="72">
        <v>3</v>
      </c>
      <c r="JU31" s="244"/>
      <c r="JV31" s="71">
        <v>1</v>
      </c>
      <c r="JW31" s="71">
        <v>1</v>
      </c>
      <c r="JX31" s="71">
        <v>0</v>
      </c>
      <c r="JY31" s="71">
        <v>0</v>
      </c>
      <c r="JZ31" s="71">
        <v>4</v>
      </c>
      <c r="KA31" s="72">
        <v>6</v>
      </c>
      <c r="KB31" s="73">
        <v>9</v>
      </c>
      <c r="KC31" s="70">
        <v>34</v>
      </c>
      <c r="KD31" s="71">
        <v>54</v>
      </c>
      <c r="KE31" s="72">
        <v>88</v>
      </c>
      <c r="KF31" s="244"/>
      <c r="KG31" s="71">
        <v>95</v>
      </c>
      <c r="KH31" s="71">
        <v>113</v>
      </c>
      <c r="KI31" s="71">
        <v>75</v>
      </c>
      <c r="KJ31" s="71">
        <v>76</v>
      </c>
      <c r="KK31" s="71">
        <v>50</v>
      </c>
      <c r="KL31" s="72">
        <v>409</v>
      </c>
      <c r="KM31" s="73">
        <v>497</v>
      </c>
    </row>
    <row r="32" spans="2:299" ht="21" customHeight="1" x14ac:dyDescent="0.2">
      <c r="B32" s="126" t="s">
        <v>29</v>
      </c>
      <c r="C32" s="315">
        <v>33</v>
      </c>
      <c r="D32" s="82">
        <v>22</v>
      </c>
      <c r="E32" s="83">
        <v>55</v>
      </c>
      <c r="F32" s="241"/>
      <c r="G32" s="82">
        <v>44</v>
      </c>
      <c r="H32" s="82">
        <v>49</v>
      </c>
      <c r="I32" s="82">
        <v>39</v>
      </c>
      <c r="J32" s="82">
        <v>39</v>
      </c>
      <c r="K32" s="82">
        <v>11</v>
      </c>
      <c r="L32" s="84">
        <v>182</v>
      </c>
      <c r="M32" s="85">
        <v>237</v>
      </c>
      <c r="N32" s="70">
        <v>2</v>
      </c>
      <c r="O32" s="71">
        <v>0</v>
      </c>
      <c r="P32" s="72">
        <v>2</v>
      </c>
      <c r="Q32" s="244"/>
      <c r="R32" s="71">
        <v>3</v>
      </c>
      <c r="S32" s="71">
        <v>3</v>
      </c>
      <c r="T32" s="71">
        <v>4</v>
      </c>
      <c r="U32" s="71">
        <v>1</v>
      </c>
      <c r="V32" s="71">
        <v>0</v>
      </c>
      <c r="W32" s="72">
        <v>11</v>
      </c>
      <c r="X32" s="73">
        <v>13</v>
      </c>
      <c r="Y32" s="70">
        <v>5</v>
      </c>
      <c r="Z32" s="71">
        <v>4</v>
      </c>
      <c r="AA32" s="72">
        <v>9</v>
      </c>
      <c r="AB32" s="244"/>
      <c r="AC32" s="71">
        <v>11</v>
      </c>
      <c r="AD32" s="71">
        <v>3</v>
      </c>
      <c r="AE32" s="71">
        <v>3</v>
      </c>
      <c r="AF32" s="71">
        <v>3</v>
      </c>
      <c r="AG32" s="71">
        <v>3</v>
      </c>
      <c r="AH32" s="72">
        <v>23</v>
      </c>
      <c r="AI32" s="73">
        <v>32</v>
      </c>
      <c r="AJ32" s="70">
        <v>9</v>
      </c>
      <c r="AK32" s="71">
        <v>4</v>
      </c>
      <c r="AL32" s="72">
        <v>13</v>
      </c>
      <c r="AM32" s="244"/>
      <c r="AN32" s="71">
        <v>11</v>
      </c>
      <c r="AO32" s="71">
        <v>9</v>
      </c>
      <c r="AP32" s="71">
        <v>5</v>
      </c>
      <c r="AQ32" s="71">
        <v>6</v>
      </c>
      <c r="AR32" s="71">
        <v>1</v>
      </c>
      <c r="AS32" s="72">
        <v>32</v>
      </c>
      <c r="AT32" s="73">
        <v>45</v>
      </c>
      <c r="AU32" s="70">
        <v>7</v>
      </c>
      <c r="AV32" s="71">
        <v>4</v>
      </c>
      <c r="AW32" s="72">
        <v>11</v>
      </c>
      <c r="AX32" s="244"/>
      <c r="AY32" s="71">
        <v>3</v>
      </c>
      <c r="AZ32" s="71">
        <v>11</v>
      </c>
      <c r="BA32" s="71">
        <v>8</v>
      </c>
      <c r="BB32" s="71">
        <v>12</v>
      </c>
      <c r="BC32" s="71">
        <v>3</v>
      </c>
      <c r="BD32" s="72">
        <v>37</v>
      </c>
      <c r="BE32" s="73">
        <v>48</v>
      </c>
      <c r="BF32" s="70">
        <v>6</v>
      </c>
      <c r="BG32" s="71">
        <v>8</v>
      </c>
      <c r="BH32" s="72">
        <v>14</v>
      </c>
      <c r="BI32" s="244"/>
      <c r="BJ32" s="71">
        <v>8</v>
      </c>
      <c r="BK32" s="71">
        <v>11</v>
      </c>
      <c r="BL32" s="71">
        <v>11</v>
      </c>
      <c r="BM32" s="71">
        <v>13</v>
      </c>
      <c r="BN32" s="71">
        <v>4</v>
      </c>
      <c r="BO32" s="72">
        <v>47</v>
      </c>
      <c r="BP32" s="73">
        <v>61</v>
      </c>
      <c r="BQ32" s="70">
        <v>4</v>
      </c>
      <c r="BR32" s="71">
        <v>2</v>
      </c>
      <c r="BS32" s="72">
        <v>6</v>
      </c>
      <c r="BT32" s="244"/>
      <c r="BU32" s="71">
        <v>8</v>
      </c>
      <c r="BV32" s="71">
        <v>12</v>
      </c>
      <c r="BW32" s="71">
        <v>8</v>
      </c>
      <c r="BX32" s="71">
        <v>4</v>
      </c>
      <c r="BY32" s="71">
        <v>0</v>
      </c>
      <c r="BZ32" s="72">
        <v>32</v>
      </c>
      <c r="CA32" s="73">
        <v>38</v>
      </c>
      <c r="CB32" s="70">
        <v>1</v>
      </c>
      <c r="CC32" s="71">
        <v>2</v>
      </c>
      <c r="CD32" s="72">
        <v>3</v>
      </c>
      <c r="CE32" s="244"/>
      <c r="CF32" s="71">
        <v>1</v>
      </c>
      <c r="CG32" s="71">
        <v>4</v>
      </c>
      <c r="CH32" s="71">
        <v>2</v>
      </c>
      <c r="CI32" s="71">
        <v>1</v>
      </c>
      <c r="CJ32" s="71">
        <v>1</v>
      </c>
      <c r="CK32" s="72">
        <v>9</v>
      </c>
      <c r="CL32" s="73">
        <v>12</v>
      </c>
      <c r="CM32" s="70">
        <v>34</v>
      </c>
      <c r="CN32" s="71">
        <v>24</v>
      </c>
      <c r="CO32" s="72">
        <v>58</v>
      </c>
      <c r="CP32" s="244"/>
      <c r="CQ32" s="71">
        <v>45</v>
      </c>
      <c r="CR32" s="71">
        <v>53</v>
      </c>
      <c r="CS32" s="71">
        <v>41</v>
      </c>
      <c r="CT32" s="71">
        <v>40</v>
      </c>
      <c r="CU32" s="71">
        <v>12</v>
      </c>
      <c r="CV32" s="72">
        <v>191</v>
      </c>
      <c r="CW32" s="73">
        <v>249</v>
      </c>
      <c r="CX32" s="123">
        <v>50</v>
      </c>
      <c r="CY32" s="82">
        <v>40</v>
      </c>
      <c r="CZ32" s="83">
        <v>90</v>
      </c>
      <c r="DA32" s="241"/>
      <c r="DB32" s="82">
        <v>91</v>
      </c>
      <c r="DC32" s="82">
        <v>85</v>
      </c>
      <c r="DD32" s="82">
        <v>59</v>
      </c>
      <c r="DE32" s="82">
        <v>73</v>
      </c>
      <c r="DF32" s="82">
        <v>56</v>
      </c>
      <c r="DG32" s="84">
        <v>364</v>
      </c>
      <c r="DH32" s="85">
        <v>454</v>
      </c>
      <c r="DI32" s="70">
        <v>2</v>
      </c>
      <c r="DJ32" s="71">
        <v>3</v>
      </c>
      <c r="DK32" s="72">
        <v>5</v>
      </c>
      <c r="DL32" s="244"/>
      <c r="DM32" s="71">
        <v>3</v>
      </c>
      <c r="DN32" s="71">
        <v>3</v>
      </c>
      <c r="DO32" s="71">
        <v>0</v>
      </c>
      <c r="DP32" s="71">
        <v>0</v>
      </c>
      <c r="DQ32" s="71">
        <v>5</v>
      </c>
      <c r="DR32" s="72">
        <v>11</v>
      </c>
      <c r="DS32" s="73">
        <v>16</v>
      </c>
      <c r="DT32" s="70">
        <v>4</v>
      </c>
      <c r="DU32" s="71">
        <v>1</v>
      </c>
      <c r="DV32" s="72">
        <v>5</v>
      </c>
      <c r="DW32" s="244"/>
      <c r="DX32" s="71">
        <v>4</v>
      </c>
      <c r="DY32" s="71">
        <v>4</v>
      </c>
      <c r="DZ32" s="71">
        <v>3</v>
      </c>
      <c r="EA32" s="71">
        <v>5</v>
      </c>
      <c r="EB32" s="71">
        <v>1</v>
      </c>
      <c r="EC32" s="72">
        <v>17</v>
      </c>
      <c r="ED32" s="73">
        <v>22</v>
      </c>
      <c r="EE32" s="70">
        <v>11</v>
      </c>
      <c r="EF32" s="71">
        <v>4</v>
      </c>
      <c r="EG32" s="72">
        <v>15</v>
      </c>
      <c r="EH32" s="244"/>
      <c r="EI32" s="71">
        <v>13</v>
      </c>
      <c r="EJ32" s="71">
        <v>7</v>
      </c>
      <c r="EK32" s="71">
        <v>5</v>
      </c>
      <c r="EL32" s="71">
        <v>6</v>
      </c>
      <c r="EM32" s="71">
        <v>5</v>
      </c>
      <c r="EN32" s="72">
        <v>36</v>
      </c>
      <c r="EO32" s="73">
        <v>51</v>
      </c>
      <c r="EP32" s="70">
        <v>9</v>
      </c>
      <c r="EQ32" s="71">
        <v>18</v>
      </c>
      <c r="ER32" s="72">
        <v>27</v>
      </c>
      <c r="ES32" s="244"/>
      <c r="ET32" s="71">
        <v>23</v>
      </c>
      <c r="EU32" s="71">
        <v>22</v>
      </c>
      <c r="EV32" s="71">
        <v>11</v>
      </c>
      <c r="EW32" s="71">
        <v>14</v>
      </c>
      <c r="EX32" s="71">
        <v>9</v>
      </c>
      <c r="EY32" s="72">
        <v>79</v>
      </c>
      <c r="EZ32" s="73">
        <v>106</v>
      </c>
      <c r="FA32" s="70">
        <v>16</v>
      </c>
      <c r="FB32" s="71">
        <v>8</v>
      </c>
      <c r="FC32" s="72">
        <v>24</v>
      </c>
      <c r="FD32" s="244"/>
      <c r="FE32" s="71">
        <v>31</v>
      </c>
      <c r="FF32" s="71">
        <v>20</v>
      </c>
      <c r="FG32" s="71">
        <v>17</v>
      </c>
      <c r="FH32" s="71">
        <v>21</v>
      </c>
      <c r="FI32" s="71">
        <v>16</v>
      </c>
      <c r="FJ32" s="72">
        <v>105</v>
      </c>
      <c r="FK32" s="73">
        <v>129</v>
      </c>
      <c r="FL32" s="70">
        <v>8</v>
      </c>
      <c r="FM32" s="71">
        <v>6</v>
      </c>
      <c r="FN32" s="72">
        <v>14</v>
      </c>
      <c r="FO32" s="244"/>
      <c r="FP32" s="71">
        <v>17</v>
      </c>
      <c r="FQ32" s="71">
        <v>29</v>
      </c>
      <c r="FR32" s="71">
        <v>23</v>
      </c>
      <c r="FS32" s="71">
        <v>27</v>
      </c>
      <c r="FT32" s="71">
        <v>20</v>
      </c>
      <c r="FU32" s="72">
        <v>116</v>
      </c>
      <c r="FV32" s="73">
        <v>130</v>
      </c>
      <c r="FW32" s="70">
        <v>0</v>
      </c>
      <c r="FX32" s="71">
        <v>3</v>
      </c>
      <c r="FY32" s="72">
        <v>3</v>
      </c>
      <c r="FZ32" s="244"/>
      <c r="GA32" s="71">
        <v>2</v>
      </c>
      <c r="GB32" s="71">
        <v>0</v>
      </c>
      <c r="GC32" s="71">
        <v>1</v>
      </c>
      <c r="GD32" s="71">
        <v>0</v>
      </c>
      <c r="GE32" s="71">
        <v>0</v>
      </c>
      <c r="GF32" s="72">
        <v>3</v>
      </c>
      <c r="GG32" s="73">
        <v>6</v>
      </c>
      <c r="GH32" s="70">
        <v>50</v>
      </c>
      <c r="GI32" s="71">
        <v>43</v>
      </c>
      <c r="GJ32" s="72">
        <v>93</v>
      </c>
      <c r="GK32" s="244"/>
      <c r="GL32" s="71">
        <v>93</v>
      </c>
      <c r="GM32" s="71">
        <v>85</v>
      </c>
      <c r="GN32" s="71">
        <v>60</v>
      </c>
      <c r="GO32" s="71">
        <v>73</v>
      </c>
      <c r="GP32" s="71">
        <v>56</v>
      </c>
      <c r="GQ32" s="72">
        <v>367</v>
      </c>
      <c r="GR32" s="73">
        <v>460</v>
      </c>
      <c r="GS32" s="123">
        <v>83</v>
      </c>
      <c r="GT32" s="82">
        <v>62</v>
      </c>
      <c r="GU32" s="83">
        <v>145</v>
      </c>
      <c r="GV32" s="241"/>
      <c r="GW32" s="82">
        <v>135</v>
      </c>
      <c r="GX32" s="82">
        <v>134</v>
      </c>
      <c r="GY32" s="82">
        <v>98</v>
      </c>
      <c r="GZ32" s="82">
        <v>112</v>
      </c>
      <c r="HA32" s="82">
        <v>67</v>
      </c>
      <c r="HB32" s="84">
        <v>546</v>
      </c>
      <c r="HC32" s="85">
        <v>691</v>
      </c>
      <c r="HD32" s="70">
        <v>4</v>
      </c>
      <c r="HE32" s="71">
        <v>3</v>
      </c>
      <c r="HF32" s="72">
        <v>7</v>
      </c>
      <c r="HG32" s="244"/>
      <c r="HH32" s="71">
        <v>6</v>
      </c>
      <c r="HI32" s="71">
        <v>6</v>
      </c>
      <c r="HJ32" s="71">
        <v>4</v>
      </c>
      <c r="HK32" s="71">
        <v>1</v>
      </c>
      <c r="HL32" s="71">
        <v>5</v>
      </c>
      <c r="HM32" s="72">
        <v>22</v>
      </c>
      <c r="HN32" s="73">
        <v>29</v>
      </c>
      <c r="HO32" s="70">
        <v>9</v>
      </c>
      <c r="HP32" s="71">
        <v>5</v>
      </c>
      <c r="HQ32" s="72">
        <v>14</v>
      </c>
      <c r="HR32" s="244"/>
      <c r="HS32" s="71">
        <v>15</v>
      </c>
      <c r="HT32" s="71">
        <v>7</v>
      </c>
      <c r="HU32" s="71">
        <v>6</v>
      </c>
      <c r="HV32" s="71">
        <v>8</v>
      </c>
      <c r="HW32" s="71">
        <v>4</v>
      </c>
      <c r="HX32" s="72">
        <v>40</v>
      </c>
      <c r="HY32" s="73">
        <v>54</v>
      </c>
      <c r="HZ32" s="70">
        <v>20</v>
      </c>
      <c r="IA32" s="71">
        <v>8</v>
      </c>
      <c r="IB32" s="72">
        <v>28</v>
      </c>
      <c r="IC32" s="244"/>
      <c r="ID32" s="71">
        <v>24</v>
      </c>
      <c r="IE32" s="71">
        <v>16</v>
      </c>
      <c r="IF32" s="71">
        <v>10</v>
      </c>
      <c r="IG32" s="71">
        <v>12</v>
      </c>
      <c r="IH32" s="71">
        <v>6</v>
      </c>
      <c r="II32" s="72">
        <v>68</v>
      </c>
      <c r="IJ32" s="73">
        <v>96</v>
      </c>
      <c r="IK32" s="70">
        <v>16</v>
      </c>
      <c r="IL32" s="71">
        <v>22</v>
      </c>
      <c r="IM32" s="72">
        <v>38</v>
      </c>
      <c r="IN32" s="244"/>
      <c r="IO32" s="71">
        <v>26</v>
      </c>
      <c r="IP32" s="71">
        <v>33</v>
      </c>
      <c r="IQ32" s="71">
        <v>19</v>
      </c>
      <c r="IR32" s="71">
        <v>26</v>
      </c>
      <c r="IS32" s="71">
        <v>12</v>
      </c>
      <c r="IT32" s="72">
        <v>116</v>
      </c>
      <c r="IU32" s="73">
        <v>154</v>
      </c>
      <c r="IV32" s="70">
        <v>22</v>
      </c>
      <c r="IW32" s="71">
        <v>16</v>
      </c>
      <c r="IX32" s="72">
        <v>38</v>
      </c>
      <c r="IY32" s="244"/>
      <c r="IZ32" s="71">
        <v>39</v>
      </c>
      <c r="JA32" s="71">
        <v>31</v>
      </c>
      <c r="JB32" s="71">
        <v>28</v>
      </c>
      <c r="JC32" s="71">
        <v>34</v>
      </c>
      <c r="JD32" s="71">
        <v>20</v>
      </c>
      <c r="JE32" s="72">
        <v>152</v>
      </c>
      <c r="JF32" s="73">
        <v>190</v>
      </c>
      <c r="JG32" s="70">
        <v>12</v>
      </c>
      <c r="JH32" s="71">
        <v>8</v>
      </c>
      <c r="JI32" s="72">
        <v>20</v>
      </c>
      <c r="JJ32" s="244"/>
      <c r="JK32" s="71">
        <v>25</v>
      </c>
      <c r="JL32" s="71">
        <v>41</v>
      </c>
      <c r="JM32" s="71">
        <v>31</v>
      </c>
      <c r="JN32" s="71">
        <v>31</v>
      </c>
      <c r="JO32" s="71">
        <v>20</v>
      </c>
      <c r="JP32" s="72">
        <v>148</v>
      </c>
      <c r="JQ32" s="73">
        <v>168</v>
      </c>
      <c r="JR32" s="70">
        <v>1</v>
      </c>
      <c r="JS32" s="71">
        <v>5</v>
      </c>
      <c r="JT32" s="72">
        <v>6</v>
      </c>
      <c r="JU32" s="244"/>
      <c r="JV32" s="71">
        <v>3</v>
      </c>
      <c r="JW32" s="71">
        <v>4</v>
      </c>
      <c r="JX32" s="71">
        <v>3</v>
      </c>
      <c r="JY32" s="71">
        <v>1</v>
      </c>
      <c r="JZ32" s="71">
        <v>1</v>
      </c>
      <c r="KA32" s="72">
        <v>12</v>
      </c>
      <c r="KB32" s="73">
        <v>18</v>
      </c>
      <c r="KC32" s="70">
        <v>84</v>
      </c>
      <c r="KD32" s="71">
        <v>67</v>
      </c>
      <c r="KE32" s="72">
        <v>151</v>
      </c>
      <c r="KF32" s="244"/>
      <c r="KG32" s="71">
        <v>138</v>
      </c>
      <c r="KH32" s="71">
        <v>138</v>
      </c>
      <c r="KI32" s="71">
        <v>101</v>
      </c>
      <c r="KJ32" s="71">
        <v>113</v>
      </c>
      <c r="KK32" s="71">
        <v>68</v>
      </c>
      <c r="KL32" s="72">
        <v>558</v>
      </c>
      <c r="KM32" s="73">
        <v>709</v>
      </c>
    </row>
    <row r="33" spans="2:299" ht="21" customHeight="1" x14ac:dyDescent="0.2">
      <c r="B33" s="126" t="s">
        <v>30</v>
      </c>
      <c r="C33" s="315">
        <v>19</v>
      </c>
      <c r="D33" s="82">
        <v>14</v>
      </c>
      <c r="E33" s="83">
        <v>33</v>
      </c>
      <c r="F33" s="241"/>
      <c r="G33" s="82">
        <v>45</v>
      </c>
      <c r="H33" s="82">
        <v>32</v>
      </c>
      <c r="I33" s="82">
        <v>30</v>
      </c>
      <c r="J33" s="82">
        <v>28</v>
      </c>
      <c r="K33" s="82">
        <v>11</v>
      </c>
      <c r="L33" s="84">
        <v>146</v>
      </c>
      <c r="M33" s="85">
        <v>179</v>
      </c>
      <c r="N33" s="70">
        <v>2</v>
      </c>
      <c r="O33" s="71">
        <v>0</v>
      </c>
      <c r="P33" s="72">
        <v>2</v>
      </c>
      <c r="Q33" s="244"/>
      <c r="R33" s="71">
        <v>4</v>
      </c>
      <c r="S33" s="71">
        <v>3</v>
      </c>
      <c r="T33" s="71">
        <v>2</v>
      </c>
      <c r="U33" s="71">
        <v>2</v>
      </c>
      <c r="V33" s="71">
        <v>1</v>
      </c>
      <c r="W33" s="72">
        <v>12</v>
      </c>
      <c r="X33" s="73">
        <v>14</v>
      </c>
      <c r="Y33" s="70">
        <v>6</v>
      </c>
      <c r="Z33" s="71">
        <v>2</v>
      </c>
      <c r="AA33" s="72">
        <v>8</v>
      </c>
      <c r="AB33" s="244"/>
      <c r="AC33" s="71">
        <v>6</v>
      </c>
      <c r="AD33" s="71">
        <v>4</v>
      </c>
      <c r="AE33" s="71">
        <v>2</v>
      </c>
      <c r="AF33" s="71">
        <v>4</v>
      </c>
      <c r="AG33" s="71">
        <v>2</v>
      </c>
      <c r="AH33" s="72">
        <v>18</v>
      </c>
      <c r="AI33" s="73">
        <v>26</v>
      </c>
      <c r="AJ33" s="70">
        <v>1</v>
      </c>
      <c r="AK33" s="71">
        <v>1</v>
      </c>
      <c r="AL33" s="72">
        <v>2</v>
      </c>
      <c r="AM33" s="244"/>
      <c r="AN33" s="71">
        <v>2</v>
      </c>
      <c r="AO33" s="71">
        <v>4</v>
      </c>
      <c r="AP33" s="71">
        <v>6</v>
      </c>
      <c r="AQ33" s="71">
        <v>5</v>
      </c>
      <c r="AR33" s="71">
        <v>1</v>
      </c>
      <c r="AS33" s="72">
        <v>18</v>
      </c>
      <c r="AT33" s="73">
        <v>20</v>
      </c>
      <c r="AU33" s="70">
        <v>2</v>
      </c>
      <c r="AV33" s="71">
        <v>5</v>
      </c>
      <c r="AW33" s="72">
        <v>7</v>
      </c>
      <c r="AX33" s="244"/>
      <c r="AY33" s="71">
        <v>10</v>
      </c>
      <c r="AZ33" s="71">
        <v>8</v>
      </c>
      <c r="BA33" s="71">
        <v>7</v>
      </c>
      <c r="BB33" s="71">
        <v>5</v>
      </c>
      <c r="BC33" s="71">
        <v>1</v>
      </c>
      <c r="BD33" s="72">
        <v>31</v>
      </c>
      <c r="BE33" s="73">
        <v>38</v>
      </c>
      <c r="BF33" s="70">
        <v>5</v>
      </c>
      <c r="BG33" s="71">
        <v>3</v>
      </c>
      <c r="BH33" s="72">
        <v>8</v>
      </c>
      <c r="BI33" s="244"/>
      <c r="BJ33" s="71">
        <v>12</v>
      </c>
      <c r="BK33" s="71">
        <v>7</v>
      </c>
      <c r="BL33" s="71">
        <v>4</v>
      </c>
      <c r="BM33" s="71">
        <v>6</v>
      </c>
      <c r="BN33" s="71">
        <v>4</v>
      </c>
      <c r="BO33" s="72">
        <v>33</v>
      </c>
      <c r="BP33" s="73">
        <v>41</v>
      </c>
      <c r="BQ33" s="70">
        <v>3</v>
      </c>
      <c r="BR33" s="71">
        <v>3</v>
      </c>
      <c r="BS33" s="72">
        <v>6</v>
      </c>
      <c r="BT33" s="244"/>
      <c r="BU33" s="71">
        <v>11</v>
      </c>
      <c r="BV33" s="71">
        <v>6</v>
      </c>
      <c r="BW33" s="71">
        <v>9</v>
      </c>
      <c r="BX33" s="71">
        <v>6</v>
      </c>
      <c r="BY33" s="71">
        <v>2</v>
      </c>
      <c r="BZ33" s="72">
        <v>34</v>
      </c>
      <c r="CA33" s="73">
        <v>40</v>
      </c>
      <c r="CB33" s="70">
        <v>0</v>
      </c>
      <c r="CC33" s="71">
        <v>0</v>
      </c>
      <c r="CD33" s="72">
        <v>0</v>
      </c>
      <c r="CE33" s="244"/>
      <c r="CF33" s="71">
        <v>1</v>
      </c>
      <c r="CG33" s="71">
        <v>0</v>
      </c>
      <c r="CH33" s="71">
        <v>3</v>
      </c>
      <c r="CI33" s="71">
        <v>0</v>
      </c>
      <c r="CJ33" s="71">
        <v>2</v>
      </c>
      <c r="CK33" s="72">
        <v>6</v>
      </c>
      <c r="CL33" s="73">
        <v>6</v>
      </c>
      <c r="CM33" s="70">
        <v>19</v>
      </c>
      <c r="CN33" s="71">
        <v>14</v>
      </c>
      <c r="CO33" s="72">
        <v>33</v>
      </c>
      <c r="CP33" s="244"/>
      <c r="CQ33" s="71">
        <v>46</v>
      </c>
      <c r="CR33" s="71">
        <v>32</v>
      </c>
      <c r="CS33" s="71">
        <v>33</v>
      </c>
      <c r="CT33" s="71">
        <v>28</v>
      </c>
      <c r="CU33" s="71">
        <v>13</v>
      </c>
      <c r="CV33" s="72">
        <v>152</v>
      </c>
      <c r="CW33" s="73">
        <v>185</v>
      </c>
      <c r="CX33" s="123">
        <v>48</v>
      </c>
      <c r="CY33" s="82">
        <v>35</v>
      </c>
      <c r="CZ33" s="83">
        <v>83</v>
      </c>
      <c r="DA33" s="241"/>
      <c r="DB33" s="82">
        <v>97</v>
      </c>
      <c r="DC33" s="82">
        <v>64</v>
      </c>
      <c r="DD33" s="82">
        <v>80</v>
      </c>
      <c r="DE33" s="82">
        <v>73</v>
      </c>
      <c r="DF33" s="82">
        <v>36</v>
      </c>
      <c r="DG33" s="84">
        <v>350</v>
      </c>
      <c r="DH33" s="85">
        <v>433</v>
      </c>
      <c r="DI33" s="70">
        <v>1</v>
      </c>
      <c r="DJ33" s="71">
        <v>0</v>
      </c>
      <c r="DK33" s="72">
        <v>1</v>
      </c>
      <c r="DL33" s="244"/>
      <c r="DM33" s="71">
        <v>2</v>
      </c>
      <c r="DN33" s="71">
        <v>1</v>
      </c>
      <c r="DO33" s="71">
        <v>2</v>
      </c>
      <c r="DP33" s="71">
        <v>1</v>
      </c>
      <c r="DQ33" s="71">
        <v>1</v>
      </c>
      <c r="DR33" s="72">
        <v>7</v>
      </c>
      <c r="DS33" s="73">
        <v>8</v>
      </c>
      <c r="DT33" s="70">
        <v>3</v>
      </c>
      <c r="DU33" s="71">
        <v>4</v>
      </c>
      <c r="DV33" s="72">
        <v>7</v>
      </c>
      <c r="DW33" s="244"/>
      <c r="DX33" s="71">
        <v>3</v>
      </c>
      <c r="DY33" s="71">
        <v>3</v>
      </c>
      <c r="DZ33" s="71">
        <v>2</v>
      </c>
      <c r="EA33" s="71">
        <v>1</v>
      </c>
      <c r="EB33" s="71">
        <v>3</v>
      </c>
      <c r="EC33" s="72">
        <v>12</v>
      </c>
      <c r="ED33" s="73">
        <v>19</v>
      </c>
      <c r="EE33" s="70">
        <v>10</v>
      </c>
      <c r="EF33" s="71">
        <v>2</v>
      </c>
      <c r="EG33" s="72">
        <v>12</v>
      </c>
      <c r="EH33" s="244"/>
      <c r="EI33" s="71">
        <v>15</v>
      </c>
      <c r="EJ33" s="71">
        <v>6</v>
      </c>
      <c r="EK33" s="71">
        <v>15</v>
      </c>
      <c r="EL33" s="71">
        <v>5</v>
      </c>
      <c r="EM33" s="71">
        <v>2</v>
      </c>
      <c r="EN33" s="72">
        <v>43</v>
      </c>
      <c r="EO33" s="73">
        <v>55</v>
      </c>
      <c r="EP33" s="70">
        <v>15</v>
      </c>
      <c r="EQ33" s="71">
        <v>8</v>
      </c>
      <c r="ER33" s="72">
        <v>23</v>
      </c>
      <c r="ES33" s="244"/>
      <c r="ET33" s="71">
        <v>29</v>
      </c>
      <c r="EU33" s="71">
        <v>13</v>
      </c>
      <c r="EV33" s="71">
        <v>10</v>
      </c>
      <c r="EW33" s="71">
        <v>10</v>
      </c>
      <c r="EX33" s="71">
        <v>7</v>
      </c>
      <c r="EY33" s="72">
        <v>69</v>
      </c>
      <c r="EZ33" s="73">
        <v>92</v>
      </c>
      <c r="FA33" s="70">
        <v>9</v>
      </c>
      <c r="FB33" s="71">
        <v>12</v>
      </c>
      <c r="FC33" s="72">
        <v>21</v>
      </c>
      <c r="FD33" s="244"/>
      <c r="FE33" s="71">
        <v>26</v>
      </c>
      <c r="FF33" s="71">
        <v>20</v>
      </c>
      <c r="FG33" s="71">
        <v>17</v>
      </c>
      <c r="FH33" s="71">
        <v>25</v>
      </c>
      <c r="FI33" s="71">
        <v>15</v>
      </c>
      <c r="FJ33" s="72">
        <v>103</v>
      </c>
      <c r="FK33" s="73">
        <v>124</v>
      </c>
      <c r="FL33" s="70">
        <v>10</v>
      </c>
      <c r="FM33" s="71">
        <v>9</v>
      </c>
      <c r="FN33" s="72">
        <v>19</v>
      </c>
      <c r="FO33" s="244"/>
      <c r="FP33" s="71">
        <v>22</v>
      </c>
      <c r="FQ33" s="71">
        <v>21</v>
      </c>
      <c r="FR33" s="71">
        <v>34</v>
      </c>
      <c r="FS33" s="71">
        <v>31</v>
      </c>
      <c r="FT33" s="71">
        <v>8</v>
      </c>
      <c r="FU33" s="72">
        <v>116</v>
      </c>
      <c r="FV33" s="73">
        <v>135</v>
      </c>
      <c r="FW33" s="70">
        <v>0</v>
      </c>
      <c r="FX33" s="71">
        <v>0</v>
      </c>
      <c r="FY33" s="72">
        <v>0</v>
      </c>
      <c r="FZ33" s="244"/>
      <c r="GA33" s="71">
        <v>0</v>
      </c>
      <c r="GB33" s="71">
        <v>0</v>
      </c>
      <c r="GC33" s="71">
        <v>1</v>
      </c>
      <c r="GD33" s="71">
        <v>1</v>
      </c>
      <c r="GE33" s="71">
        <v>1</v>
      </c>
      <c r="GF33" s="72">
        <v>3</v>
      </c>
      <c r="GG33" s="73">
        <v>3</v>
      </c>
      <c r="GH33" s="70">
        <v>48</v>
      </c>
      <c r="GI33" s="71">
        <v>35</v>
      </c>
      <c r="GJ33" s="72">
        <v>83</v>
      </c>
      <c r="GK33" s="244"/>
      <c r="GL33" s="71">
        <v>97</v>
      </c>
      <c r="GM33" s="71">
        <v>64</v>
      </c>
      <c r="GN33" s="71">
        <v>81</v>
      </c>
      <c r="GO33" s="71">
        <v>74</v>
      </c>
      <c r="GP33" s="71">
        <v>37</v>
      </c>
      <c r="GQ33" s="72">
        <v>353</v>
      </c>
      <c r="GR33" s="73">
        <v>436</v>
      </c>
      <c r="GS33" s="123">
        <v>67</v>
      </c>
      <c r="GT33" s="82">
        <v>49</v>
      </c>
      <c r="GU33" s="83">
        <v>116</v>
      </c>
      <c r="GV33" s="241"/>
      <c r="GW33" s="82">
        <v>142</v>
      </c>
      <c r="GX33" s="82">
        <v>96</v>
      </c>
      <c r="GY33" s="82">
        <v>110</v>
      </c>
      <c r="GZ33" s="82">
        <v>101</v>
      </c>
      <c r="HA33" s="82">
        <v>47</v>
      </c>
      <c r="HB33" s="84">
        <v>496</v>
      </c>
      <c r="HC33" s="85">
        <v>612</v>
      </c>
      <c r="HD33" s="70">
        <v>3</v>
      </c>
      <c r="HE33" s="71">
        <v>0</v>
      </c>
      <c r="HF33" s="72">
        <v>3</v>
      </c>
      <c r="HG33" s="244"/>
      <c r="HH33" s="71">
        <v>6</v>
      </c>
      <c r="HI33" s="71">
        <v>4</v>
      </c>
      <c r="HJ33" s="71">
        <v>4</v>
      </c>
      <c r="HK33" s="71">
        <v>3</v>
      </c>
      <c r="HL33" s="71">
        <v>2</v>
      </c>
      <c r="HM33" s="72">
        <v>19</v>
      </c>
      <c r="HN33" s="73">
        <v>22</v>
      </c>
      <c r="HO33" s="70">
        <v>9</v>
      </c>
      <c r="HP33" s="71">
        <v>6</v>
      </c>
      <c r="HQ33" s="72">
        <v>15</v>
      </c>
      <c r="HR33" s="244"/>
      <c r="HS33" s="71">
        <v>9</v>
      </c>
      <c r="HT33" s="71">
        <v>7</v>
      </c>
      <c r="HU33" s="71">
        <v>4</v>
      </c>
      <c r="HV33" s="71">
        <v>5</v>
      </c>
      <c r="HW33" s="71">
        <v>5</v>
      </c>
      <c r="HX33" s="72">
        <v>30</v>
      </c>
      <c r="HY33" s="73">
        <v>45</v>
      </c>
      <c r="HZ33" s="70">
        <v>11</v>
      </c>
      <c r="IA33" s="71">
        <v>3</v>
      </c>
      <c r="IB33" s="72">
        <v>14</v>
      </c>
      <c r="IC33" s="244"/>
      <c r="ID33" s="71">
        <v>17</v>
      </c>
      <c r="IE33" s="71">
        <v>10</v>
      </c>
      <c r="IF33" s="71">
        <v>21</v>
      </c>
      <c r="IG33" s="71">
        <v>10</v>
      </c>
      <c r="IH33" s="71">
        <v>3</v>
      </c>
      <c r="II33" s="72">
        <v>61</v>
      </c>
      <c r="IJ33" s="73">
        <v>75</v>
      </c>
      <c r="IK33" s="70">
        <v>17</v>
      </c>
      <c r="IL33" s="71">
        <v>13</v>
      </c>
      <c r="IM33" s="72">
        <v>30</v>
      </c>
      <c r="IN33" s="244"/>
      <c r="IO33" s="71">
        <v>39</v>
      </c>
      <c r="IP33" s="71">
        <v>21</v>
      </c>
      <c r="IQ33" s="71">
        <v>17</v>
      </c>
      <c r="IR33" s="71">
        <v>15</v>
      </c>
      <c r="IS33" s="71">
        <v>8</v>
      </c>
      <c r="IT33" s="72">
        <v>100</v>
      </c>
      <c r="IU33" s="73">
        <v>130</v>
      </c>
      <c r="IV33" s="70">
        <v>14</v>
      </c>
      <c r="IW33" s="71">
        <v>15</v>
      </c>
      <c r="IX33" s="72">
        <v>29</v>
      </c>
      <c r="IY33" s="244"/>
      <c r="IZ33" s="71">
        <v>38</v>
      </c>
      <c r="JA33" s="71">
        <v>27</v>
      </c>
      <c r="JB33" s="71">
        <v>21</v>
      </c>
      <c r="JC33" s="71">
        <v>31</v>
      </c>
      <c r="JD33" s="71">
        <v>19</v>
      </c>
      <c r="JE33" s="72">
        <v>136</v>
      </c>
      <c r="JF33" s="73">
        <v>165</v>
      </c>
      <c r="JG33" s="70">
        <v>13</v>
      </c>
      <c r="JH33" s="71">
        <v>12</v>
      </c>
      <c r="JI33" s="72">
        <v>25</v>
      </c>
      <c r="JJ33" s="244"/>
      <c r="JK33" s="71">
        <v>33</v>
      </c>
      <c r="JL33" s="71">
        <v>27</v>
      </c>
      <c r="JM33" s="71">
        <v>43</v>
      </c>
      <c r="JN33" s="71">
        <v>37</v>
      </c>
      <c r="JO33" s="71">
        <v>10</v>
      </c>
      <c r="JP33" s="72">
        <v>150</v>
      </c>
      <c r="JQ33" s="73">
        <v>175</v>
      </c>
      <c r="JR33" s="70">
        <v>0</v>
      </c>
      <c r="JS33" s="71">
        <v>0</v>
      </c>
      <c r="JT33" s="72">
        <v>0</v>
      </c>
      <c r="JU33" s="244"/>
      <c r="JV33" s="71">
        <v>1</v>
      </c>
      <c r="JW33" s="71">
        <v>0</v>
      </c>
      <c r="JX33" s="71">
        <v>4</v>
      </c>
      <c r="JY33" s="71">
        <v>1</v>
      </c>
      <c r="JZ33" s="71">
        <v>3</v>
      </c>
      <c r="KA33" s="72">
        <v>9</v>
      </c>
      <c r="KB33" s="73">
        <v>9</v>
      </c>
      <c r="KC33" s="70">
        <v>67</v>
      </c>
      <c r="KD33" s="71">
        <v>49</v>
      </c>
      <c r="KE33" s="72">
        <v>116</v>
      </c>
      <c r="KF33" s="244"/>
      <c r="KG33" s="71">
        <v>143</v>
      </c>
      <c r="KH33" s="71">
        <v>96</v>
      </c>
      <c r="KI33" s="71">
        <v>114</v>
      </c>
      <c r="KJ33" s="71">
        <v>102</v>
      </c>
      <c r="KK33" s="71">
        <v>50</v>
      </c>
      <c r="KL33" s="72">
        <v>505</v>
      </c>
      <c r="KM33" s="73">
        <v>621</v>
      </c>
    </row>
    <row r="34" spans="2:299" ht="21" customHeight="1" x14ac:dyDescent="0.2">
      <c r="B34" s="126" t="s">
        <v>31</v>
      </c>
      <c r="C34" s="315">
        <v>23</v>
      </c>
      <c r="D34" s="82">
        <v>35</v>
      </c>
      <c r="E34" s="83">
        <v>58</v>
      </c>
      <c r="F34" s="241"/>
      <c r="G34" s="82">
        <v>58</v>
      </c>
      <c r="H34" s="82">
        <v>48</v>
      </c>
      <c r="I34" s="82">
        <v>36</v>
      </c>
      <c r="J34" s="82">
        <v>30</v>
      </c>
      <c r="K34" s="82">
        <v>12</v>
      </c>
      <c r="L34" s="84">
        <v>184</v>
      </c>
      <c r="M34" s="85">
        <v>242</v>
      </c>
      <c r="N34" s="70">
        <v>0</v>
      </c>
      <c r="O34" s="71">
        <v>0</v>
      </c>
      <c r="P34" s="72">
        <v>0</v>
      </c>
      <c r="Q34" s="244"/>
      <c r="R34" s="71">
        <v>3</v>
      </c>
      <c r="S34" s="71">
        <v>3</v>
      </c>
      <c r="T34" s="71">
        <v>4</v>
      </c>
      <c r="U34" s="71">
        <v>3</v>
      </c>
      <c r="V34" s="71">
        <v>1</v>
      </c>
      <c r="W34" s="72">
        <v>14</v>
      </c>
      <c r="X34" s="73">
        <v>14</v>
      </c>
      <c r="Y34" s="70">
        <v>4</v>
      </c>
      <c r="Z34" s="71">
        <v>4</v>
      </c>
      <c r="AA34" s="72">
        <v>8</v>
      </c>
      <c r="AB34" s="244"/>
      <c r="AC34" s="71">
        <v>6</v>
      </c>
      <c r="AD34" s="71">
        <v>6</v>
      </c>
      <c r="AE34" s="71">
        <v>5</v>
      </c>
      <c r="AF34" s="71">
        <v>3</v>
      </c>
      <c r="AG34" s="71">
        <v>2</v>
      </c>
      <c r="AH34" s="72">
        <v>22</v>
      </c>
      <c r="AI34" s="73">
        <v>30</v>
      </c>
      <c r="AJ34" s="70">
        <v>2</v>
      </c>
      <c r="AK34" s="71">
        <v>5</v>
      </c>
      <c r="AL34" s="72">
        <v>7</v>
      </c>
      <c r="AM34" s="244"/>
      <c r="AN34" s="71">
        <v>7</v>
      </c>
      <c r="AO34" s="71">
        <v>7</v>
      </c>
      <c r="AP34" s="71">
        <v>7</v>
      </c>
      <c r="AQ34" s="71">
        <v>8</v>
      </c>
      <c r="AR34" s="71">
        <v>1</v>
      </c>
      <c r="AS34" s="72">
        <v>30</v>
      </c>
      <c r="AT34" s="73">
        <v>37</v>
      </c>
      <c r="AU34" s="70">
        <v>4</v>
      </c>
      <c r="AV34" s="71">
        <v>12</v>
      </c>
      <c r="AW34" s="72">
        <v>16</v>
      </c>
      <c r="AX34" s="244"/>
      <c r="AY34" s="71">
        <v>19</v>
      </c>
      <c r="AZ34" s="71">
        <v>14</v>
      </c>
      <c r="BA34" s="71">
        <v>3</v>
      </c>
      <c r="BB34" s="71">
        <v>2</v>
      </c>
      <c r="BC34" s="71">
        <v>2</v>
      </c>
      <c r="BD34" s="72">
        <v>40</v>
      </c>
      <c r="BE34" s="73">
        <v>56</v>
      </c>
      <c r="BF34" s="70">
        <v>6</v>
      </c>
      <c r="BG34" s="71">
        <v>8</v>
      </c>
      <c r="BH34" s="72">
        <v>14</v>
      </c>
      <c r="BI34" s="244"/>
      <c r="BJ34" s="71">
        <v>13</v>
      </c>
      <c r="BK34" s="71">
        <v>10</v>
      </c>
      <c r="BL34" s="71">
        <v>5</v>
      </c>
      <c r="BM34" s="71">
        <v>4</v>
      </c>
      <c r="BN34" s="71">
        <v>2</v>
      </c>
      <c r="BO34" s="72">
        <v>34</v>
      </c>
      <c r="BP34" s="73">
        <v>48</v>
      </c>
      <c r="BQ34" s="70">
        <v>7</v>
      </c>
      <c r="BR34" s="71">
        <v>6</v>
      </c>
      <c r="BS34" s="72">
        <v>13</v>
      </c>
      <c r="BT34" s="244"/>
      <c r="BU34" s="71">
        <v>10</v>
      </c>
      <c r="BV34" s="71">
        <v>8</v>
      </c>
      <c r="BW34" s="71">
        <v>12</v>
      </c>
      <c r="BX34" s="71">
        <v>10</v>
      </c>
      <c r="BY34" s="71">
        <v>4</v>
      </c>
      <c r="BZ34" s="72">
        <v>44</v>
      </c>
      <c r="CA34" s="73">
        <v>57</v>
      </c>
      <c r="CB34" s="70">
        <v>0</v>
      </c>
      <c r="CC34" s="71">
        <v>3</v>
      </c>
      <c r="CD34" s="72">
        <v>3</v>
      </c>
      <c r="CE34" s="244"/>
      <c r="CF34" s="71">
        <v>3</v>
      </c>
      <c r="CG34" s="71">
        <v>1</v>
      </c>
      <c r="CH34" s="71">
        <v>0</v>
      </c>
      <c r="CI34" s="71">
        <v>1</v>
      </c>
      <c r="CJ34" s="71">
        <v>1</v>
      </c>
      <c r="CK34" s="72">
        <v>6</v>
      </c>
      <c r="CL34" s="73">
        <v>9</v>
      </c>
      <c r="CM34" s="70">
        <v>23</v>
      </c>
      <c r="CN34" s="71">
        <v>38</v>
      </c>
      <c r="CO34" s="72">
        <v>61</v>
      </c>
      <c r="CP34" s="244"/>
      <c r="CQ34" s="71">
        <v>61</v>
      </c>
      <c r="CR34" s="71">
        <v>49</v>
      </c>
      <c r="CS34" s="71">
        <v>36</v>
      </c>
      <c r="CT34" s="71">
        <v>31</v>
      </c>
      <c r="CU34" s="71">
        <v>13</v>
      </c>
      <c r="CV34" s="72">
        <v>190</v>
      </c>
      <c r="CW34" s="73">
        <v>251</v>
      </c>
      <c r="CX34" s="123">
        <v>50</v>
      </c>
      <c r="CY34" s="82">
        <v>84</v>
      </c>
      <c r="CZ34" s="83">
        <v>134</v>
      </c>
      <c r="DA34" s="241"/>
      <c r="DB34" s="82">
        <v>113</v>
      </c>
      <c r="DC34" s="82">
        <v>85</v>
      </c>
      <c r="DD34" s="82">
        <v>87</v>
      </c>
      <c r="DE34" s="82">
        <v>58</v>
      </c>
      <c r="DF34" s="82">
        <v>40</v>
      </c>
      <c r="DG34" s="84">
        <v>383</v>
      </c>
      <c r="DH34" s="85">
        <v>517</v>
      </c>
      <c r="DI34" s="70">
        <v>0</v>
      </c>
      <c r="DJ34" s="71">
        <v>4</v>
      </c>
      <c r="DK34" s="72">
        <v>4</v>
      </c>
      <c r="DL34" s="244"/>
      <c r="DM34" s="71">
        <v>0</v>
      </c>
      <c r="DN34" s="71">
        <v>1</v>
      </c>
      <c r="DO34" s="71">
        <v>0</v>
      </c>
      <c r="DP34" s="71">
        <v>2</v>
      </c>
      <c r="DQ34" s="71">
        <v>2</v>
      </c>
      <c r="DR34" s="72">
        <v>5</v>
      </c>
      <c r="DS34" s="73">
        <v>9</v>
      </c>
      <c r="DT34" s="70">
        <v>1</v>
      </c>
      <c r="DU34" s="71">
        <v>5</v>
      </c>
      <c r="DV34" s="72">
        <v>6</v>
      </c>
      <c r="DW34" s="244"/>
      <c r="DX34" s="71">
        <v>14</v>
      </c>
      <c r="DY34" s="71">
        <v>6</v>
      </c>
      <c r="DZ34" s="71">
        <v>4</v>
      </c>
      <c r="EA34" s="71">
        <v>6</v>
      </c>
      <c r="EB34" s="71">
        <v>2</v>
      </c>
      <c r="EC34" s="72">
        <v>32</v>
      </c>
      <c r="ED34" s="73">
        <v>38</v>
      </c>
      <c r="EE34" s="70">
        <v>5</v>
      </c>
      <c r="EF34" s="71">
        <v>12</v>
      </c>
      <c r="EG34" s="72">
        <v>17</v>
      </c>
      <c r="EH34" s="244"/>
      <c r="EI34" s="71">
        <v>11</v>
      </c>
      <c r="EJ34" s="71">
        <v>3</v>
      </c>
      <c r="EK34" s="71">
        <v>3</v>
      </c>
      <c r="EL34" s="71">
        <v>4</v>
      </c>
      <c r="EM34" s="71">
        <v>1</v>
      </c>
      <c r="EN34" s="72">
        <v>22</v>
      </c>
      <c r="EO34" s="73">
        <v>39</v>
      </c>
      <c r="EP34" s="70">
        <v>17</v>
      </c>
      <c r="EQ34" s="71">
        <v>17</v>
      </c>
      <c r="ER34" s="72">
        <v>34</v>
      </c>
      <c r="ES34" s="244"/>
      <c r="ET34" s="71">
        <v>21</v>
      </c>
      <c r="EU34" s="71">
        <v>17</v>
      </c>
      <c r="EV34" s="71">
        <v>18</v>
      </c>
      <c r="EW34" s="71">
        <v>6</v>
      </c>
      <c r="EX34" s="71">
        <v>2</v>
      </c>
      <c r="EY34" s="72">
        <v>64</v>
      </c>
      <c r="EZ34" s="73">
        <v>98</v>
      </c>
      <c r="FA34" s="70">
        <v>21</v>
      </c>
      <c r="FB34" s="71">
        <v>26</v>
      </c>
      <c r="FC34" s="72">
        <v>47</v>
      </c>
      <c r="FD34" s="244"/>
      <c r="FE34" s="71">
        <v>28</v>
      </c>
      <c r="FF34" s="71">
        <v>24</v>
      </c>
      <c r="FG34" s="71">
        <v>24</v>
      </c>
      <c r="FH34" s="71">
        <v>14</v>
      </c>
      <c r="FI34" s="71">
        <v>10</v>
      </c>
      <c r="FJ34" s="72">
        <v>100</v>
      </c>
      <c r="FK34" s="73">
        <v>147</v>
      </c>
      <c r="FL34" s="70">
        <v>6</v>
      </c>
      <c r="FM34" s="71">
        <v>20</v>
      </c>
      <c r="FN34" s="72">
        <v>26</v>
      </c>
      <c r="FO34" s="244"/>
      <c r="FP34" s="71">
        <v>39</v>
      </c>
      <c r="FQ34" s="71">
        <v>34</v>
      </c>
      <c r="FR34" s="71">
        <v>38</v>
      </c>
      <c r="FS34" s="71">
        <v>26</v>
      </c>
      <c r="FT34" s="71">
        <v>23</v>
      </c>
      <c r="FU34" s="72">
        <v>160</v>
      </c>
      <c r="FV34" s="73">
        <v>186</v>
      </c>
      <c r="FW34" s="70">
        <v>0</v>
      </c>
      <c r="FX34" s="71">
        <v>0</v>
      </c>
      <c r="FY34" s="72">
        <v>0</v>
      </c>
      <c r="FZ34" s="244"/>
      <c r="GA34" s="71">
        <v>2</v>
      </c>
      <c r="GB34" s="71">
        <v>0</v>
      </c>
      <c r="GC34" s="71">
        <v>1</v>
      </c>
      <c r="GD34" s="71">
        <v>1</v>
      </c>
      <c r="GE34" s="71">
        <v>1</v>
      </c>
      <c r="GF34" s="72">
        <v>5</v>
      </c>
      <c r="GG34" s="73">
        <v>5</v>
      </c>
      <c r="GH34" s="70">
        <v>50</v>
      </c>
      <c r="GI34" s="71">
        <v>84</v>
      </c>
      <c r="GJ34" s="72">
        <v>134</v>
      </c>
      <c r="GK34" s="244"/>
      <c r="GL34" s="71">
        <v>115</v>
      </c>
      <c r="GM34" s="71">
        <v>85</v>
      </c>
      <c r="GN34" s="71">
        <v>88</v>
      </c>
      <c r="GO34" s="71">
        <v>59</v>
      </c>
      <c r="GP34" s="71">
        <v>41</v>
      </c>
      <c r="GQ34" s="72">
        <v>388</v>
      </c>
      <c r="GR34" s="73">
        <v>522</v>
      </c>
      <c r="GS34" s="123">
        <v>73</v>
      </c>
      <c r="GT34" s="82">
        <v>119</v>
      </c>
      <c r="GU34" s="83">
        <v>192</v>
      </c>
      <c r="GV34" s="241"/>
      <c r="GW34" s="82">
        <v>171</v>
      </c>
      <c r="GX34" s="82">
        <v>133</v>
      </c>
      <c r="GY34" s="82">
        <v>123</v>
      </c>
      <c r="GZ34" s="82">
        <v>88</v>
      </c>
      <c r="HA34" s="82">
        <v>52</v>
      </c>
      <c r="HB34" s="84">
        <v>567</v>
      </c>
      <c r="HC34" s="85">
        <v>759</v>
      </c>
      <c r="HD34" s="70">
        <v>0</v>
      </c>
      <c r="HE34" s="71">
        <v>4</v>
      </c>
      <c r="HF34" s="72">
        <v>4</v>
      </c>
      <c r="HG34" s="244"/>
      <c r="HH34" s="71">
        <v>3</v>
      </c>
      <c r="HI34" s="71">
        <v>4</v>
      </c>
      <c r="HJ34" s="71">
        <v>4</v>
      </c>
      <c r="HK34" s="71">
        <v>5</v>
      </c>
      <c r="HL34" s="71">
        <v>3</v>
      </c>
      <c r="HM34" s="72">
        <v>19</v>
      </c>
      <c r="HN34" s="73">
        <v>23</v>
      </c>
      <c r="HO34" s="70">
        <v>5</v>
      </c>
      <c r="HP34" s="71">
        <v>9</v>
      </c>
      <c r="HQ34" s="72">
        <v>14</v>
      </c>
      <c r="HR34" s="244"/>
      <c r="HS34" s="71">
        <v>20</v>
      </c>
      <c r="HT34" s="71">
        <v>12</v>
      </c>
      <c r="HU34" s="71">
        <v>9</v>
      </c>
      <c r="HV34" s="71">
        <v>9</v>
      </c>
      <c r="HW34" s="71">
        <v>4</v>
      </c>
      <c r="HX34" s="72">
        <v>54</v>
      </c>
      <c r="HY34" s="73">
        <v>68</v>
      </c>
      <c r="HZ34" s="70">
        <v>7</v>
      </c>
      <c r="IA34" s="71">
        <v>17</v>
      </c>
      <c r="IB34" s="72">
        <v>24</v>
      </c>
      <c r="IC34" s="244"/>
      <c r="ID34" s="71">
        <v>18</v>
      </c>
      <c r="IE34" s="71">
        <v>10</v>
      </c>
      <c r="IF34" s="71">
        <v>10</v>
      </c>
      <c r="IG34" s="71">
        <v>12</v>
      </c>
      <c r="IH34" s="71">
        <v>2</v>
      </c>
      <c r="II34" s="72">
        <v>52</v>
      </c>
      <c r="IJ34" s="73">
        <v>76</v>
      </c>
      <c r="IK34" s="70">
        <v>21</v>
      </c>
      <c r="IL34" s="71">
        <v>29</v>
      </c>
      <c r="IM34" s="72">
        <v>50</v>
      </c>
      <c r="IN34" s="244"/>
      <c r="IO34" s="71">
        <v>40</v>
      </c>
      <c r="IP34" s="71">
        <v>31</v>
      </c>
      <c r="IQ34" s="71">
        <v>21</v>
      </c>
      <c r="IR34" s="71">
        <v>8</v>
      </c>
      <c r="IS34" s="71">
        <v>4</v>
      </c>
      <c r="IT34" s="72">
        <v>104</v>
      </c>
      <c r="IU34" s="73">
        <v>154</v>
      </c>
      <c r="IV34" s="70">
        <v>27</v>
      </c>
      <c r="IW34" s="71">
        <v>34</v>
      </c>
      <c r="IX34" s="72">
        <v>61</v>
      </c>
      <c r="IY34" s="244"/>
      <c r="IZ34" s="71">
        <v>41</v>
      </c>
      <c r="JA34" s="71">
        <v>34</v>
      </c>
      <c r="JB34" s="71">
        <v>29</v>
      </c>
      <c r="JC34" s="71">
        <v>18</v>
      </c>
      <c r="JD34" s="71">
        <v>12</v>
      </c>
      <c r="JE34" s="72">
        <v>134</v>
      </c>
      <c r="JF34" s="73">
        <v>195</v>
      </c>
      <c r="JG34" s="70">
        <v>13</v>
      </c>
      <c r="JH34" s="71">
        <v>26</v>
      </c>
      <c r="JI34" s="72">
        <v>39</v>
      </c>
      <c r="JJ34" s="244"/>
      <c r="JK34" s="71">
        <v>49</v>
      </c>
      <c r="JL34" s="71">
        <v>42</v>
      </c>
      <c r="JM34" s="71">
        <v>50</v>
      </c>
      <c r="JN34" s="71">
        <v>36</v>
      </c>
      <c r="JO34" s="71">
        <v>27</v>
      </c>
      <c r="JP34" s="72">
        <v>204</v>
      </c>
      <c r="JQ34" s="73">
        <v>243</v>
      </c>
      <c r="JR34" s="70">
        <v>0</v>
      </c>
      <c r="JS34" s="71">
        <v>3</v>
      </c>
      <c r="JT34" s="72">
        <v>3</v>
      </c>
      <c r="JU34" s="244"/>
      <c r="JV34" s="71">
        <v>5</v>
      </c>
      <c r="JW34" s="71">
        <v>1</v>
      </c>
      <c r="JX34" s="71">
        <v>1</v>
      </c>
      <c r="JY34" s="71">
        <v>2</v>
      </c>
      <c r="JZ34" s="71">
        <v>2</v>
      </c>
      <c r="KA34" s="72">
        <v>11</v>
      </c>
      <c r="KB34" s="73">
        <v>14</v>
      </c>
      <c r="KC34" s="70">
        <v>73</v>
      </c>
      <c r="KD34" s="71">
        <v>122</v>
      </c>
      <c r="KE34" s="72">
        <v>195</v>
      </c>
      <c r="KF34" s="244"/>
      <c r="KG34" s="71">
        <v>176</v>
      </c>
      <c r="KH34" s="71">
        <v>134</v>
      </c>
      <c r="KI34" s="71">
        <v>124</v>
      </c>
      <c r="KJ34" s="71">
        <v>90</v>
      </c>
      <c r="KK34" s="71">
        <v>54</v>
      </c>
      <c r="KL34" s="72">
        <v>578</v>
      </c>
      <c r="KM34" s="73">
        <v>773</v>
      </c>
    </row>
    <row r="35" spans="2:299" ht="21" customHeight="1" x14ac:dyDescent="0.2">
      <c r="B35" s="126" t="s">
        <v>32</v>
      </c>
      <c r="C35" s="315">
        <v>31</v>
      </c>
      <c r="D35" s="82">
        <v>22</v>
      </c>
      <c r="E35" s="83">
        <v>53</v>
      </c>
      <c r="F35" s="241"/>
      <c r="G35" s="82">
        <v>61</v>
      </c>
      <c r="H35" s="82">
        <v>61</v>
      </c>
      <c r="I35" s="82">
        <v>38</v>
      </c>
      <c r="J35" s="82">
        <v>29</v>
      </c>
      <c r="K35" s="82">
        <v>21</v>
      </c>
      <c r="L35" s="84">
        <v>210</v>
      </c>
      <c r="M35" s="85">
        <v>263</v>
      </c>
      <c r="N35" s="70">
        <v>3</v>
      </c>
      <c r="O35" s="71">
        <v>2</v>
      </c>
      <c r="P35" s="72">
        <v>5</v>
      </c>
      <c r="Q35" s="244"/>
      <c r="R35" s="71">
        <v>5</v>
      </c>
      <c r="S35" s="71">
        <v>1</v>
      </c>
      <c r="T35" s="71">
        <v>1</v>
      </c>
      <c r="U35" s="71">
        <v>2</v>
      </c>
      <c r="V35" s="71">
        <v>1</v>
      </c>
      <c r="W35" s="72">
        <v>10</v>
      </c>
      <c r="X35" s="73">
        <v>15</v>
      </c>
      <c r="Y35" s="70">
        <v>11</v>
      </c>
      <c r="Z35" s="71">
        <v>1</v>
      </c>
      <c r="AA35" s="72">
        <v>12</v>
      </c>
      <c r="AB35" s="244"/>
      <c r="AC35" s="71">
        <v>3</v>
      </c>
      <c r="AD35" s="71">
        <v>4</v>
      </c>
      <c r="AE35" s="71">
        <v>3</v>
      </c>
      <c r="AF35" s="71">
        <v>5</v>
      </c>
      <c r="AG35" s="71">
        <v>2</v>
      </c>
      <c r="AH35" s="72">
        <v>17</v>
      </c>
      <c r="AI35" s="73">
        <v>29</v>
      </c>
      <c r="AJ35" s="70">
        <v>2</v>
      </c>
      <c r="AK35" s="71">
        <v>0</v>
      </c>
      <c r="AL35" s="72">
        <v>2</v>
      </c>
      <c r="AM35" s="244"/>
      <c r="AN35" s="71">
        <v>9</v>
      </c>
      <c r="AO35" s="71">
        <v>11</v>
      </c>
      <c r="AP35" s="71">
        <v>4</v>
      </c>
      <c r="AQ35" s="71">
        <v>3</v>
      </c>
      <c r="AR35" s="71">
        <v>7</v>
      </c>
      <c r="AS35" s="72">
        <v>34</v>
      </c>
      <c r="AT35" s="73">
        <v>36</v>
      </c>
      <c r="AU35" s="70">
        <v>7</v>
      </c>
      <c r="AV35" s="71">
        <v>7</v>
      </c>
      <c r="AW35" s="72">
        <v>14</v>
      </c>
      <c r="AX35" s="244"/>
      <c r="AY35" s="71">
        <v>18</v>
      </c>
      <c r="AZ35" s="71">
        <v>16</v>
      </c>
      <c r="BA35" s="71">
        <v>10</v>
      </c>
      <c r="BB35" s="71">
        <v>8</v>
      </c>
      <c r="BC35" s="71">
        <v>5</v>
      </c>
      <c r="BD35" s="72">
        <v>57</v>
      </c>
      <c r="BE35" s="73">
        <v>71</v>
      </c>
      <c r="BF35" s="70">
        <v>7</v>
      </c>
      <c r="BG35" s="71">
        <v>8</v>
      </c>
      <c r="BH35" s="72">
        <v>15</v>
      </c>
      <c r="BI35" s="244"/>
      <c r="BJ35" s="71">
        <v>16</v>
      </c>
      <c r="BK35" s="71">
        <v>16</v>
      </c>
      <c r="BL35" s="71">
        <v>13</v>
      </c>
      <c r="BM35" s="71">
        <v>8</v>
      </c>
      <c r="BN35" s="71">
        <v>5</v>
      </c>
      <c r="BO35" s="72">
        <v>58</v>
      </c>
      <c r="BP35" s="73">
        <v>73</v>
      </c>
      <c r="BQ35" s="70">
        <v>1</v>
      </c>
      <c r="BR35" s="71">
        <v>4</v>
      </c>
      <c r="BS35" s="72">
        <v>5</v>
      </c>
      <c r="BT35" s="244"/>
      <c r="BU35" s="71">
        <v>10</v>
      </c>
      <c r="BV35" s="71">
        <v>13</v>
      </c>
      <c r="BW35" s="71">
        <v>7</v>
      </c>
      <c r="BX35" s="71">
        <v>3</v>
      </c>
      <c r="BY35" s="71">
        <v>1</v>
      </c>
      <c r="BZ35" s="72">
        <v>34</v>
      </c>
      <c r="CA35" s="73">
        <v>39</v>
      </c>
      <c r="CB35" s="70">
        <v>1</v>
      </c>
      <c r="CC35" s="71">
        <v>1</v>
      </c>
      <c r="CD35" s="72">
        <v>2</v>
      </c>
      <c r="CE35" s="244"/>
      <c r="CF35" s="71">
        <v>6</v>
      </c>
      <c r="CG35" s="71">
        <v>5</v>
      </c>
      <c r="CH35" s="71">
        <v>2</v>
      </c>
      <c r="CI35" s="71">
        <v>2</v>
      </c>
      <c r="CJ35" s="71">
        <v>3</v>
      </c>
      <c r="CK35" s="72">
        <v>18</v>
      </c>
      <c r="CL35" s="73">
        <v>20</v>
      </c>
      <c r="CM35" s="70">
        <v>32</v>
      </c>
      <c r="CN35" s="71">
        <v>23</v>
      </c>
      <c r="CO35" s="72">
        <v>55</v>
      </c>
      <c r="CP35" s="244"/>
      <c r="CQ35" s="71">
        <v>67</v>
      </c>
      <c r="CR35" s="71">
        <v>66</v>
      </c>
      <c r="CS35" s="71">
        <v>40</v>
      </c>
      <c r="CT35" s="71">
        <v>31</v>
      </c>
      <c r="CU35" s="71">
        <v>24</v>
      </c>
      <c r="CV35" s="72">
        <v>228</v>
      </c>
      <c r="CW35" s="73">
        <v>283</v>
      </c>
      <c r="CX35" s="123">
        <v>44</v>
      </c>
      <c r="CY35" s="82">
        <v>65</v>
      </c>
      <c r="CZ35" s="83">
        <v>109</v>
      </c>
      <c r="DA35" s="241"/>
      <c r="DB35" s="82">
        <v>125</v>
      </c>
      <c r="DC35" s="82">
        <v>81</v>
      </c>
      <c r="DD35" s="82">
        <v>80</v>
      </c>
      <c r="DE35" s="82">
        <v>73</v>
      </c>
      <c r="DF35" s="82">
        <v>40</v>
      </c>
      <c r="DG35" s="84">
        <v>399</v>
      </c>
      <c r="DH35" s="85">
        <v>508</v>
      </c>
      <c r="DI35" s="70">
        <v>2</v>
      </c>
      <c r="DJ35" s="71">
        <v>2</v>
      </c>
      <c r="DK35" s="72">
        <v>4</v>
      </c>
      <c r="DL35" s="244"/>
      <c r="DM35" s="71">
        <v>2</v>
      </c>
      <c r="DN35" s="71">
        <v>3</v>
      </c>
      <c r="DO35" s="71">
        <v>1</v>
      </c>
      <c r="DP35" s="71">
        <v>0</v>
      </c>
      <c r="DQ35" s="71">
        <v>2</v>
      </c>
      <c r="DR35" s="72">
        <v>8</v>
      </c>
      <c r="DS35" s="73">
        <v>12</v>
      </c>
      <c r="DT35" s="70">
        <v>3</v>
      </c>
      <c r="DU35" s="71">
        <v>3</v>
      </c>
      <c r="DV35" s="72">
        <v>6</v>
      </c>
      <c r="DW35" s="244"/>
      <c r="DX35" s="71">
        <v>9</v>
      </c>
      <c r="DY35" s="71">
        <v>1</v>
      </c>
      <c r="DZ35" s="71">
        <v>2</v>
      </c>
      <c r="EA35" s="71">
        <v>5</v>
      </c>
      <c r="EB35" s="71">
        <v>2</v>
      </c>
      <c r="EC35" s="72">
        <v>19</v>
      </c>
      <c r="ED35" s="73">
        <v>25</v>
      </c>
      <c r="EE35" s="70">
        <v>7</v>
      </c>
      <c r="EF35" s="71">
        <v>9</v>
      </c>
      <c r="EG35" s="72">
        <v>16</v>
      </c>
      <c r="EH35" s="244"/>
      <c r="EI35" s="71">
        <v>16</v>
      </c>
      <c r="EJ35" s="71">
        <v>5</v>
      </c>
      <c r="EK35" s="71">
        <v>5</v>
      </c>
      <c r="EL35" s="71">
        <v>3</v>
      </c>
      <c r="EM35" s="71">
        <v>5</v>
      </c>
      <c r="EN35" s="72">
        <v>34</v>
      </c>
      <c r="EO35" s="73">
        <v>50</v>
      </c>
      <c r="EP35" s="70">
        <v>13</v>
      </c>
      <c r="EQ35" s="71">
        <v>15</v>
      </c>
      <c r="ER35" s="72">
        <v>28</v>
      </c>
      <c r="ES35" s="244"/>
      <c r="ET35" s="71">
        <v>26</v>
      </c>
      <c r="EU35" s="71">
        <v>20</v>
      </c>
      <c r="EV35" s="71">
        <v>19</v>
      </c>
      <c r="EW35" s="71">
        <v>8</v>
      </c>
      <c r="EX35" s="71">
        <v>9</v>
      </c>
      <c r="EY35" s="72">
        <v>82</v>
      </c>
      <c r="EZ35" s="73">
        <v>110</v>
      </c>
      <c r="FA35" s="70">
        <v>13</v>
      </c>
      <c r="FB35" s="71">
        <v>14</v>
      </c>
      <c r="FC35" s="72">
        <v>27</v>
      </c>
      <c r="FD35" s="244"/>
      <c r="FE35" s="71">
        <v>38</v>
      </c>
      <c r="FF35" s="71">
        <v>18</v>
      </c>
      <c r="FG35" s="71">
        <v>17</v>
      </c>
      <c r="FH35" s="71">
        <v>23</v>
      </c>
      <c r="FI35" s="71">
        <v>8</v>
      </c>
      <c r="FJ35" s="72">
        <v>104</v>
      </c>
      <c r="FK35" s="73">
        <v>131</v>
      </c>
      <c r="FL35" s="70">
        <v>6</v>
      </c>
      <c r="FM35" s="71">
        <v>22</v>
      </c>
      <c r="FN35" s="72">
        <v>28</v>
      </c>
      <c r="FO35" s="244"/>
      <c r="FP35" s="71">
        <v>34</v>
      </c>
      <c r="FQ35" s="71">
        <v>34</v>
      </c>
      <c r="FR35" s="71">
        <v>36</v>
      </c>
      <c r="FS35" s="71">
        <v>34</v>
      </c>
      <c r="FT35" s="71">
        <v>14</v>
      </c>
      <c r="FU35" s="72">
        <v>152</v>
      </c>
      <c r="FV35" s="73">
        <v>180</v>
      </c>
      <c r="FW35" s="70">
        <v>1</v>
      </c>
      <c r="FX35" s="71">
        <v>2</v>
      </c>
      <c r="FY35" s="72">
        <v>3</v>
      </c>
      <c r="FZ35" s="244"/>
      <c r="GA35" s="71">
        <v>3</v>
      </c>
      <c r="GB35" s="71">
        <v>3</v>
      </c>
      <c r="GC35" s="71">
        <v>2</v>
      </c>
      <c r="GD35" s="71">
        <v>0</v>
      </c>
      <c r="GE35" s="71">
        <v>3</v>
      </c>
      <c r="GF35" s="72">
        <v>11</v>
      </c>
      <c r="GG35" s="73">
        <v>14</v>
      </c>
      <c r="GH35" s="70">
        <v>45</v>
      </c>
      <c r="GI35" s="71">
        <v>67</v>
      </c>
      <c r="GJ35" s="72">
        <v>112</v>
      </c>
      <c r="GK35" s="244"/>
      <c r="GL35" s="71">
        <v>128</v>
      </c>
      <c r="GM35" s="71">
        <v>84</v>
      </c>
      <c r="GN35" s="71">
        <v>82</v>
      </c>
      <c r="GO35" s="71">
        <v>73</v>
      </c>
      <c r="GP35" s="71">
        <v>43</v>
      </c>
      <c r="GQ35" s="72">
        <v>410</v>
      </c>
      <c r="GR35" s="73">
        <v>522</v>
      </c>
      <c r="GS35" s="123">
        <v>75</v>
      </c>
      <c r="GT35" s="82">
        <v>87</v>
      </c>
      <c r="GU35" s="83">
        <v>162</v>
      </c>
      <c r="GV35" s="241"/>
      <c r="GW35" s="82">
        <v>186</v>
      </c>
      <c r="GX35" s="82">
        <v>142</v>
      </c>
      <c r="GY35" s="82">
        <v>118</v>
      </c>
      <c r="GZ35" s="82">
        <v>102</v>
      </c>
      <c r="HA35" s="82">
        <v>61</v>
      </c>
      <c r="HB35" s="84">
        <v>609</v>
      </c>
      <c r="HC35" s="85">
        <v>771</v>
      </c>
      <c r="HD35" s="70">
        <v>5</v>
      </c>
      <c r="HE35" s="71">
        <v>4</v>
      </c>
      <c r="HF35" s="72">
        <v>9</v>
      </c>
      <c r="HG35" s="244"/>
      <c r="HH35" s="71">
        <v>7</v>
      </c>
      <c r="HI35" s="71">
        <v>4</v>
      </c>
      <c r="HJ35" s="71">
        <v>2</v>
      </c>
      <c r="HK35" s="71">
        <v>2</v>
      </c>
      <c r="HL35" s="71">
        <v>3</v>
      </c>
      <c r="HM35" s="72">
        <v>18</v>
      </c>
      <c r="HN35" s="73">
        <v>27</v>
      </c>
      <c r="HO35" s="70">
        <v>14</v>
      </c>
      <c r="HP35" s="71">
        <v>4</v>
      </c>
      <c r="HQ35" s="72">
        <v>18</v>
      </c>
      <c r="HR35" s="244"/>
      <c r="HS35" s="71">
        <v>12</v>
      </c>
      <c r="HT35" s="71">
        <v>5</v>
      </c>
      <c r="HU35" s="71">
        <v>5</v>
      </c>
      <c r="HV35" s="71">
        <v>10</v>
      </c>
      <c r="HW35" s="71">
        <v>4</v>
      </c>
      <c r="HX35" s="72">
        <v>36</v>
      </c>
      <c r="HY35" s="73">
        <v>54</v>
      </c>
      <c r="HZ35" s="70">
        <v>9</v>
      </c>
      <c r="IA35" s="71">
        <v>9</v>
      </c>
      <c r="IB35" s="72">
        <v>18</v>
      </c>
      <c r="IC35" s="244"/>
      <c r="ID35" s="71">
        <v>25</v>
      </c>
      <c r="IE35" s="71">
        <v>16</v>
      </c>
      <c r="IF35" s="71">
        <v>9</v>
      </c>
      <c r="IG35" s="71">
        <v>6</v>
      </c>
      <c r="IH35" s="71">
        <v>12</v>
      </c>
      <c r="II35" s="72">
        <v>68</v>
      </c>
      <c r="IJ35" s="73">
        <v>86</v>
      </c>
      <c r="IK35" s="70">
        <v>20</v>
      </c>
      <c r="IL35" s="71">
        <v>22</v>
      </c>
      <c r="IM35" s="72">
        <v>42</v>
      </c>
      <c r="IN35" s="244"/>
      <c r="IO35" s="71">
        <v>44</v>
      </c>
      <c r="IP35" s="71">
        <v>36</v>
      </c>
      <c r="IQ35" s="71">
        <v>29</v>
      </c>
      <c r="IR35" s="71">
        <v>16</v>
      </c>
      <c r="IS35" s="71">
        <v>14</v>
      </c>
      <c r="IT35" s="72">
        <v>139</v>
      </c>
      <c r="IU35" s="73">
        <v>181</v>
      </c>
      <c r="IV35" s="70">
        <v>20</v>
      </c>
      <c r="IW35" s="71">
        <v>22</v>
      </c>
      <c r="IX35" s="72">
        <v>42</v>
      </c>
      <c r="IY35" s="244"/>
      <c r="IZ35" s="71">
        <v>54</v>
      </c>
      <c r="JA35" s="71">
        <v>34</v>
      </c>
      <c r="JB35" s="71">
        <v>30</v>
      </c>
      <c r="JC35" s="71">
        <v>31</v>
      </c>
      <c r="JD35" s="71">
        <v>13</v>
      </c>
      <c r="JE35" s="72">
        <v>162</v>
      </c>
      <c r="JF35" s="73">
        <v>204</v>
      </c>
      <c r="JG35" s="70">
        <v>7</v>
      </c>
      <c r="JH35" s="71">
        <v>26</v>
      </c>
      <c r="JI35" s="72">
        <v>33</v>
      </c>
      <c r="JJ35" s="244"/>
      <c r="JK35" s="71">
        <v>44</v>
      </c>
      <c r="JL35" s="71">
        <v>47</v>
      </c>
      <c r="JM35" s="71">
        <v>43</v>
      </c>
      <c r="JN35" s="71">
        <v>37</v>
      </c>
      <c r="JO35" s="71">
        <v>15</v>
      </c>
      <c r="JP35" s="72">
        <v>186</v>
      </c>
      <c r="JQ35" s="73">
        <v>219</v>
      </c>
      <c r="JR35" s="70">
        <v>2</v>
      </c>
      <c r="JS35" s="71">
        <v>3</v>
      </c>
      <c r="JT35" s="72">
        <v>5</v>
      </c>
      <c r="JU35" s="244"/>
      <c r="JV35" s="71">
        <v>9</v>
      </c>
      <c r="JW35" s="71">
        <v>8</v>
      </c>
      <c r="JX35" s="71">
        <v>4</v>
      </c>
      <c r="JY35" s="71">
        <v>2</v>
      </c>
      <c r="JZ35" s="71">
        <v>6</v>
      </c>
      <c r="KA35" s="72">
        <v>29</v>
      </c>
      <c r="KB35" s="73">
        <v>34</v>
      </c>
      <c r="KC35" s="70">
        <v>77</v>
      </c>
      <c r="KD35" s="71">
        <v>90</v>
      </c>
      <c r="KE35" s="72">
        <v>167</v>
      </c>
      <c r="KF35" s="244"/>
      <c r="KG35" s="71">
        <v>195</v>
      </c>
      <c r="KH35" s="71">
        <v>150</v>
      </c>
      <c r="KI35" s="71">
        <v>122</v>
      </c>
      <c r="KJ35" s="71">
        <v>104</v>
      </c>
      <c r="KK35" s="71">
        <v>67</v>
      </c>
      <c r="KL35" s="72">
        <v>638</v>
      </c>
      <c r="KM35" s="73">
        <v>805</v>
      </c>
    </row>
    <row r="36" spans="2:299" ht="21" customHeight="1" x14ac:dyDescent="0.2">
      <c r="B36" s="126" t="s">
        <v>33</v>
      </c>
      <c r="C36" s="315">
        <v>30</v>
      </c>
      <c r="D36" s="82">
        <v>20</v>
      </c>
      <c r="E36" s="83">
        <v>50</v>
      </c>
      <c r="F36" s="241"/>
      <c r="G36" s="82">
        <v>58</v>
      </c>
      <c r="H36" s="82">
        <v>41</v>
      </c>
      <c r="I36" s="82">
        <v>33</v>
      </c>
      <c r="J36" s="82">
        <v>31</v>
      </c>
      <c r="K36" s="82">
        <v>11</v>
      </c>
      <c r="L36" s="84">
        <v>174</v>
      </c>
      <c r="M36" s="85">
        <v>224</v>
      </c>
      <c r="N36" s="70">
        <v>1</v>
      </c>
      <c r="O36" s="71">
        <v>1</v>
      </c>
      <c r="P36" s="72">
        <v>2</v>
      </c>
      <c r="Q36" s="244"/>
      <c r="R36" s="71">
        <v>3</v>
      </c>
      <c r="S36" s="71">
        <v>1</v>
      </c>
      <c r="T36" s="71">
        <v>4</v>
      </c>
      <c r="U36" s="71">
        <v>2</v>
      </c>
      <c r="V36" s="71">
        <v>0</v>
      </c>
      <c r="W36" s="72">
        <v>10</v>
      </c>
      <c r="X36" s="73">
        <v>12</v>
      </c>
      <c r="Y36" s="70">
        <v>5</v>
      </c>
      <c r="Z36" s="71">
        <v>5</v>
      </c>
      <c r="AA36" s="72">
        <v>10</v>
      </c>
      <c r="AB36" s="244"/>
      <c r="AC36" s="71">
        <v>5</v>
      </c>
      <c r="AD36" s="71">
        <v>9</v>
      </c>
      <c r="AE36" s="71">
        <v>5</v>
      </c>
      <c r="AF36" s="71">
        <v>10</v>
      </c>
      <c r="AG36" s="71">
        <v>3</v>
      </c>
      <c r="AH36" s="72">
        <v>32</v>
      </c>
      <c r="AI36" s="73">
        <v>42</v>
      </c>
      <c r="AJ36" s="70">
        <v>6</v>
      </c>
      <c r="AK36" s="71">
        <v>3</v>
      </c>
      <c r="AL36" s="72">
        <v>9</v>
      </c>
      <c r="AM36" s="244"/>
      <c r="AN36" s="71">
        <v>14</v>
      </c>
      <c r="AO36" s="71">
        <v>6</v>
      </c>
      <c r="AP36" s="71">
        <v>8</v>
      </c>
      <c r="AQ36" s="71">
        <v>7</v>
      </c>
      <c r="AR36" s="71">
        <v>3</v>
      </c>
      <c r="AS36" s="72">
        <v>38</v>
      </c>
      <c r="AT36" s="73">
        <v>47</v>
      </c>
      <c r="AU36" s="70">
        <v>6</v>
      </c>
      <c r="AV36" s="71">
        <v>5</v>
      </c>
      <c r="AW36" s="72">
        <v>11</v>
      </c>
      <c r="AX36" s="244"/>
      <c r="AY36" s="71">
        <v>15</v>
      </c>
      <c r="AZ36" s="71">
        <v>13</v>
      </c>
      <c r="BA36" s="71">
        <v>3</v>
      </c>
      <c r="BB36" s="71">
        <v>4</v>
      </c>
      <c r="BC36" s="71">
        <v>1</v>
      </c>
      <c r="BD36" s="72">
        <v>36</v>
      </c>
      <c r="BE36" s="73">
        <v>47</v>
      </c>
      <c r="BF36" s="70">
        <v>4</v>
      </c>
      <c r="BG36" s="71">
        <v>4</v>
      </c>
      <c r="BH36" s="72">
        <v>8</v>
      </c>
      <c r="BI36" s="244"/>
      <c r="BJ36" s="71">
        <v>10</v>
      </c>
      <c r="BK36" s="71">
        <v>6</v>
      </c>
      <c r="BL36" s="71">
        <v>11</v>
      </c>
      <c r="BM36" s="71">
        <v>7</v>
      </c>
      <c r="BN36" s="71">
        <v>3</v>
      </c>
      <c r="BO36" s="72">
        <v>37</v>
      </c>
      <c r="BP36" s="73">
        <v>45</v>
      </c>
      <c r="BQ36" s="70">
        <v>8</v>
      </c>
      <c r="BR36" s="71">
        <v>2</v>
      </c>
      <c r="BS36" s="72">
        <v>10</v>
      </c>
      <c r="BT36" s="244"/>
      <c r="BU36" s="71">
        <v>11</v>
      </c>
      <c r="BV36" s="71">
        <v>6</v>
      </c>
      <c r="BW36" s="71">
        <v>2</v>
      </c>
      <c r="BX36" s="71">
        <v>1</v>
      </c>
      <c r="BY36" s="71">
        <v>1</v>
      </c>
      <c r="BZ36" s="72">
        <v>21</v>
      </c>
      <c r="CA36" s="73">
        <v>31</v>
      </c>
      <c r="CB36" s="70">
        <v>1</v>
      </c>
      <c r="CC36" s="71">
        <v>0</v>
      </c>
      <c r="CD36" s="72">
        <v>1</v>
      </c>
      <c r="CE36" s="244"/>
      <c r="CF36" s="71">
        <v>2</v>
      </c>
      <c r="CG36" s="71">
        <v>1</v>
      </c>
      <c r="CH36" s="71">
        <v>0</v>
      </c>
      <c r="CI36" s="71">
        <v>0</v>
      </c>
      <c r="CJ36" s="71">
        <v>2</v>
      </c>
      <c r="CK36" s="72">
        <v>5</v>
      </c>
      <c r="CL36" s="73">
        <v>6</v>
      </c>
      <c r="CM36" s="70">
        <v>31</v>
      </c>
      <c r="CN36" s="71">
        <v>20</v>
      </c>
      <c r="CO36" s="72">
        <v>51</v>
      </c>
      <c r="CP36" s="244"/>
      <c r="CQ36" s="71">
        <v>60</v>
      </c>
      <c r="CR36" s="71">
        <v>42</v>
      </c>
      <c r="CS36" s="71">
        <v>33</v>
      </c>
      <c r="CT36" s="71">
        <v>31</v>
      </c>
      <c r="CU36" s="71">
        <v>13</v>
      </c>
      <c r="CV36" s="72">
        <v>179</v>
      </c>
      <c r="CW36" s="73">
        <v>230</v>
      </c>
      <c r="CX36" s="123">
        <v>53</v>
      </c>
      <c r="CY36" s="82">
        <v>70</v>
      </c>
      <c r="CZ36" s="83">
        <v>123</v>
      </c>
      <c r="DA36" s="241"/>
      <c r="DB36" s="82">
        <v>117</v>
      </c>
      <c r="DC36" s="82">
        <v>84</v>
      </c>
      <c r="DD36" s="82">
        <v>75</v>
      </c>
      <c r="DE36" s="82">
        <v>70</v>
      </c>
      <c r="DF36" s="82">
        <v>54</v>
      </c>
      <c r="DG36" s="84">
        <v>400</v>
      </c>
      <c r="DH36" s="85">
        <v>523</v>
      </c>
      <c r="DI36" s="70">
        <v>1</v>
      </c>
      <c r="DJ36" s="71">
        <v>2</v>
      </c>
      <c r="DK36" s="72">
        <v>3</v>
      </c>
      <c r="DL36" s="244"/>
      <c r="DM36" s="71">
        <v>2</v>
      </c>
      <c r="DN36" s="71">
        <v>1</v>
      </c>
      <c r="DO36" s="71">
        <v>2</v>
      </c>
      <c r="DP36" s="71">
        <v>2</v>
      </c>
      <c r="DQ36" s="71">
        <v>3</v>
      </c>
      <c r="DR36" s="72">
        <v>10</v>
      </c>
      <c r="DS36" s="73">
        <v>13</v>
      </c>
      <c r="DT36" s="70">
        <v>6</v>
      </c>
      <c r="DU36" s="71">
        <v>6</v>
      </c>
      <c r="DV36" s="72">
        <v>12</v>
      </c>
      <c r="DW36" s="244"/>
      <c r="DX36" s="71">
        <v>3</v>
      </c>
      <c r="DY36" s="71">
        <v>5</v>
      </c>
      <c r="DZ36" s="71">
        <v>4</v>
      </c>
      <c r="EA36" s="71">
        <v>2</v>
      </c>
      <c r="EB36" s="71">
        <v>2</v>
      </c>
      <c r="EC36" s="72">
        <v>16</v>
      </c>
      <c r="ED36" s="73">
        <v>28</v>
      </c>
      <c r="EE36" s="70">
        <v>2</v>
      </c>
      <c r="EF36" s="71">
        <v>8</v>
      </c>
      <c r="EG36" s="72">
        <v>10</v>
      </c>
      <c r="EH36" s="244"/>
      <c r="EI36" s="71">
        <v>16</v>
      </c>
      <c r="EJ36" s="71">
        <v>10</v>
      </c>
      <c r="EK36" s="71">
        <v>9</v>
      </c>
      <c r="EL36" s="71">
        <v>7</v>
      </c>
      <c r="EM36" s="71">
        <v>8</v>
      </c>
      <c r="EN36" s="72">
        <v>50</v>
      </c>
      <c r="EO36" s="73">
        <v>60</v>
      </c>
      <c r="EP36" s="70">
        <v>9</v>
      </c>
      <c r="EQ36" s="71">
        <v>11</v>
      </c>
      <c r="ER36" s="72">
        <v>20</v>
      </c>
      <c r="ES36" s="244"/>
      <c r="ET36" s="71">
        <v>27</v>
      </c>
      <c r="EU36" s="71">
        <v>19</v>
      </c>
      <c r="EV36" s="71">
        <v>10</v>
      </c>
      <c r="EW36" s="71">
        <v>19</v>
      </c>
      <c r="EX36" s="71">
        <v>7</v>
      </c>
      <c r="EY36" s="72">
        <v>82</v>
      </c>
      <c r="EZ36" s="73">
        <v>102</v>
      </c>
      <c r="FA36" s="70">
        <v>25</v>
      </c>
      <c r="FB36" s="71">
        <v>26</v>
      </c>
      <c r="FC36" s="72">
        <v>51</v>
      </c>
      <c r="FD36" s="244"/>
      <c r="FE36" s="71">
        <v>34</v>
      </c>
      <c r="FF36" s="71">
        <v>16</v>
      </c>
      <c r="FG36" s="71">
        <v>20</v>
      </c>
      <c r="FH36" s="71">
        <v>12</v>
      </c>
      <c r="FI36" s="71">
        <v>15</v>
      </c>
      <c r="FJ36" s="72">
        <v>97</v>
      </c>
      <c r="FK36" s="73">
        <v>148</v>
      </c>
      <c r="FL36" s="70">
        <v>10</v>
      </c>
      <c r="FM36" s="71">
        <v>17</v>
      </c>
      <c r="FN36" s="72">
        <v>27</v>
      </c>
      <c r="FO36" s="244"/>
      <c r="FP36" s="71">
        <v>35</v>
      </c>
      <c r="FQ36" s="71">
        <v>33</v>
      </c>
      <c r="FR36" s="71">
        <v>30</v>
      </c>
      <c r="FS36" s="71">
        <v>28</v>
      </c>
      <c r="FT36" s="71">
        <v>19</v>
      </c>
      <c r="FU36" s="72">
        <v>145</v>
      </c>
      <c r="FV36" s="73">
        <v>172</v>
      </c>
      <c r="FW36" s="70">
        <v>0</v>
      </c>
      <c r="FX36" s="71">
        <v>0</v>
      </c>
      <c r="FY36" s="72">
        <v>0</v>
      </c>
      <c r="FZ36" s="244"/>
      <c r="GA36" s="71">
        <v>1</v>
      </c>
      <c r="GB36" s="71">
        <v>0</v>
      </c>
      <c r="GC36" s="71">
        <v>0</v>
      </c>
      <c r="GD36" s="71">
        <v>1</v>
      </c>
      <c r="GE36" s="71">
        <v>1</v>
      </c>
      <c r="GF36" s="72">
        <v>3</v>
      </c>
      <c r="GG36" s="73">
        <v>3</v>
      </c>
      <c r="GH36" s="70">
        <v>53</v>
      </c>
      <c r="GI36" s="71">
        <v>70</v>
      </c>
      <c r="GJ36" s="72">
        <v>123</v>
      </c>
      <c r="GK36" s="244"/>
      <c r="GL36" s="71">
        <v>118</v>
      </c>
      <c r="GM36" s="71">
        <v>84</v>
      </c>
      <c r="GN36" s="71">
        <v>75</v>
      </c>
      <c r="GO36" s="71">
        <v>71</v>
      </c>
      <c r="GP36" s="71">
        <v>55</v>
      </c>
      <c r="GQ36" s="72">
        <v>403</v>
      </c>
      <c r="GR36" s="73">
        <v>526</v>
      </c>
      <c r="GS36" s="123">
        <v>83</v>
      </c>
      <c r="GT36" s="82">
        <v>90</v>
      </c>
      <c r="GU36" s="83">
        <v>173</v>
      </c>
      <c r="GV36" s="241"/>
      <c r="GW36" s="82">
        <v>175</v>
      </c>
      <c r="GX36" s="82">
        <v>125</v>
      </c>
      <c r="GY36" s="82">
        <v>108</v>
      </c>
      <c r="GZ36" s="82">
        <v>101</v>
      </c>
      <c r="HA36" s="82">
        <v>65</v>
      </c>
      <c r="HB36" s="84">
        <v>574</v>
      </c>
      <c r="HC36" s="85">
        <v>747</v>
      </c>
      <c r="HD36" s="70">
        <v>2</v>
      </c>
      <c r="HE36" s="71">
        <v>3</v>
      </c>
      <c r="HF36" s="72">
        <v>5</v>
      </c>
      <c r="HG36" s="244"/>
      <c r="HH36" s="71">
        <v>5</v>
      </c>
      <c r="HI36" s="71">
        <v>2</v>
      </c>
      <c r="HJ36" s="71">
        <v>6</v>
      </c>
      <c r="HK36" s="71">
        <v>4</v>
      </c>
      <c r="HL36" s="71">
        <v>3</v>
      </c>
      <c r="HM36" s="72">
        <v>20</v>
      </c>
      <c r="HN36" s="73">
        <v>25</v>
      </c>
      <c r="HO36" s="70">
        <v>11</v>
      </c>
      <c r="HP36" s="71">
        <v>11</v>
      </c>
      <c r="HQ36" s="72">
        <v>22</v>
      </c>
      <c r="HR36" s="244"/>
      <c r="HS36" s="71">
        <v>8</v>
      </c>
      <c r="HT36" s="71">
        <v>14</v>
      </c>
      <c r="HU36" s="71">
        <v>9</v>
      </c>
      <c r="HV36" s="71">
        <v>12</v>
      </c>
      <c r="HW36" s="71">
        <v>5</v>
      </c>
      <c r="HX36" s="72">
        <v>48</v>
      </c>
      <c r="HY36" s="73">
        <v>70</v>
      </c>
      <c r="HZ36" s="70">
        <v>8</v>
      </c>
      <c r="IA36" s="71">
        <v>11</v>
      </c>
      <c r="IB36" s="72">
        <v>19</v>
      </c>
      <c r="IC36" s="244"/>
      <c r="ID36" s="71">
        <v>30</v>
      </c>
      <c r="IE36" s="71">
        <v>16</v>
      </c>
      <c r="IF36" s="71">
        <v>17</v>
      </c>
      <c r="IG36" s="71">
        <v>14</v>
      </c>
      <c r="IH36" s="71">
        <v>11</v>
      </c>
      <c r="II36" s="72">
        <v>88</v>
      </c>
      <c r="IJ36" s="73">
        <v>107</v>
      </c>
      <c r="IK36" s="70">
        <v>15</v>
      </c>
      <c r="IL36" s="71">
        <v>16</v>
      </c>
      <c r="IM36" s="72">
        <v>31</v>
      </c>
      <c r="IN36" s="244"/>
      <c r="IO36" s="71">
        <v>42</v>
      </c>
      <c r="IP36" s="71">
        <v>32</v>
      </c>
      <c r="IQ36" s="71">
        <v>13</v>
      </c>
      <c r="IR36" s="71">
        <v>23</v>
      </c>
      <c r="IS36" s="71">
        <v>8</v>
      </c>
      <c r="IT36" s="72">
        <v>118</v>
      </c>
      <c r="IU36" s="73">
        <v>149</v>
      </c>
      <c r="IV36" s="70">
        <v>29</v>
      </c>
      <c r="IW36" s="71">
        <v>30</v>
      </c>
      <c r="IX36" s="72">
        <v>59</v>
      </c>
      <c r="IY36" s="244"/>
      <c r="IZ36" s="71">
        <v>44</v>
      </c>
      <c r="JA36" s="71">
        <v>22</v>
      </c>
      <c r="JB36" s="71">
        <v>31</v>
      </c>
      <c r="JC36" s="71">
        <v>19</v>
      </c>
      <c r="JD36" s="71">
        <v>18</v>
      </c>
      <c r="JE36" s="72">
        <v>134</v>
      </c>
      <c r="JF36" s="73">
        <v>193</v>
      </c>
      <c r="JG36" s="70">
        <v>18</v>
      </c>
      <c r="JH36" s="71">
        <v>19</v>
      </c>
      <c r="JI36" s="72">
        <v>37</v>
      </c>
      <c r="JJ36" s="244"/>
      <c r="JK36" s="71">
        <v>46</v>
      </c>
      <c r="JL36" s="71">
        <v>39</v>
      </c>
      <c r="JM36" s="71">
        <v>32</v>
      </c>
      <c r="JN36" s="71">
        <v>29</v>
      </c>
      <c r="JO36" s="71">
        <v>20</v>
      </c>
      <c r="JP36" s="72">
        <v>166</v>
      </c>
      <c r="JQ36" s="73">
        <v>203</v>
      </c>
      <c r="JR36" s="70">
        <v>1</v>
      </c>
      <c r="JS36" s="71">
        <v>0</v>
      </c>
      <c r="JT36" s="72">
        <v>1</v>
      </c>
      <c r="JU36" s="244"/>
      <c r="JV36" s="71">
        <v>3</v>
      </c>
      <c r="JW36" s="71">
        <v>1</v>
      </c>
      <c r="JX36" s="71">
        <v>0</v>
      </c>
      <c r="JY36" s="71">
        <v>1</v>
      </c>
      <c r="JZ36" s="71">
        <v>3</v>
      </c>
      <c r="KA36" s="72">
        <v>8</v>
      </c>
      <c r="KB36" s="73">
        <v>9</v>
      </c>
      <c r="KC36" s="70">
        <v>84</v>
      </c>
      <c r="KD36" s="71">
        <v>90</v>
      </c>
      <c r="KE36" s="72">
        <v>174</v>
      </c>
      <c r="KF36" s="244"/>
      <c r="KG36" s="71">
        <v>178</v>
      </c>
      <c r="KH36" s="71">
        <v>126</v>
      </c>
      <c r="KI36" s="71">
        <v>108</v>
      </c>
      <c r="KJ36" s="71">
        <v>102</v>
      </c>
      <c r="KK36" s="71">
        <v>68</v>
      </c>
      <c r="KL36" s="72">
        <v>582</v>
      </c>
      <c r="KM36" s="73">
        <v>756</v>
      </c>
    </row>
    <row r="37" spans="2:299" ht="21" customHeight="1" x14ac:dyDescent="0.2">
      <c r="B37" s="126" t="s">
        <v>34</v>
      </c>
      <c r="C37" s="315">
        <v>16</v>
      </c>
      <c r="D37" s="82">
        <v>19</v>
      </c>
      <c r="E37" s="83">
        <v>35</v>
      </c>
      <c r="F37" s="241"/>
      <c r="G37" s="82">
        <v>37</v>
      </c>
      <c r="H37" s="82">
        <v>37</v>
      </c>
      <c r="I37" s="82">
        <v>14</v>
      </c>
      <c r="J37" s="82">
        <v>27</v>
      </c>
      <c r="K37" s="82">
        <v>11</v>
      </c>
      <c r="L37" s="84">
        <v>126</v>
      </c>
      <c r="M37" s="85">
        <v>161</v>
      </c>
      <c r="N37" s="70">
        <v>0</v>
      </c>
      <c r="O37" s="71">
        <v>4</v>
      </c>
      <c r="P37" s="72">
        <v>4</v>
      </c>
      <c r="Q37" s="244"/>
      <c r="R37" s="71">
        <v>1</v>
      </c>
      <c r="S37" s="71">
        <v>2</v>
      </c>
      <c r="T37" s="71">
        <v>2</v>
      </c>
      <c r="U37" s="71">
        <v>3</v>
      </c>
      <c r="V37" s="71">
        <v>0</v>
      </c>
      <c r="W37" s="72">
        <v>8</v>
      </c>
      <c r="X37" s="73">
        <v>12</v>
      </c>
      <c r="Y37" s="70">
        <v>1</v>
      </c>
      <c r="Z37" s="71">
        <v>3</v>
      </c>
      <c r="AA37" s="72">
        <v>4</v>
      </c>
      <c r="AB37" s="244"/>
      <c r="AC37" s="71">
        <v>1</v>
      </c>
      <c r="AD37" s="71">
        <v>3</v>
      </c>
      <c r="AE37" s="71">
        <v>2</v>
      </c>
      <c r="AF37" s="71">
        <v>1</v>
      </c>
      <c r="AG37" s="71">
        <v>1</v>
      </c>
      <c r="AH37" s="72">
        <v>8</v>
      </c>
      <c r="AI37" s="73">
        <v>12</v>
      </c>
      <c r="AJ37" s="70">
        <v>0</v>
      </c>
      <c r="AK37" s="71">
        <v>3</v>
      </c>
      <c r="AL37" s="72">
        <v>3</v>
      </c>
      <c r="AM37" s="244"/>
      <c r="AN37" s="71">
        <v>5</v>
      </c>
      <c r="AO37" s="71">
        <v>7</v>
      </c>
      <c r="AP37" s="71">
        <v>1</v>
      </c>
      <c r="AQ37" s="71">
        <v>7</v>
      </c>
      <c r="AR37" s="71">
        <v>3</v>
      </c>
      <c r="AS37" s="72">
        <v>23</v>
      </c>
      <c r="AT37" s="73">
        <v>26</v>
      </c>
      <c r="AU37" s="70">
        <v>8</v>
      </c>
      <c r="AV37" s="71">
        <v>3</v>
      </c>
      <c r="AW37" s="72">
        <v>11</v>
      </c>
      <c r="AX37" s="244"/>
      <c r="AY37" s="71">
        <v>11</v>
      </c>
      <c r="AZ37" s="71">
        <v>10</v>
      </c>
      <c r="BA37" s="71">
        <v>3</v>
      </c>
      <c r="BB37" s="71">
        <v>6</v>
      </c>
      <c r="BC37" s="71">
        <v>3</v>
      </c>
      <c r="BD37" s="72">
        <v>33</v>
      </c>
      <c r="BE37" s="73">
        <v>44</v>
      </c>
      <c r="BF37" s="70">
        <v>5</v>
      </c>
      <c r="BG37" s="71">
        <v>5</v>
      </c>
      <c r="BH37" s="72">
        <v>10</v>
      </c>
      <c r="BI37" s="244"/>
      <c r="BJ37" s="71">
        <v>12</v>
      </c>
      <c r="BK37" s="71">
        <v>7</v>
      </c>
      <c r="BL37" s="71">
        <v>4</v>
      </c>
      <c r="BM37" s="71">
        <v>7</v>
      </c>
      <c r="BN37" s="71">
        <v>3</v>
      </c>
      <c r="BO37" s="72">
        <v>33</v>
      </c>
      <c r="BP37" s="73">
        <v>43</v>
      </c>
      <c r="BQ37" s="70">
        <v>2</v>
      </c>
      <c r="BR37" s="71">
        <v>1</v>
      </c>
      <c r="BS37" s="72">
        <v>3</v>
      </c>
      <c r="BT37" s="244"/>
      <c r="BU37" s="71">
        <v>7</v>
      </c>
      <c r="BV37" s="71">
        <v>8</v>
      </c>
      <c r="BW37" s="71">
        <v>2</v>
      </c>
      <c r="BX37" s="71">
        <v>3</v>
      </c>
      <c r="BY37" s="71">
        <v>1</v>
      </c>
      <c r="BZ37" s="72">
        <v>21</v>
      </c>
      <c r="CA37" s="73">
        <v>24</v>
      </c>
      <c r="CB37" s="70">
        <v>0</v>
      </c>
      <c r="CC37" s="71">
        <v>0</v>
      </c>
      <c r="CD37" s="72">
        <v>0</v>
      </c>
      <c r="CE37" s="244"/>
      <c r="CF37" s="71">
        <v>3</v>
      </c>
      <c r="CG37" s="71">
        <v>1</v>
      </c>
      <c r="CH37" s="71">
        <v>0</v>
      </c>
      <c r="CI37" s="71">
        <v>1</v>
      </c>
      <c r="CJ37" s="71">
        <v>2</v>
      </c>
      <c r="CK37" s="72">
        <v>7</v>
      </c>
      <c r="CL37" s="73">
        <v>7</v>
      </c>
      <c r="CM37" s="70">
        <v>16</v>
      </c>
      <c r="CN37" s="71">
        <v>19</v>
      </c>
      <c r="CO37" s="72">
        <v>35</v>
      </c>
      <c r="CP37" s="244"/>
      <c r="CQ37" s="71">
        <v>40</v>
      </c>
      <c r="CR37" s="71">
        <v>38</v>
      </c>
      <c r="CS37" s="71">
        <v>14</v>
      </c>
      <c r="CT37" s="71">
        <v>28</v>
      </c>
      <c r="CU37" s="71">
        <v>13</v>
      </c>
      <c r="CV37" s="72">
        <v>133</v>
      </c>
      <c r="CW37" s="73">
        <v>168</v>
      </c>
      <c r="CX37" s="123">
        <v>46</v>
      </c>
      <c r="CY37" s="82">
        <v>39</v>
      </c>
      <c r="CZ37" s="83">
        <v>85</v>
      </c>
      <c r="DA37" s="241"/>
      <c r="DB37" s="82">
        <v>91</v>
      </c>
      <c r="DC37" s="82">
        <v>58</v>
      </c>
      <c r="DD37" s="82">
        <v>47</v>
      </c>
      <c r="DE37" s="82">
        <v>52</v>
      </c>
      <c r="DF37" s="82">
        <v>26</v>
      </c>
      <c r="DG37" s="84">
        <v>274</v>
      </c>
      <c r="DH37" s="85">
        <v>359</v>
      </c>
      <c r="DI37" s="70">
        <v>1</v>
      </c>
      <c r="DJ37" s="71">
        <v>0</v>
      </c>
      <c r="DK37" s="72">
        <v>1</v>
      </c>
      <c r="DL37" s="244"/>
      <c r="DM37" s="71">
        <v>2</v>
      </c>
      <c r="DN37" s="71">
        <v>0</v>
      </c>
      <c r="DO37" s="71">
        <v>2</v>
      </c>
      <c r="DP37" s="71">
        <v>0</v>
      </c>
      <c r="DQ37" s="71">
        <v>1</v>
      </c>
      <c r="DR37" s="72">
        <v>5</v>
      </c>
      <c r="DS37" s="73">
        <v>6</v>
      </c>
      <c r="DT37" s="70">
        <v>3</v>
      </c>
      <c r="DU37" s="71">
        <v>0</v>
      </c>
      <c r="DV37" s="72">
        <v>3</v>
      </c>
      <c r="DW37" s="244"/>
      <c r="DX37" s="71">
        <v>7</v>
      </c>
      <c r="DY37" s="71">
        <v>2</v>
      </c>
      <c r="DZ37" s="71">
        <v>1</v>
      </c>
      <c r="EA37" s="71">
        <v>0</v>
      </c>
      <c r="EB37" s="71">
        <v>3</v>
      </c>
      <c r="EC37" s="72">
        <v>13</v>
      </c>
      <c r="ED37" s="73">
        <v>16</v>
      </c>
      <c r="EE37" s="70">
        <v>6</v>
      </c>
      <c r="EF37" s="71">
        <v>1</v>
      </c>
      <c r="EG37" s="72">
        <v>7</v>
      </c>
      <c r="EH37" s="244"/>
      <c r="EI37" s="71">
        <v>11</v>
      </c>
      <c r="EJ37" s="71">
        <v>4</v>
      </c>
      <c r="EK37" s="71">
        <v>4</v>
      </c>
      <c r="EL37" s="71">
        <v>7</v>
      </c>
      <c r="EM37" s="71">
        <v>1</v>
      </c>
      <c r="EN37" s="72">
        <v>27</v>
      </c>
      <c r="EO37" s="73">
        <v>34</v>
      </c>
      <c r="EP37" s="70">
        <v>12</v>
      </c>
      <c r="EQ37" s="71">
        <v>13</v>
      </c>
      <c r="ER37" s="72">
        <v>25</v>
      </c>
      <c r="ES37" s="244"/>
      <c r="ET37" s="71">
        <v>18</v>
      </c>
      <c r="EU37" s="71">
        <v>12</v>
      </c>
      <c r="EV37" s="71">
        <v>5</v>
      </c>
      <c r="EW37" s="71">
        <v>10</v>
      </c>
      <c r="EX37" s="71">
        <v>2</v>
      </c>
      <c r="EY37" s="72">
        <v>47</v>
      </c>
      <c r="EZ37" s="73">
        <v>72</v>
      </c>
      <c r="FA37" s="70">
        <v>14</v>
      </c>
      <c r="FB37" s="71">
        <v>15</v>
      </c>
      <c r="FC37" s="72">
        <v>29</v>
      </c>
      <c r="FD37" s="244"/>
      <c r="FE37" s="71">
        <v>27</v>
      </c>
      <c r="FF37" s="71">
        <v>13</v>
      </c>
      <c r="FG37" s="71">
        <v>12</v>
      </c>
      <c r="FH37" s="71">
        <v>16</v>
      </c>
      <c r="FI37" s="71">
        <v>6</v>
      </c>
      <c r="FJ37" s="72">
        <v>74</v>
      </c>
      <c r="FK37" s="73">
        <v>103</v>
      </c>
      <c r="FL37" s="70">
        <v>10</v>
      </c>
      <c r="FM37" s="71">
        <v>10</v>
      </c>
      <c r="FN37" s="72">
        <v>20</v>
      </c>
      <c r="FO37" s="244"/>
      <c r="FP37" s="71">
        <v>26</v>
      </c>
      <c r="FQ37" s="71">
        <v>27</v>
      </c>
      <c r="FR37" s="71">
        <v>23</v>
      </c>
      <c r="FS37" s="71">
        <v>19</v>
      </c>
      <c r="FT37" s="71">
        <v>13</v>
      </c>
      <c r="FU37" s="72">
        <v>108</v>
      </c>
      <c r="FV37" s="73">
        <v>128</v>
      </c>
      <c r="FW37" s="70">
        <v>0</v>
      </c>
      <c r="FX37" s="71">
        <v>0</v>
      </c>
      <c r="FY37" s="72">
        <v>0</v>
      </c>
      <c r="FZ37" s="244"/>
      <c r="GA37" s="71">
        <v>1</v>
      </c>
      <c r="GB37" s="71">
        <v>1</v>
      </c>
      <c r="GC37" s="71">
        <v>1</v>
      </c>
      <c r="GD37" s="71">
        <v>0</v>
      </c>
      <c r="GE37" s="71">
        <v>1</v>
      </c>
      <c r="GF37" s="72">
        <v>4</v>
      </c>
      <c r="GG37" s="73">
        <v>4</v>
      </c>
      <c r="GH37" s="70">
        <v>46</v>
      </c>
      <c r="GI37" s="71">
        <v>39</v>
      </c>
      <c r="GJ37" s="72">
        <v>85</v>
      </c>
      <c r="GK37" s="244"/>
      <c r="GL37" s="71">
        <v>92</v>
      </c>
      <c r="GM37" s="71">
        <v>59</v>
      </c>
      <c r="GN37" s="71">
        <v>48</v>
      </c>
      <c r="GO37" s="71">
        <v>52</v>
      </c>
      <c r="GP37" s="71">
        <v>27</v>
      </c>
      <c r="GQ37" s="72">
        <v>278</v>
      </c>
      <c r="GR37" s="73">
        <v>363</v>
      </c>
      <c r="GS37" s="123">
        <v>62</v>
      </c>
      <c r="GT37" s="82">
        <v>58</v>
      </c>
      <c r="GU37" s="83">
        <v>120</v>
      </c>
      <c r="GV37" s="241"/>
      <c r="GW37" s="82">
        <v>128</v>
      </c>
      <c r="GX37" s="82">
        <v>95</v>
      </c>
      <c r="GY37" s="82">
        <v>61</v>
      </c>
      <c r="GZ37" s="82">
        <v>79</v>
      </c>
      <c r="HA37" s="82">
        <v>37</v>
      </c>
      <c r="HB37" s="84">
        <v>400</v>
      </c>
      <c r="HC37" s="85">
        <v>520</v>
      </c>
      <c r="HD37" s="70">
        <v>1</v>
      </c>
      <c r="HE37" s="71">
        <v>4</v>
      </c>
      <c r="HF37" s="72">
        <v>5</v>
      </c>
      <c r="HG37" s="244"/>
      <c r="HH37" s="71">
        <v>3</v>
      </c>
      <c r="HI37" s="71">
        <v>2</v>
      </c>
      <c r="HJ37" s="71">
        <v>4</v>
      </c>
      <c r="HK37" s="71">
        <v>3</v>
      </c>
      <c r="HL37" s="71">
        <v>1</v>
      </c>
      <c r="HM37" s="72">
        <v>13</v>
      </c>
      <c r="HN37" s="73">
        <v>18</v>
      </c>
      <c r="HO37" s="70">
        <v>4</v>
      </c>
      <c r="HP37" s="71">
        <v>3</v>
      </c>
      <c r="HQ37" s="72">
        <v>7</v>
      </c>
      <c r="HR37" s="244"/>
      <c r="HS37" s="71">
        <v>8</v>
      </c>
      <c r="HT37" s="71">
        <v>5</v>
      </c>
      <c r="HU37" s="71">
        <v>3</v>
      </c>
      <c r="HV37" s="71">
        <v>1</v>
      </c>
      <c r="HW37" s="71">
        <v>4</v>
      </c>
      <c r="HX37" s="72">
        <v>21</v>
      </c>
      <c r="HY37" s="73">
        <v>28</v>
      </c>
      <c r="HZ37" s="70">
        <v>6</v>
      </c>
      <c r="IA37" s="71">
        <v>4</v>
      </c>
      <c r="IB37" s="72">
        <v>10</v>
      </c>
      <c r="IC37" s="244"/>
      <c r="ID37" s="71">
        <v>16</v>
      </c>
      <c r="IE37" s="71">
        <v>11</v>
      </c>
      <c r="IF37" s="71">
        <v>5</v>
      </c>
      <c r="IG37" s="71">
        <v>14</v>
      </c>
      <c r="IH37" s="71">
        <v>4</v>
      </c>
      <c r="II37" s="72">
        <v>50</v>
      </c>
      <c r="IJ37" s="73">
        <v>60</v>
      </c>
      <c r="IK37" s="70">
        <v>20</v>
      </c>
      <c r="IL37" s="71">
        <v>16</v>
      </c>
      <c r="IM37" s="72">
        <v>36</v>
      </c>
      <c r="IN37" s="244"/>
      <c r="IO37" s="71">
        <v>29</v>
      </c>
      <c r="IP37" s="71">
        <v>22</v>
      </c>
      <c r="IQ37" s="71">
        <v>8</v>
      </c>
      <c r="IR37" s="71">
        <v>16</v>
      </c>
      <c r="IS37" s="71">
        <v>5</v>
      </c>
      <c r="IT37" s="72">
        <v>80</v>
      </c>
      <c r="IU37" s="73">
        <v>116</v>
      </c>
      <c r="IV37" s="70">
        <v>19</v>
      </c>
      <c r="IW37" s="71">
        <v>20</v>
      </c>
      <c r="IX37" s="72">
        <v>39</v>
      </c>
      <c r="IY37" s="244"/>
      <c r="IZ37" s="71">
        <v>39</v>
      </c>
      <c r="JA37" s="71">
        <v>20</v>
      </c>
      <c r="JB37" s="71">
        <v>16</v>
      </c>
      <c r="JC37" s="71">
        <v>23</v>
      </c>
      <c r="JD37" s="71">
        <v>9</v>
      </c>
      <c r="JE37" s="72">
        <v>107</v>
      </c>
      <c r="JF37" s="73">
        <v>146</v>
      </c>
      <c r="JG37" s="70">
        <v>12</v>
      </c>
      <c r="JH37" s="71">
        <v>11</v>
      </c>
      <c r="JI37" s="72">
        <v>23</v>
      </c>
      <c r="JJ37" s="244"/>
      <c r="JK37" s="71">
        <v>33</v>
      </c>
      <c r="JL37" s="71">
        <v>35</v>
      </c>
      <c r="JM37" s="71">
        <v>25</v>
      </c>
      <c r="JN37" s="71">
        <v>22</v>
      </c>
      <c r="JO37" s="71">
        <v>14</v>
      </c>
      <c r="JP37" s="72">
        <v>129</v>
      </c>
      <c r="JQ37" s="73">
        <v>152</v>
      </c>
      <c r="JR37" s="70">
        <v>0</v>
      </c>
      <c r="JS37" s="71">
        <v>0</v>
      </c>
      <c r="JT37" s="72">
        <v>0</v>
      </c>
      <c r="JU37" s="244"/>
      <c r="JV37" s="71">
        <v>4</v>
      </c>
      <c r="JW37" s="71">
        <v>2</v>
      </c>
      <c r="JX37" s="71">
        <v>1</v>
      </c>
      <c r="JY37" s="71">
        <v>1</v>
      </c>
      <c r="JZ37" s="71">
        <v>3</v>
      </c>
      <c r="KA37" s="72">
        <v>11</v>
      </c>
      <c r="KB37" s="73">
        <v>11</v>
      </c>
      <c r="KC37" s="70">
        <v>62</v>
      </c>
      <c r="KD37" s="71">
        <v>58</v>
      </c>
      <c r="KE37" s="72">
        <v>120</v>
      </c>
      <c r="KF37" s="244"/>
      <c r="KG37" s="71">
        <v>132</v>
      </c>
      <c r="KH37" s="71">
        <v>97</v>
      </c>
      <c r="KI37" s="71">
        <v>62</v>
      </c>
      <c r="KJ37" s="71">
        <v>80</v>
      </c>
      <c r="KK37" s="71">
        <v>40</v>
      </c>
      <c r="KL37" s="72">
        <v>411</v>
      </c>
      <c r="KM37" s="73">
        <v>531</v>
      </c>
    </row>
    <row r="38" spans="2:299" ht="21" customHeight="1" x14ac:dyDescent="0.2">
      <c r="B38" s="126" t="s">
        <v>35</v>
      </c>
      <c r="C38" s="315">
        <v>52</v>
      </c>
      <c r="D38" s="82">
        <v>53</v>
      </c>
      <c r="E38" s="83">
        <v>105</v>
      </c>
      <c r="F38" s="241"/>
      <c r="G38" s="82">
        <v>162</v>
      </c>
      <c r="H38" s="82">
        <v>100</v>
      </c>
      <c r="I38" s="82">
        <v>59</v>
      </c>
      <c r="J38" s="82">
        <v>53</v>
      </c>
      <c r="K38" s="82">
        <v>25</v>
      </c>
      <c r="L38" s="84">
        <v>399</v>
      </c>
      <c r="M38" s="85">
        <v>504</v>
      </c>
      <c r="N38" s="70">
        <v>1</v>
      </c>
      <c r="O38" s="71">
        <v>3</v>
      </c>
      <c r="P38" s="72">
        <v>4</v>
      </c>
      <c r="Q38" s="244"/>
      <c r="R38" s="71">
        <v>11</v>
      </c>
      <c r="S38" s="71">
        <v>3</v>
      </c>
      <c r="T38" s="71">
        <v>10</v>
      </c>
      <c r="U38" s="71">
        <v>2</v>
      </c>
      <c r="V38" s="71">
        <v>1</v>
      </c>
      <c r="W38" s="72">
        <v>27</v>
      </c>
      <c r="X38" s="73">
        <v>31</v>
      </c>
      <c r="Y38" s="70">
        <v>5</v>
      </c>
      <c r="Z38" s="71">
        <v>4</v>
      </c>
      <c r="AA38" s="72">
        <v>9</v>
      </c>
      <c r="AB38" s="244"/>
      <c r="AC38" s="71">
        <v>12</v>
      </c>
      <c r="AD38" s="71">
        <v>9</v>
      </c>
      <c r="AE38" s="71">
        <v>4</v>
      </c>
      <c r="AF38" s="71">
        <v>3</v>
      </c>
      <c r="AG38" s="71">
        <v>6</v>
      </c>
      <c r="AH38" s="72">
        <v>34</v>
      </c>
      <c r="AI38" s="73">
        <v>43</v>
      </c>
      <c r="AJ38" s="70">
        <v>13</v>
      </c>
      <c r="AK38" s="71">
        <v>12</v>
      </c>
      <c r="AL38" s="72">
        <v>25</v>
      </c>
      <c r="AM38" s="244"/>
      <c r="AN38" s="71">
        <v>26</v>
      </c>
      <c r="AO38" s="71">
        <v>16</v>
      </c>
      <c r="AP38" s="71">
        <v>9</v>
      </c>
      <c r="AQ38" s="71">
        <v>15</v>
      </c>
      <c r="AR38" s="71">
        <v>5</v>
      </c>
      <c r="AS38" s="72">
        <v>71</v>
      </c>
      <c r="AT38" s="73">
        <v>96</v>
      </c>
      <c r="AU38" s="70">
        <v>12</v>
      </c>
      <c r="AV38" s="71">
        <v>12</v>
      </c>
      <c r="AW38" s="72">
        <v>24</v>
      </c>
      <c r="AX38" s="244"/>
      <c r="AY38" s="71">
        <v>48</v>
      </c>
      <c r="AZ38" s="71">
        <v>24</v>
      </c>
      <c r="BA38" s="71">
        <v>12</v>
      </c>
      <c r="BB38" s="71">
        <v>10</v>
      </c>
      <c r="BC38" s="71">
        <v>3</v>
      </c>
      <c r="BD38" s="72">
        <v>97</v>
      </c>
      <c r="BE38" s="73">
        <v>121</v>
      </c>
      <c r="BF38" s="70">
        <v>10</v>
      </c>
      <c r="BG38" s="71">
        <v>17</v>
      </c>
      <c r="BH38" s="72">
        <v>27</v>
      </c>
      <c r="BI38" s="244"/>
      <c r="BJ38" s="71">
        <v>38</v>
      </c>
      <c r="BK38" s="71">
        <v>21</v>
      </c>
      <c r="BL38" s="71">
        <v>12</v>
      </c>
      <c r="BM38" s="71">
        <v>11</v>
      </c>
      <c r="BN38" s="71">
        <v>5</v>
      </c>
      <c r="BO38" s="72">
        <v>87</v>
      </c>
      <c r="BP38" s="73">
        <v>114</v>
      </c>
      <c r="BQ38" s="70">
        <v>11</v>
      </c>
      <c r="BR38" s="71">
        <v>5</v>
      </c>
      <c r="BS38" s="72">
        <v>16</v>
      </c>
      <c r="BT38" s="244"/>
      <c r="BU38" s="71">
        <v>27</v>
      </c>
      <c r="BV38" s="71">
        <v>27</v>
      </c>
      <c r="BW38" s="71">
        <v>12</v>
      </c>
      <c r="BX38" s="71">
        <v>12</v>
      </c>
      <c r="BY38" s="71">
        <v>5</v>
      </c>
      <c r="BZ38" s="72">
        <v>83</v>
      </c>
      <c r="CA38" s="73">
        <v>99</v>
      </c>
      <c r="CB38" s="70">
        <v>1</v>
      </c>
      <c r="CC38" s="71">
        <v>2</v>
      </c>
      <c r="CD38" s="72">
        <v>3</v>
      </c>
      <c r="CE38" s="244"/>
      <c r="CF38" s="71">
        <v>3</v>
      </c>
      <c r="CG38" s="71">
        <v>1</v>
      </c>
      <c r="CH38" s="71">
        <v>0</v>
      </c>
      <c r="CI38" s="71">
        <v>2</v>
      </c>
      <c r="CJ38" s="71">
        <v>1</v>
      </c>
      <c r="CK38" s="72">
        <v>7</v>
      </c>
      <c r="CL38" s="73">
        <v>10</v>
      </c>
      <c r="CM38" s="70">
        <v>53</v>
      </c>
      <c r="CN38" s="71">
        <v>55</v>
      </c>
      <c r="CO38" s="72">
        <v>108</v>
      </c>
      <c r="CP38" s="244"/>
      <c r="CQ38" s="71">
        <v>165</v>
      </c>
      <c r="CR38" s="71">
        <v>101</v>
      </c>
      <c r="CS38" s="71">
        <v>59</v>
      </c>
      <c r="CT38" s="71">
        <v>55</v>
      </c>
      <c r="CU38" s="71">
        <v>26</v>
      </c>
      <c r="CV38" s="72">
        <v>406</v>
      </c>
      <c r="CW38" s="73">
        <v>514</v>
      </c>
      <c r="CX38" s="123">
        <v>122</v>
      </c>
      <c r="CY38" s="82">
        <v>138</v>
      </c>
      <c r="CZ38" s="83">
        <v>260</v>
      </c>
      <c r="DA38" s="241"/>
      <c r="DB38" s="82">
        <v>314</v>
      </c>
      <c r="DC38" s="82">
        <v>213</v>
      </c>
      <c r="DD38" s="82">
        <v>151</v>
      </c>
      <c r="DE38" s="82">
        <v>159</v>
      </c>
      <c r="DF38" s="82">
        <v>86</v>
      </c>
      <c r="DG38" s="84">
        <v>923</v>
      </c>
      <c r="DH38" s="85">
        <v>1183</v>
      </c>
      <c r="DI38" s="70">
        <v>4</v>
      </c>
      <c r="DJ38" s="71">
        <v>5</v>
      </c>
      <c r="DK38" s="72">
        <v>9</v>
      </c>
      <c r="DL38" s="244"/>
      <c r="DM38" s="71">
        <v>2</v>
      </c>
      <c r="DN38" s="71">
        <v>6</v>
      </c>
      <c r="DO38" s="71">
        <v>4</v>
      </c>
      <c r="DP38" s="71">
        <v>6</v>
      </c>
      <c r="DQ38" s="71">
        <v>1</v>
      </c>
      <c r="DR38" s="72">
        <v>19</v>
      </c>
      <c r="DS38" s="73">
        <v>28</v>
      </c>
      <c r="DT38" s="70">
        <v>4</v>
      </c>
      <c r="DU38" s="71">
        <v>13</v>
      </c>
      <c r="DV38" s="72">
        <v>17</v>
      </c>
      <c r="DW38" s="244"/>
      <c r="DX38" s="71">
        <v>16</v>
      </c>
      <c r="DY38" s="71">
        <v>10</v>
      </c>
      <c r="DZ38" s="71">
        <v>7</v>
      </c>
      <c r="EA38" s="71">
        <v>7</v>
      </c>
      <c r="EB38" s="71">
        <v>3</v>
      </c>
      <c r="EC38" s="72">
        <v>43</v>
      </c>
      <c r="ED38" s="73">
        <v>60</v>
      </c>
      <c r="EE38" s="70">
        <v>20</v>
      </c>
      <c r="EF38" s="71">
        <v>17</v>
      </c>
      <c r="EG38" s="72">
        <v>37</v>
      </c>
      <c r="EH38" s="244"/>
      <c r="EI38" s="71">
        <v>41</v>
      </c>
      <c r="EJ38" s="71">
        <v>18</v>
      </c>
      <c r="EK38" s="71">
        <v>6</v>
      </c>
      <c r="EL38" s="71">
        <v>15</v>
      </c>
      <c r="EM38" s="71">
        <v>13</v>
      </c>
      <c r="EN38" s="72">
        <v>93</v>
      </c>
      <c r="EO38" s="73">
        <v>130</v>
      </c>
      <c r="EP38" s="70">
        <v>38</v>
      </c>
      <c r="EQ38" s="71">
        <v>29</v>
      </c>
      <c r="ER38" s="72">
        <v>67</v>
      </c>
      <c r="ES38" s="244"/>
      <c r="ET38" s="71">
        <v>69</v>
      </c>
      <c r="EU38" s="71">
        <v>47</v>
      </c>
      <c r="EV38" s="71">
        <v>29</v>
      </c>
      <c r="EW38" s="71">
        <v>26</v>
      </c>
      <c r="EX38" s="71">
        <v>13</v>
      </c>
      <c r="EY38" s="72">
        <v>184</v>
      </c>
      <c r="EZ38" s="73">
        <v>251</v>
      </c>
      <c r="FA38" s="70">
        <v>30</v>
      </c>
      <c r="FB38" s="71">
        <v>45</v>
      </c>
      <c r="FC38" s="72">
        <v>75</v>
      </c>
      <c r="FD38" s="244"/>
      <c r="FE38" s="71">
        <v>101</v>
      </c>
      <c r="FF38" s="71">
        <v>58</v>
      </c>
      <c r="FG38" s="71">
        <v>38</v>
      </c>
      <c r="FH38" s="71">
        <v>34</v>
      </c>
      <c r="FI38" s="71">
        <v>20</v>
      </c>
      <c r="FJ38" s="72">
        <v>251</v>
      </c>
      <c r="FK38" s="73">
        <v>326</v>
      </c>
      <c r="FL38" s="70">
        <v>26</v>
      </c>
      <c r="FM38" s="71">
        <v>29</v>
      </c>
      <c r="FN38" s="72">
        <v>55</v>
      </c>
      <c r="FO38" s="244"/>
      <c r="FP38" s="71">
        <v>85</v>
      </c>
      <c r="FQ38" s="71">
        <v>74</v>
      </c>
      <c r="FR38" s="71">
        <v>67</v>
      </c>
      <c r="FS38" s="71">
        <v>71</v>
      </c>
      <c r="FT38" s="71">
        <v>36</v>
      </c>
      <c r="FU38" s="72">
        <v>333</v>
      </c>
      <c r="FV38" s="73">
        <v>388</v>
      </c>
      <c r="FW38" s="70">
        <v>0</v>
      </c>
      <c r="FX38" s="71">
        <v>1</v>
      </c>
      <c r="FY38" s="72">
        <v>1</v>
      </c>
      <c r="FZ38" s="244"/>
      <c r="GA38" s="71">
        <v>0</v>
      </c>
      <c r="GB38" s="71">
        <v>7</v>
      </c>
      <c r="GC38" s="71">
        <v>2</v>
      </c>
      <c r="GD38" s="71">
        <v>1</v>
      </c>
      <c r="GE38" s="71">
        <v>1</v>
      </c>
      <c r="GF38" s="72">
        <v>11</v>
      </c>
      <c r="GG38" s="73">
        <v>12</v>
      </c>
      <c r="GH38" s="70">
        <v>122</v>
      </c>
      <c r="GI38" s="71">
        <v>139</v>
      </c>
      <c r="GJ38" s="72">
        <v>261</v>
      </c>
      <c r="GK38" s="244"/>
      <c r="GL38" s="71">
        <v>314</v>
      </c>
      <c r="GM38" s="71">
        <v>220</v>
      </c>
      <c r="GN38" s="71">
        <v>153</v>
      </c>
      <c r="GO38" s="71">
        <v>160</v>
      </c>
      <c r="GP38" s="71">
        <v>87</v>
      </c>
      <c r="GQ38" s="72">
        <v>934</v>
      </c>
      <c r="GR38" s="73">
        <v>1195</v>
      </c>
      <c r="GS38" s="123">
        <v>174</v>
      </c>
      <c r="GT38" s="82">
        <v>191</v>
      </c>
      <c r="GU38" s="83">
        <v>365</v>
      </c>
      <c r="GV38" s="241"/>
      <c r="GW38" s="82">
        <v>476</v>
      </c>
      <c r="GX38" s="82">
        <v>313</v>
      </c>
      <c r="GY38" s="82">
        <v>210</v>
      </c>
      <c r="GZ38" s="82">
        <v>212</v>
      </c>
      <c r="HA38" s="82">
        <v>111</v>
      </c>
      <c r="HB38" s="84">
        <v>1322</v>
      </c>
      <c r="HC38" s="85">
        <v>1687</v>
      </c>
      <c r="HD38" s="70">
        <v>5</v>
      </c>
      <c r="HE38" s="71">
        <v>8</v>
      </c>
      <c r="HF38" s="72">
        <v>13</v>
      </c>
      <c r="HG38" s="244"/>
      <c r="HH38" s="71">
        <v>13</v>
      </c>
      <c r="HI38" s="71">
        <v>9</v>
      </c>
      <c r="HJ38" s="71">
        <v>14</v>
      </c>
      <c r="HK38" s="71">
        <v>8</v>
      </c>
      <c r="HL38" s="71">
        <v>2</v>
      </c>
      <c r="HM38" s="72">
        <v>46</v>
      </c>
      <c r="HN38" s="73">
        <v>59</v>
      </c>
      <c r="HO38" s="70">
        <v>9</v>
      </c>
      <c r="HP38" s="71">
        <v>17</v>
      </c>
      <c r="HQ38" s="72">
        <v>26</v>
      </c>
      <c r="HR38" s="244"/>
      <c r="HS38" s="71">
        <v>28</v>
      </c>
      <c r="HT38" s="71">
        <v>19</v>
      </c>
      <c r="HU38" s="71">
        <v>11</v>
      </c>
      <c r="HV38" s="71">
        <v>10</v>
      </c>
      <c r="HW38" s="71">
        <v>9</v>
      </c>
      <c r="HX38" s="72">
        <v>77</v>
      </c>
      <c r="HY38" s="73">
        <v>103</v>
      </c>
      <c r="HZ38" s="70">
        <v>33</v>
      </c>
      <c r="IA38" s="71">
        <v>29</v>
      </c>
      <c r="IB38" s="72">
        <v>62</v>
      </c>
      <c r="IC38" s="244"/>
      <c r="ID38" s="71">
        <v>67</v>
      </c>
      <c r="IE38" s="71">
        <v>34</v>
      </c>
      <c r="IF38" s="71">
        <v>15</v>
      </c>
      <c r="IG38" s="71">
        <v>30</v>
      </c>
      <c r="IH38" s="71">
        <v>18</v>
      </c>
      <c r="II38" s="72">
        <v>164</v>
      </c>
      <c r="IJ38" s="73">
        <v>226</v>
      </c>
      <c r="IK38" s="70">
        <v>50</v>
      </c>
      <c r="IL38" s="71">
        <v>41</v>
      </c>
      <c r="IM38" s="72">
        <v>91</v>
      </c>
      <c r="IN38" s="244"/>
      <c r="IO38" s="71">
        <v>117</v>
      </c>
      <c r="IP38" s="71">
        <v>71</v>
      </c>
      <c r="IQ38" s="71">
        <v>41</v>
      </c>
      <c r="IR38" s="71">
        <v>36</v>
      </c>
      <c r="IS38" s="71">
        <v>16</v>
      </c>
      <c r="IT38" s="72">
        <v>281</v>
      </c>
      <c r="IU38" s="73">
        <v>372</v>
      </c>
      <c r="IV38" s="70">
        <v>40</v>
      </c>
      <c r="IW38" s="71">
        <v>62</v>
      </c>
      <c r="IX38" s="72">
        <v>102</v>
      </c>
      <c r="IY38" s="244"/>
      <c r="IZ38" s="71">
        <v>139</v>
      </c>
      <c r="JA38" s="71">
        <v>79</v>
      </c>
      <c r="JB38" s="71">
        <v>50</v>
      </c>
      <c r="JC38" s="71">
        <v>45</v>
      </c>
      <c r="JD38" s="71">
        <v>25</v>
      </c>
      <c r="JE38" s="72">
        <v>338</v>
      </c>
      <c r="JF38" s="73">
        <v>440</v>
      </c>
      <c r="JG38" s="70">
        <v>37</v>
      </c>
      <c r="JH38" s="71">
        <v>34</v>
      </c>
      <c r="JI38" s="72">
        <v>71</v>
      </c>
      <c r="JJ38" s="244"/>
      <c r="JK38" s="71">
        <v>112</v>
      </c>
      <c r="JL38" s="71">
        <v>101</v>
      </c>
      <c r="JM38" s="71">
        <v>79</v>
      </c>
      <c r="JN38" s="71">
        <v>83</v>
      </c>
      <c r="JO38" s="71">
        <v>41</v>
      </c>
      <c r="JP38" s="72">
        <v>416</v>
      </c>
      <c r="JQ38" s="73">
        <v>487</v>
      </c>
      <c r="JR38" s="70">
        <v>1</v>
      </c>
      <c r="JS38" s="71">
        <v>3</v>
      </c>
      <c r="JT38" s="72">
        <v>4</v>
      </c>
      <c r="JU38" s="244"/>
      <c r="JV38" s="71">
        <v>3</v>
      </c>
      <c r="JW38" s="71">
        <v>8</v>
      </c>
      <c r="JX38" s="71">
        <v>2</v>
      </c>
      <c r="JY38" s="71">
        <v>3</v>
      </c>
      <c r="JZ38" s="71">
        <v>2</v>
      </c>
      <c r="KA38" s="72">
        <v>18</v>
      </c>
      <c r="KB38" s="73">
        <v>22</v>
      </c>
      <c r="KC38" s="70">
        <v>175</v>
      </c>
      <c r="KD38" s="71">
        <v>194</v>
      </c>
      <c r="KE38" s="72">
        <v>369</v>
      </c>
      <c r="KF38" s="244"/>
      <c r="KG38" s="71">
        <v>479</v>
      </c>
      <c r="KH38" s="71">
        <v>321</v>
      </c>
      <c r="KI38" s="71">
        <v>212</v>
      </c>
      <c r="KJ38" s="71">
        <v>215</v>
      </c>
      <c r="KK38" s="71">
        <v>113</v>
      </c>
      <c r="KL38" s="72">
        <v>1340</v>
      </c>
      <c r="KM38" s="73">
        <v>1709</v>
      </c>
    </row>
    <row r="39" spans="2:299" ht="21" customHeight="1" x14ac:dyDescent="0.2">
      <c r="B39" s="126" t="s">
        <v>36</v>
      </c>
      <c r="C39" s="315">
        <v>69</v>
      </c>
      <c r="D39" s="82">
        <v>91</v>
      </c>
      <c r="E39" s="83">
        <v>160</v>
      </c>
      <c r="F39" s="241"/>
      <c r="G39" s="82">
        <v>141</v>
      </c>
      <c r="H39" s="82">
        <v>150</v>
      </c>
      <c r="I39" s="82">
        <v>107</v>
      </c>
      <c r="J39" s="82">
        <v>64</v>
      </c>
      <c r="K39" s="82">
        <v>50</v>
      </c>
      <c r="L39" s="84">
        <v>512</v>
      </c>
      <c r="M39" s="85">
        <v>672</v>
      </c>
      <c r="N39" s="70">
        <v>6</v>
      </c>
      <c r="O39" s="71">
        <v>5</v>
      </c>
      <c r="P39" s="72">
        <v>11</v>
      </c>
      <c r="Q39" s="244"/>
      <c r="R39" s="71">
        <v>9</v>
      </c>
      <c r="S39" s="71">
        <v>15</v>
      </c>
      <c r="T39" s="71">
        <v>7</v>
      </c>
      <c r="U39" s="71">
        <v>6</v>
      </c>
      <c r="V39" s="71">
        <v>2</v>
      </c>
      <c r="W39" s="72">
        <v>39</v>
      </c>
      <c r="X39" s="73">
        <v>50</v>
      </c>
      <c r="Y39" s="70">
        <v>7</v>
      </c>
      <c r="Z39" s="71">
        <v>13</v>
      </c>
      <c r="AA39" s="72">
        <v>20</v>
      </c>
      <c r="AB39" s="244"/>
      <c r="AC39" s="71">
        <v>20</v>
      </c>
      <c r="AD39" s="71">
        <v>21</v>
      </c>
      <c r="AE39" s="71">
        <v>13</v>
      </c>
      <c r="AF39" s="71">
        <v>11</v>
      </c>
      <c r="AG39" s="71">
        <v>12</v>
      </c>
      <c r="AH39" s="72">
        <v>77</v>
      </c>
      <c r="AI39" s="73">
        <v>97</v>
      </c>
      <c r="AJ39" s="70">
        <v>14</v>
      </c>
      <c r="AK39" s="71">
        <v>14</v>
      </c>
      <c r="AL39" s="72">
        <v>28</v>
      </c>
      <c r="AM39" s="244"/>
      <c r="AN39" s="71">
        <v>27</v>
      </c>
      <c r="AO39" s="71">
        <v>29</v>
      </c>
      <c r="AP39" s="71">
        <v>18</v>
      </c>
      <c r="AQ39" s="71">
        <v>13</v>
      </c>
      <c r="AR39" s="71">
        <v>7</v>
      </c>
      <c r="AS39" s="72">
        <v>94</v>
      </c>
      <c r="AT39" s="73">
        <v>122</v>
      </c>
      <c r="AU39" s="70">
        <v>21</v>
      </c>
      <c r="AV39" s="71">
        <v>30</v>
      </c>
      <c r="AW39" s="72">
        <v>51</v>
      </c>
      <c r="AX39" s="244"/>
      <c r="AY39" s="71">
        <v>40</v>
      </c>
      <c r="AZ39" s="71">
        <v>34</v>
      </c>
      <c r="BA39" s="71">
        <v>25</v>
      </c>
      <c r="BB39" s="71">
        <v>10</v>
      </c>
      <c r="BC39" s="71">
        <v>13</v>
      </c>
      <c r="BD39" s="72">
        <v>122</v>
      </c>
      <c r="BE39" s="73">
        <v>173</v>
      </c>
      <c r="BF39" s="70">
        <v>16</v>
      </c>
      <c r="BG39" s="71">
        <v>20</v>
      </c>
      <c r="BH39" s="72">
        <v>36</v>
      </c>
      <c r="BI39" s="244"/>
      <c r="BJ39" s="71">
        <v>28</v>
      </c>
      <c r="BK39" s="71">
        <v>27</v>
      </c>
      <c r="BL39" s="71">
        <v>26</v>
      </c>
      <c r="BM39" s="71">
        <v>17</v>
      </c>
      <c r="BN39" s="71">
        <v>8</v>
      </c>
      <c r="BO39" s="72">
        <v>106</v>
      </c>
      <c r="BP39" s="73">
        <v>142</v>
      </c>
      <c r="BQ39" s="70">
        <v>5</v>
      </c>
      <c r="BR39" s="71">
        <v>9</v>
      </c>
      <c r="BS39" s="72">
        <v>14</v>
      </c>
      <c r="BT39" s="244"/>
      <c r="BU39" s="71">
        <v>17</v>
      </c>
      <c r="BV39" s="71">
        <v>24</v>
      </c>
      <c r="BW39" s="71">
        <v>18</v>
      </c>
      <c r="BX39" s="71">
        <v>7</v>
      </c>
      <c r="BY39" s="71">
        <v>8</v>
      </c>
      <c r="BZ39" s="72">
        <v>74</v>
      </c>
      <c r="CA39" s="73">
        <v>88</v>
      </c>
      <c r="CB39" s="70">
        <v>1</v>
      </c>
      <c r="CC39" s="71">
        <v>4</v>
      </c>
      <c r="CD39" s="72">
        <v>5</v>
      </c>
      <c r="CE39" s="244"/>
      <c r="CF39" s="71">
        <v>6</v>
      </c>
      <c r="CG39" s="71">
        <v>5</v>
      </c>
      <c r="CH39" s="71">
        <v>6</v>
      </c>
      <c r="CI39" s="71">
        <v>7</v>
      </c>
      <c r="CJ39" s="71">
        <v>2</v>
      </c>
      <c r="CK39" s="72">
        <v>26</v>
      </c>
      <c r="CL39" s="73">
        <v>31</v>
      </c>
      <c r="CM39" s="70">
        <v>70</v>
      </c>
      <c r="CN39" s="71">
        <v>95</v>
      </c>
      <c r="CO39" s="72">
        <v>165</v>
      </c>
      <c r="CP39" s="244"/>
      <c r="CQ39" s="71">
        <v>147</v>
      </c>
      <c r="CR39" s="71">
        <v>155</v>
      </c>
      <c r="CS39" s="71">
        <v>113</v>
      </c>
      <c r="CT39" s="71">
        <v>71</v>
      </c>
      <c r="CU39" s="71">
        <v>52</v>
      </c>
      <c r="CV39" s="72">
        <v>538</v>
      </c>
      <c r="CW39" s="73">
        <v>703</v>
      </c>
      <c r="CX39" s="123">
        <v>101</v>
      </c>
      <c r="CY39" s="82">
        <v>160</v>
      </c>
      <c r="CZ39" s="83">
        <v>261</v>
      </c>
      <c r="DA39" s="241"/>
      <c r="DB39" s="82">
        <v>266</v>
      </c>
      <c r="DC39" s="82">
        <v>191</v>
      </c>
      <c r="DD39" s="82">
        <v>175</v>
      </c>
      <c r="DE39" s="82">
        <v>178</v>
      </c>
      <c r="DF39" s="82">
        <v>138</v>
      </c>
      <c r="DG39" s="84">
        <v>948</v>
      </c>
      <c r="DH39" s="85">
        <v>1209</v>
      </c>
      <c r="DI39" s="70">
        <v>2</v>
      </c>
      <c r="DJ39" s="71">
        <v>7</v>
      </c>
      <c r="DK39" s="72">
        <v>9</v>
      </c>
      <c r="DL39" s="244"/>
      <c r="DM39" s="71">
        <v>7</v>
      </c>
      <c r="DN39" s="71">
        <v>7</v>
      </c>
      <c r="DO39" s="71">
        <v>6</v>
      </c>
      <c r="DP39" s="71">
        <v>5</v>
      </c>
      <c r="DQ39" s="71">
        <v>6</v>
      </c>
      <c r="DR39" s="72">
        <v>31</v>
      </c>
      <c r="DS39" s="73">
        <v>40</v>
      </c>
      <c r="DT39" s="70">
        <v>7</v>
      </c>
      <c r="DU39" s="71">
        <v>24</v>
      </c>
      <c r="DV39" s="72">
        <v>31</v>
      </c>
      <c r="DW39" s="244"/>
      <c r="DX39" s="71">
        <v>21</v>
      </c>
      <c r="DY39" s="71">
        <v>18</v>
      </c>
      <c r="DZ39" s="71">
        <v>14</v>
      </c>
      <c r="EA39" s="71">
        <v>12</v>
      </c>
      <c r="EB39" s="71">
        <v>10</v>
      </c>
      <c r="EC39" s="72">
        <v>75</v>
      </c>
      <c r="ED39" s="73">
        <v>106</v>
      </c>
      <c r="EE39" s="70">
        <v>18</v>
      </c>
      <c r="EF39" s="71">
        <v>25</v>
      </c>
      <c r="EG39" s="72">
        <v>43</v>
      </c>
      <c r="EH39" s="244"/>
      <c r="EI39" s="71">
        <v>35</v>
      </c>
      <c r="EJ39" s="71">
        <v>22</v>
      </c>
      <c r="EK39" s="71">
        <v>11</v>
      </c>
      <c r="EL39" s="71">
        <v>19</v>
      </c>
      <c r="EM39" s="71">
        <v>22</v>
      </c>
      <c r="EN39" s="72">
        <v>109</v>
      </c>
      <c r="EO39" s="73">
        <v>152</v>
      </c>
      <c r="EP39" s="70">
        <v>35</v>
      </c>
      <c r="EQ39" s="71">
        <v>48</v>
      </c>
      <c r="ER39" s="72">
        <v>83</v>
      </c>
      <c r="ES39" s="244"/>
      <c r="ET39" s="71">
        <v>85</v>
      </c>
      <c r="EU39" s="71">
        <v>45</v>
      </c>
      <c r="EV39" s="71">
        <v>44</v>
      </c>
      <c r="EW39" s="71">
        <v>32</v>
      </c>
      <c r="EX39" s="71">
        <v>32</v>
      </c>
      <c r="EY39" s="72">
        <v>238</v>
      </c>
      <c r="EZ39" s="73">
        <v>321</v>
      </c>
      <c r="FA39" s="70">
        <v>27</v>
      </c>
      <c r="FB39" s="71">
        <v>36</v>
      </c>
      <c r="FC39" s="72">
        <v>63</v>
      </c>
      <c r="FD39" s="244"/>
      <c r="FE39" s="71">
        <v>72</v>
      </c>
      <c r="FF39" s="71">
        <v>46</v>
      </c>
      <c r="FG39" s="71">
        <v>43</v>
      </c>
      <c r="FH39" s="71">
        <v>42</v>
      </c>
      <c r="FI39" s="71">
        <v>28</v>
      </c>
      <c r="FJ39" s="72">
        <v>231</v>
      </c>
      <c r="FK39" s="73">
        <v>294</v>
      </c>
      <c r="FL39" s="70">
        <v>12</v>
      </c>
      <c r="FM39" s="71">
        <v>20</v>
      </c>
      <c r="FN39" s="72">
        <v>32</v>
      </c>
      <c r="FO39" s="244"/>
      <c r="FP39" s="71">
        <v>46</v>
      </c>
      <c r="FQ39" s="71">
        <v>53</v>
      </c>
      <c r="FR39" s="71">
        <v>57</v>
      </c>
      <c r="FS39" s="71">
        <v>68</v>
      </c>
      <c r="FT39" s="71">
        <v>40</v>
      </c>
      <c r="FU39" s="72">
        <v>264</v>
      </c>
      <c r="FV39" s="73">
        <v>296</v>
      </c>
      <c r="FW39" s="70">
        <v>1</v>
      </c>
      <c r="FX39" s="71">
        <v>2</v>
      </c>
      <c r="FY39" s="72">
        <v>3</v>
      </c>
      <c r="FZ39" s="244"/>
      <c r="GA39" s="71">
        <v>2</v>
      </c>
      <c r="GB39" s="71">
        <v>2</v>
      </c>
      <c r="GC39" s="71">
        <v>1</v>
      </c>
      <c r="GD39" s="71">
        <v>2</v>
      </c>
      <c r="GE39" s="71">
        <v>3</v>
      </c>
      <c r="GF39" s="72">
        <v>10</v>
      </c>
      <c r="GG39" s="73">
        <v>13</v>
      </c>
      <c r="GH39" s="70">
        <v>102</v>
      </c>
      <c r="GI39" s="71">
        <v>162</v>
      </c>
      <c r="GJ39" s="72">
        <v>264</v>
      </c>
      <c r="GK39" s="244"/>
      <c r="GL39" s="71">
        <v>268</v>
      </c>
      <c r="GM39" s="71">
        <v>193</v>
      </c>
      <c r="GN39" s="71">
        <v>176</v>
      </c>
      <c r="GO39" s="71">
        <v>180</v>
      </c>
      <c r="GP39" s="71">
        <v>141</v>
      </c>
      <c r="GQ39" s="72">
        <v>958</v>
      </c>
      <c r="GR39" s="73">
        <v>1222</v>
      </c>
      <c r="GS39" s="123">
        <v>170</v>
      </c>
      <c r="GT39" s="82">
        <v>251</v>
      </c>
      <c r="GU39" s="83">
        <v>421</v>
      </c>
      <c r="GV39" s="241"/>
      <c r="GW39" s="82">
        <v>407</v>
      </c>
      <c r="GX39" s="82">
        <v>341</v>
      </c>
      <c r="GY39" s="82">
        <v>282</v>
      </c>
      <c r="GZ39" s="82">
        <v>242</v>
      </c>
      <c r="HA39" s="82">
        <v>188</v>
      </c>
      <c r="HB39" s="84">
        <v>1460</v>
      </c>
      <c r="HC39" s="85">
        <v>1881</v>
      </c>
      <c r="HD39" s="70">
        <v>8</v>
      </c>
      <c r="HE39" s="71">
        <v>12</v>
      </c>
      <c r="HF39" s="72">
        <v>20</v>
      </c>
      <c r="HG39" s="244"/>
      <c r="HH39" s="71">
        <v>16</v>
      </c>
      <c r="HI39" s="71">
        <v>22</v>
      </c>
      <c r="HJ39" s="71">
        <v>13</v>
      </c>
      <c r="HK39" s="71">
        <v>11</v>
      </c>
      <c r="HL39" s="71">
        <v>8</v>
      </c>
      <c r="HM39" s="72">
        <v>70</v>
      </c>
      <c r="HN39" s="73">
        <v>90</v>
      </c>
      <c r="HO39" s="70">
        <v>14</v>
      </c>
      <c r="HP39" s="71">
        <v>37</v>
      </c>
      <c r="HQ39" s="72">
        <v>51</v>
      </c>
      <c r="HR39" s="244"/>
      <c r="HS39" s="71">
        <v>41</v>
      </c>
      <c r="HT39" s="71">
        <v>39</v>
      </c>
      <c r="HU39" s="71">
        <v>27</v>
      </c>
      <c r="HV39" s="71">
        <v>23</v>
      </c>
      <c r="HW39" s="71">
        <v>22</v>
      </c>
      <c r="HX39" s="72">
        <v>152</v>
      </c>
      <c r="HY39" s="73">
        <v>203</v>
      </c>
      <c r="HZ39" s="70">
        <v>32</v>
      </c>
      <c r="IA39" s="71">
        <v>39</v>
      </c>
      <c r="IB39" s="72">
        <v>71</v>
      </c>
      <c r="IC39" s="244"/>
      <c r="ID39" s="71">
        <v>62</v>
      </c>
      <c r="IE39" s="71">
        <v>51</v>
      </c>
      <c r="IF39" s="71">
        <v>29</v>
      </c>
      <c r="IG39" s="71">
        <v>32</v>
      </c>
      <c r="IH39" s="71">
        <v>29</v>
      </c>
      <c r="II39" s="72">
        <v>203</v>
      </c>
      <c r="IJ39" s="73">
        <v>274</v>
      </c>
      <c r="IK39" s="70">
        <v>56</v>
      </c>
      <c r="IL39" s="71">
        <v>78</v>
      </c>
      <c r="IM39" s="72">
        <v>134</v>
      </c>
      <c r="IN39" s="244"/>
      <c r="IO39" s="71">
        <v>125</v>
      </c>
      <c r="IP39" s="71">
        <v>79</v>
      </c>
      <c r="IQ39" s="71">
        <v>69</v>
      </c>
      <c r="IR39" s="71">
        <v>42</v>
      </c>
      <c r="IS39" s="71">
        <v>45</v>
      </c>
      <c r="IT39" s="72">
        <v>360</v>
      </c>
      <c r="IU39" s="73">
        <v>494</v>
      </c>
      <c r="IV39" s="70">
        <v>43</v>
      </c>
      <c r="IW39" s="71">
        <v>56</v>
      </c>
      <c r="IX39" s="72">
        <v>99</v>
      </c>
      <c r="IY39" s="244"/>
      <c r="IZ39" s="71">
        <v>100</v>
      </c>
      <c r="JA39" s="71">
        <v>73</v>
      </c>
      <c r="JB39" s="71">
        <v>69</v>
      </c>
      <c r="JC39" s="71">
        <v>59</v>
      </c>
      <c r="JD39" s="71">
        <v>36</v>
      </c>
      <c r="JE39" s="72">
        <v>337</v>
      </c>
      <c r="JF39" s="73">
        <v>436</v>
      </c>
      <c r="JG39" s="70">
        <v>17</v>
      </c>
      <c r="JH39" s="71">
        <v>29</v>
      </c>
      <c r="JI39" s="72">
        <v>46</v>
      </c>
      <c r="JJ39" s="244"/>
      <c r="JK39" s="71">
        <v>63</v>
      </c>
      <c r="JL39" s="71">
        <v>77</v>
      </c>
      <c r="JM39" s="71">
        <v>75</v>
      </c>
      <c r="JN39" s="71">
        <v>75</v>
      </c>
      <c r="JO39" s="71">
        <v>48</v>
      </c>
      <c r="JP39" s="72">
        <v>338</v>
      </c>
      <c r="JQ39" s="73">
        <v>384</v>
      </c>
      <c r="JR39" s="70">
        <v>2</v>
      </c>
      <c r="JS39" s="71">
        <v>6</v>
      </c>
      <c r="JT39" s="72">
        <v>8</v>
      </c>
      <c r="JU39" s="244"/>
      <c r="JV39" s="71">
        <v>8</v>
      </c>
      <c r="JW39" s="71">
        <v>7</v>
      </c>
      <c r="JX39" s="71">
        <v>7</v>
      </c>
      <c r="JY39" s="71">
        <v>9</v>
      </c>
      <c r="JZ39" s="71">
        <v>5</v>
      </c>
      <c r="KA39" s="72">
        <v>36</v>
      </c>
      <c r="KB39" s="73">
        <v>44</v>
      </c>
      <c r="KC39" s="70">
        <v>172</v>
      </c>
      <c r="KD39" s="71">
        <v>257</v>
      </c>
      <c r="KE39" s="72">
        <v>429</v>
      </c>
      <c r="KF39" s="244"/>
      <c r="KG39" s="71">
        <v>415</v>
      </c>
      <c r="KH39" s="71">
        <v>348</v>
      </c>
      <c r="KI39" s="71">
        <v>289</v>
      </c>
      <c r="KJ39" s="71">
        <v>251</v>
      </c>
      <c r="KK39" s="71">
        <v>193</v>
      </c>
      <c r="KL39" s="72">
        <v>1496</v>
      </c>
      <c r="KM39" s="73">
        <v>1925</v>
      </c>
    </row>
    <row r="40" spans="2:299" ht="21" customHeight="1" thickBot="1" x14ac:dyDescent="0.25">
      <c r="B40" s="127" t="s">
        <v>37</v>
      </c>
      <c r="C40" s="316">
        <v>3</v>
      </c>
      <c r="D40" s="87">
        <v>5</v>
      </c>
      <c r="E40" s="88">
        <v>8</v>
      </c>
      <c r="F40" s="242"/>
      <c r="G40" s="87">
        <v>10</v>
      </c>
      <c r="H40" s="87">
        <v>4</v>
      </c>
      <c r="I40" s="87">
        <v>11</v>
      </c>
      <c r="J40" s="87">
        <v>6</v>
      </c>
      <c r="K40" s="87">
        <v>6</v>
      </c>
      <c r="L40" s="89">
        <v>37</v>
      </c>
      <c r="M40" s="90">
        <v>45</v>
      </c>
      <c r="N40" s="74">
        <v>0</v>
      </c>
      <c r="O40" s="75">
        <v>1</v>
      </c>
      <c r="P40" s="76">
        <v>1</v>
      </c>
      <c r="Q40" s="245"/>
      <c r="R40" s="75">
        <v>2</v>
      </c>
      <c r="S40" s="75">
        <v>0</v>
      </c>
      <c r="T40" s="75">
        <v>0</v>
      </c>
      <c r="U40" s="75">
        <v>1</v>
      </c>
      <c r="V40" s="75">
        <v>1</v>
      </c>
      <c r="W40" s="76">
        <v>4</v>
      </c>
      <c r="X40" s="77">
        <v>5</v>
      </c>
      <c r="Y40" s="74">
        <v>1</v>
      </c>
      <c r="Z40" s="75">
        <v>1</v>
      </c>
      <c r="AA40" s="76">
        <v>2</v>
      </c>
      <c r="AB40" s="245"/>
      <c r="AC40" s="75">
        <v>0</v>
      </c>
      <c r="AD40" s="75">
        <v>0</v>
      </c>
      <c r="AE40" s="75">
        <v>3</v>
      </c>
      <c r="AF40" s="75">
        <v>0</v>
      </c>
      <c r="AG40" s="75">
        <v>0</v>
      </c>
      <c r="AH40" s="76">
        <v>3</v>
      </c>
      <c r="AI40" s="77">
        <v>5</v>
      </c>
      <c r="AJ40" s="74">
        <v>0</v>
      </c>
      <c r="AK40" s="75">
        <v>1</v>
      </c>
      <c r="AL40" s="76">
        <v>1</v>
      </c>
      <c r="AM40" s="245"/>
      <c r="AN40" s="75">
        <v>1</v>
      </c>
      <c r="AO40" s="75">
        <v>0</v>
      </c>
      <c r="AP40" s="75">
        <v>2</v>
      </c>
      <c r="AQ40" s="75">
        <v>1</v>
      </c>
      <c r="AR40" s="75">
        <v>1</v>
      </c>
      <c r="AS40" s="76">
        <v>5</v>
      </c>
      <c r="AT40" s="77">
        <v>6</v>
      </c>
      <c r="AU40" s="74">
        <v>2</v>
      </c>
      <c r="AV40" s="75">
        <v>1</v>
      </c>
      <c r="AW40" s="76">
        <v>3</v>
      </c>
      <c r="AX40" s="245"/>
      <c r="AY40" s="75">
        <v>3</v>
      </c>
      <c r="AZ40" s="75">
        <v>1</v>
      </c>
      <c r="BA40" s="75">
        <v>2</v>
      </c>
      <c r="BB40" s="75">
        <v>1</v>
      </c>
      <c r="BC40" s="75">
        <v>2</v>
      </c>
      <c r="BD40" s="76">
        <v>9</v>
      </c>
      <c r="BE40" s="77">
        <v>12</v>
      </c>
      <c r="BF40" s="74">
        <v>0</v>
      </c>
      <c r="BG40" s="75">
        <v>1</v>
      </c>
      <c r="BH40" s="76">
        <v>1</v>
      </c>
      <c r="BI40" s="245"/>
      <c r="BJ40" s="75">
        <v>1</v>
      </c>
      <c r="BK40" s="75">
        <v>2</v>
      </c>
      <c r="BL40" s="75">
        <v>2</v>
      </c>
      <c r="BM40" s="75">
        <v>3</v>
      </c>
      <c r="BN40" s="75">
        <v>1</v>
      </c>
      <c r="BO40" s="76">
        <v>9</v>
      </c>
      <c r="BP40" s="77">
        <v>10</v>
      </c>
      <c r="BQ40" s="74">
        <v>0</v>
      </c>
      <c r="BR40" s="75">
        <v>0</v>
      </c>
      <c r="BS40" s="76">
        <v>0</v>
      </c>
      <c r="BT40" s="245"/>
      <c r="BU40" s="75">
        <v>3</v>
      </c>
      <c r="BV40" s="75">
        <v>1</v>
      </c>
      <c r="BW40" s="75">
        <v>2</v>
      </c>
      <c r="BX40" s="75">
        <v>0</v>
      </c>
      <c r="BY40" s="75">
        <v>1</v>
      </c>
      <c r="BZ40" s="76">
        <v>7</v>
      </c>
      <c r="CA40" s="77">
        <v>7</v>
      </c>
      <c r="CB40" s="74">
        <v>0</v>
      </c>
      <c r="CC40" s="75">
        <v>0</v>
      </c>
      <c r="CD40" s="76">
        <v>0</v>
      </c>
      <c r="CE40" s="245"/>
      <c r="CF40" s="75">
        <v>1</v>
      </c>
      <c r="CG40" s="75">
        <v>0</v>
      </c>
      <c r="CH40" s="75">
        <v>0</v>
      </c>
      <c r="CI40" s="75">
        <v>1</v>
      </c>
      <c r="CJ40" s="75">
        <v>0</v>
      </c>
      <c r="CK40" s="76">
        <v>2</v>
      </c>
      <c r="CL40" s="77">
        <v>2</v>
      </c>
      <c r="CM40" s="74">
        <v>3</v>
      </c>
      <c r="CN40" s="75">
        <v>5</v>
      </c>
      <c r="CO40" s="76">
        <v>8</v>
      </c>
      <c r="CP40" s="245"/>
      <c r="CQ40" s="75">
        <v>11</v>
      </c>
      <c r="CR40" s="75">
        <v>4</v>
      </c>
      <c r="CS40" s="75">
        <v>11</v>
      </c>
      <c r="CT40" s="75">
        <v>7</v>
      </c>
      <c r="CU40" s="75">
        <v>6</v>
      </c>
      <c r="CV40" s="76">
        <v>39</v>
      </c>
      <c r="CW40" s="77">
        <v>47</v>
      </c>
      <c r="CX40" s="124">
        <v>14</v>
      </c>
      <c r="CY40" s="87">
        <v>5</v>
      </c>
      <c r="CZ40" s="88">
        <v>19</v>
      </c>
      <c r="DA40" s="242"/>
      <c r="DB40" s="87">
        <v>25</v>
      </c>
      <c r="DC40" s="87">
        <v>15</v>
      </c>
      <c r="DD40" s="87">
        <v>28</v>
      </c>
      <c r="DE40" s="87">
        <v>13</v>
      </c>
      <c r="DF40" s="87">
        <v>9</v>
      </c>
      <c r="DG40" s="89">
        <v>90</v>
      </c>
      <c r="DH40" s="90">
        <v>109</v>
      </c>
      <c r="DI40" s="74">
        <v>0</v>
      </c>
      <c r="DJ40" s="75">
        <v>0</v>
      </c>
      <c r="DK40" s="76">
        <v>0</v>
      </c>
      <c r="DL40" s="245"/>
      <c r="DM40" s="75">
        <v>0</v>
      </c>
      <c r="DN40" s="75">
        <v>0</v>
      </c>
      <c r="DO40" s="75">
        <v>1</v>
      </c>
      <c r="DP40" s="75">
        <v>0</v>
      </c>
      <c r="DQ40" s="75">
        <v>2</v>
      </c>
      <c r="DR40" s="76">
        <v>3</v>
      </c>
      <c r="DS40" s="77">
        <v>3</v>
      </c>
      <c r="DT40" s="74">
        <v>1</v>
      </c>
      <c r="DU40" s="75">
        <v>0</v>
      </c>
      <c r="DV40" s="76">
        <v>1</v>
      </c>
      <c r="DW40" s="245"/>
      <c r="DX40" s="75">
        <v>1</v>
      </c>
      <c r="DY40" s="75">
        <v>1</v>
      </c>
      <c r="DZ40" s="75">
        <v>1</v>
      </c>
      <c r="EA40" s="75">
        <v>1</v>
      </c>
      <c r="EB40" s="75">
        <v>0</v>
      </c>
      <c r="EC40" s="76">
        <v>4</v>
      </c>
      <c r="ED40" s="77">
        <v>5</v>
      </c>
      <c r="EE40" s="74">
        <v>1</v>
      </c>
      <c r="EF40" s="75">
        <v>1</v>
      </c>
      <c r="EG40" s="76">
        <v>2</v>
      </c>
      <c r="EH40" s="245"/>
      <c r="EI40" s="75">
        <v>2</v>
      </c>
      <c r="EJ40" s="75">
        <v>2</v>
      </c>
      <c r="EK40" s="75">
        <v>4</v>
      </c>
      <c r="EL40" s="75">
        <v>3</v>
      </c>
      <c r="EM40" s="75">
        <v>1</v>
      </c>
      <c r="EN40" s="76">
        <v>12</v>
      </c>
      <c r="EO40" s="77">
        <v>14</v>
      </c>
      <c r="EP40" s="74">
        <v>5</v>
      </c>
      <c r="EQ40" s="75">
        <v>1</v>
      </c>
      <c r="ER40" s="76">
        <v>6</v>
      </c>
      <c r="ES40" s="245"/>
      <c r="ET40" s="75">
        <v>6</v>
      </c>
      <c r="EU40" s="75">
        <v>5</v>
      </c>
      <c r="EV40" s="75">
        <v>5</v>
      </c>
      <c r="EW40" s="75">
        <v>0</v>
      </c>
      <c r="EX40" s="75">
        <v>1</v>
      </c>
      <c r="EY40" s="76">
        <v>17</v>
      </c>
      <c r="EZ40" s="77">
        <v>23</v>
      </c>
      <c r="FA40" s="74">
        <v>6</v>
      </c>
      <c r="FB40" s="75">
        <v>2</v>
      </c>
      <c r="FC40" s="76">
        <v>8</v>
      </c>
      <c r="FD40" s="245"/>
      <c r="FE40" s="75">
        <v>11</v>
      </c>
      <c r="FF40" s="75">
        <v>4</v>
      </c>
      <c r="FG40" s="75">
        <v>8</v>
      </c>
      <c r="FH40" s="75">
        <v>2</v>
      </c>
      <c r="FI40" s="75">
        <v>2</v>
      </c>
      <c r="FJ40" s="76">
        <v>27</v>
      </c>
      <c r="FK40" s="77">
        <v>35</v>
      </c>
      <c r="FL40" s="74">
        <v>1</v>
      </c>
      <c r="FM40" s="75">
        <v>1</v>
      </c>
      <c r="FN40" s="76">
        <v>2</v>
      </c>
      <c r="FO40" s="245"/>
      <c r="FP40" s="75">
        <v>5</v>
      </c>
      <c r="FQ40" s="75">
        <v>3</v>
      </c>
      <c r="FR40" s="75">
        <v>9</v>
      </c>
      <c r="FS40" s="75">
        <v>7</v>
      </c>
      <c r="FT40" s="75">
        <v>3</v>
      </c>
      <c r="FU40" s="76">
        <v>27</v>
      </c>
      <c r="FV40" s="77">
        <v>29</v>
      </c>
      <c r="FW40" s="74">
        <v>0</v>
      </c>
      <c r="FX40" s="75">
        <v>0</v>
      </c>
      <c r="FY40" s="76">
        <v>0</v>
      </c>
      <c r="FZ40" s="245"/>
      <c r="GA40" s="75">
        <v>0</v>
      </c>
      <c r="GB40" s="75">
        <v>1</v>
      </c>
      <c r="GC40" s="75">
        <v>1</v>
      </c>
      <c r="GD40" s="75">
        <v>0</v>
      </c>
      <c r="GE40" s="75">
        <v>0</v>
      </c>
      <c r="GF40" s="76">
        <v>2</v>
      </c>
      <c r="GG40" s="77">
        <v>2</v>
      </c>
      <c r="GH40" s="74">
        <v>14</v>
      </c>
      <c r="GI40" s="75">
        <v>5</v>
      </c>
      <c r="GJ40" s="76">
        <v>19</v>
      </c>
      <c r="GK40" s="245"/>
      <c r="GL40" s="75">
        <v>25</v>
      </c>
      <c r="GM40" s="75">
        <v>16</v>
      </c>
      <c r="GN40" s="75">
        <v>29</v>
      </c>
      <c r="GO40" s="75">
        <v>13</v>
      </c>
      <c r="GP40" s="75">
        <v>9</v>
      </c>
      <c r="GQ40" s="76">
        <v>92</v>
      </c>
      <c r="GR40" s="77">
        <v>111</v>
      </c>
      <c r="GS40" s="124">
        <v>17</v>
      </c>
      <c r="GT40" s="87">
        <v>10</v>
      </c>
      <c r="GU40" s="88">
        <v>27</v>
      </c>
      <c r="GV40" s="242"/>
      <c r="GW40" s="87">
        <v>35</v>
      </c>
      <c r="GX40" s="87">
        <v>19</v>
      </c>
      <c r="GY40" s="87">
        <v>39</v>
      </c>
      <c r="GZ40" s="87">
        <v>19</v>
      </c>
      <c r="HA40" s="87">
        <v>15</v>
      </c>
      <c r="HB40" s="89">
        <v>127</v>
      </c>
      <c r="HC40" s="90">
        <v>154</v>
      </c>
      <c r="HD40" s="74">
        <v>0</v>
      </c>
      <c r="HE40" s="75">
        <v>1</v>
      </c>
      <c r="HF40" s="76">
        <v>1</v>
      </c>
      <c r="HG40" s="245"/>
      <c r="HH40" s="75">
        <v>2</v>
      </c>
      <c r="HI40" s="75">
        <v>0</v>
      </c>
      <c r="HJ40" s="75">
        <v>1</v>
      </c>
      <c r="HK40" s="75">
        <v>1</v>
      </c>
      <c r="HL40" s="75">
        <v>3</v>
      </c>
      <c r="HM40" s="76">
        <v>7</v>
      </c>
      <c r="HN40" s="77">
        <v>8</v>
      </c>
      <c r="HO40" s="74">
        <v>2</v>
      </c>
      <c r="HP40" s="75">
        <v>1</v>
      </c>
      <c r="HQ40" s="76">
        <v>3</v>
      </c>
      <c r="HR40" s="245"/>
      <c r="HS40" s="75">
        <v>1</v>
      </c>
      <c r="HT40" s="75">
        <v>1</v>
      </c>
      <c r="HU40" s="75">
        <v>4</v>
      </c>
      <c r="HV40" s="75">
        <v>1</v>
      </c>
      <c r="HW40" s="75">
        <v>0</v>
      </c>
      <c r="HX40" s="76">
        <v>7</v>
      </c>
      <c r="HY40" s="77">
        <v>10</v>
      </c>
      <c r="HZ40" s="74">
        <v>1</v>
      </c>
      <c r="IA40" s="75">
        <v>2</v>
      </c>
      <c r="IB40" s="76">
        <v>3</v>
      </c>
      <c r="IC40" s="245"/>
      <c r="ID40" s="75">
        <v>3</v>
      </c>
      <c r="IE40" s="75">
        <v>2</v>
      </c>
      <c r="IF40" s="75">
        <v>6</v>
      </c>
      <c r="IG40" s="75">
        <v>4</v>
      </c>
      <c r="IH40" s="75">
        <v>2</v>
      </c>
      <c r="II40" s="76">
        <v>17</v>
      </c>
      <c r="IJ40" s="77">
        <v>20</v>
      </c>
      <c r="IK40" s="74">
        <v>7</v>
      </c>
      <c r="IL40" s="75">
        <v>2</v>
      </c>
      <c r="IM40" s="76">
        <v>9</v>
      </c>
      <c r="IN40" s="245"/>
      <c r="IO40" s="75">
        <v>9</v>
      </c>
      <c r="IP40" s="75">
        <v>6</v>
      </c>
      <c r="IQ40" s="75">
        <v>7</v>
      </c>
      <c r="IR40" s="75">
        <v>1</v>
      </c>
      <c r="IS40" s="75">
        <v>3</v>
      </c>
      <c r="IT40" s="76">
        <v>26</v>
      </c>
      <c r="IU40" s="77">
        <v>35</v>
      </c>
      <c r="IV40" s="74">
        <v>6</v>
      </c>
      <c r="IW40" s="75">
        <v>3</v>
      </c>
      <c r="IX40" s="76">
        <v>9</v>
      </c>
      <c r="IY40" s="245"/>
      <c r="IZ40" s="75">
        <v>12</v>
      </c>
      <c r="JA40" s="75">
        <v>6</v>
      </c>
      <c r="JB40" s="75">
        <v>10</v>
      </c>
      <c r="JC40" s="75">
        <v>5</v>
      </c>
      <c r="JD40" s="75">
        <v>3</v>
      </c>
      <c r="JE40" s="76">
        <v>36</v>
      </c>
      <c r="JF40" s="77">
        <v>45</v>
      </c>
      <c r="JG40" s="74">
        <v>1</v>
      </c>
      <c r="JH40" s="75">
        <v>1</v>
      </c>
      <c r="JI40" s="76">
        <v>2</v>
      </c>
      <c r="JJ40" s="245"/>
      <c r="JK40" s="75">
        <v>8</v>
      </c>
      <c r="JL40" s="75">
        <v>4</v>
      </c>
      <c r="JM40" s="75">
        <v>11</v>
      </c>
      <c r="JN40" s="75">
        <v>7</v>
      </c>
      <c r="JO40" s="75">
        <v>4</v>
      </c>
      <c r="JP40" s="76">
        <v>34</v>
      </c>
      <c r="JQ40" s="77">
        <v>36</v>
      </c>
      <c r="JR40" s="74">
        <v>0</v>
      </c>
      <c r="JS40" s="75">
        <v>0</v>
      </c>
      <c r="JT40" s="76">
        <v>0</v>
      </c>
      <c r="JU40" s="245"/>
      <c r="JV40" s="75">
        <v>1</v>
      </c>
      <c r="JW40" s="75">
        <v>1</v>
      </c>
      <c r="JX40" s="75">
        <v>1</v>
      </c>
      <c r="JY40" s="75">
        <v>1</v>
      </c>
      <c r="JZ40" s="75">
        <v>0</v>
      </c>
      <c r="KA40" s="76">
        <v>4</v>
      </c>
      <c r="KB40" s="77">
        <v>4</v>
      </c>
      <c r="KC40" s="74">
        <v>17</v>
      </c>
      <c r="KD40" s="75">
        <v>10</v>
      </c>
      <c r="KE40" s="76">
        <v>27</v>
      </c>
      <c r="KF40" s="245"/>
      <c r="KG40" s="75">
        <v>36</v>
      </c>
      <c r="KH40" s="75">
        <v>20</v>
      </c>
      <c r="KI40" s="75">
        <v>40</v>
      </c>
      <c r="KJ40" s="75">
        <v>20</v>
      </c>
      <c r="KK40" s="75">
        <v>15</v>
      </c>
      <c r="KL40" s="76">
        <v>131</v>
      </c>
      <c r="KM40" s="77">
        <v>158</v>
      </c>
    </row>
    <row r="41" spans="2:299" ht="32.25" customHeight="1" x14ac:dyDescent="0.2">
      <c r="C41" s="310" t="s">
        <v>126</v>
      </c>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F1" s="500">
        <f>第１表!F2</f>
        <v>4</v>
      </c>
      <c r="G1" s="246">
        <f>第１表!G2</f>
        <v>11</v>
      </c>
      <c r="H1" s="555">
        <f>IF(G1&lt;3,G1-2+12,G1-2)</f>
        <v>9</v>
      </c>
      <c r="I1" s="555"/>
    </row>
    <row r="2" spans="2:43" ht="24" customHeight="1" thickBot="1" x14ac:dyDescent="0.25">
      <c r="B2" s="20" t="s">
        <v>158</v>
      </c>
      <c r="F2" s="20" t="s">
        <v>140</v>
      </c>
    </row>
    <row r="3" spans="2:43" ht="21"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1"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30" customHeight="1" thickBot="1" x14ac:dyDescent="0.25">
      <c r="B5" s="362"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1" customHeight="1" x14ac:dyDescent="0.2">
      <c r="B6" s="361" t="s">
        <v>4</v>
      </c>
      <c r="C6" s="185">
        <v>0</v>
      </c>
      <c r="D6" s="186">
        <v>0</v>
      </c>
      <c r="E6" s="186">
        <v>0</v>
      </c>
      <c r="F6" s="187">
        <v>15</v>
      </c>
      <c r="G6" s="188">
        <v>54</v>
      </c>
      <c r="H6" s="188">
        <v>452</v>
      </c>
      <c r="I6" s="188">
        <v>659</v>
      </c>
      <c r="J6" s="186">
        <v>375</v>
      </c>
      <c r="K6" s="189">
        <v>1555</v>
      </c>
      <c r="L6" s="190">
        <v>1555</v>
      </c>
      <c r="M6" s="185">
        <v>0</v>
      </c>
      <c r="N6" s="186">
        <v>0</v>
      </c>
      <c r="O6" s="189">
        <v>0</v>
      </c>
      <c r="P6" s="192">
        <v>90</v>
      </c>
      <c r="Q6" s="188">
        <v>197</v>
      </c>
      <c r="R6" s="188">
        <v>268</v>
      </c>
      <c r="S6" s="188">
        <v>318</v>
      </c>
      <c r="T6" s="186">
        <v>176</v>
      </c>
      <c r="U6" s="189">
        <v>1049</v>
      </c>
      <c r="V6" s="193">
        <v>1049</v>
      </c>
      <c r="W6" s="192">
        <v>0</v>
      </c>
      <c r="X6" s="186">
        <v>0</v>
      </c>
      <c r="Y6" s="186">
        <v>0</v>
      </c>
      <c r="Z6" s="187">
        <v>0</v>
      </c>
      <c r="AA6" s="188">
        <v>0</v>
      </c>
      <c r="AB6" s="188">
        <v>1</v>
      </c>
      <c r="AC6" s="188">
        <v>14</v>
      </c>
      <c r="AD6" s="186">
        <v>14</v>
      </c>
      <c r="AE6" s="189">
        <v>29</v>
      </c>
      <c r="AF6" s="190">
        <v>29</v>
      </c>
      <c r="AG6" s="185">
        <v>0</v>
      </c>
      <c r="AH6" s="186">
        <v>0</v>
      </c>
      <c r="AI6" s="186">
        <v>0</v>
      </c>
      <c r="AJ6" s="187">
        <v>0</v>
      </c>
      <c r="AK6" s="188">
        <v>2</v>
      </c>
      <c r="AL6" s="188">
        <v>2</v>
      </c>
      <c r="AM6" s="188">
        <v>17</v>
      </c>
      <c r="AN6" s="186">
        <v>24</v>
      </c>
      <c r="AO6" s="189">
        <v>45</v>
      </c>
      <c r="AP6" s="191">
        <v>45</v>
      </c>
      <c r="AQ6" s="37"/>
    </row>
    <row r="7" spans="2:43" ht="21" customHeight="1" x14ac:dyDescent="0.2">
      <c r="B7" s="62" t="s">
        <v>5</v>
      </c>
      <c r="C7" s="194">
        <v>0</v>
      </c>
      <c r="D7" s="195">
        <v>0</v>
      </c>
      <c r="E7" s="195">
        <v>0</v>
      </c>
      <c r="F7" s="196">
        <v>8</v>
      </c>
      <c r="G7" s="197">
        <v>39</v>
      </c>
      <c r="H7" s="197">
        <v>232</v>
      </c>
      <c r="I7" s="197">
        <v>285</v>
      </c>
      <c r="J7" s="195">
        <v>169</v>
      </c>
      <c r="K7" s="198">
        <v>733</v>
      </c>
      <c r="L7" s="199">
        <v>733</v>
      </c>
      <c r="M7" s="194">
        <v>0</v>
      </c>
      <c r="N7" s="195">
        <v>0</v>
      </c>
      <c r="O7" s="198">
        <v>0</v>
      </c>
      <c r="P7" s="201">
        <v>37</v>
      </c>
      <c r="Q7" s="197">
        <v>110</v>
      </c>
      <c r="R7" s="197">
        <v>133</v>
      </c>
      <c r="S7" s="197">
        <v>161</v>
      </c>
      <c r="T7" s="195">
        <v>94</v>
      </c>
      <c r="U7" s="198">
        <v>535</v>
      </c>
      <c r="V7" s="202">
        <v>535</v>
      </c>
      <c r="W7" s="201">
        <v>0</v>
      </c>
      <c r="X7" s="195">
        <v>0</v>
      </c>
      <c r="Y7" s="195">
        <v>0</v>
      </c>
      <c r="Z7" s="196">
        <v>0</v>
      </c>
      <c r="AA7" s="197">
        <v>0</v>
      </c>
      <c r="AB7" s="197">
        <v>0</v>
      </c>
      <c r="AC7" s="197">
        <v>3</v>
      </c>
      <c r="AD7" s="195">
        <v>5</v>
      </c>
      <c r="AE7" s="198">
        <v>8</v>
      </c>
      <c r="AF7" s="199">
        <v>8</v>
      </c>
      <c r="AG7" s="194">
        <v>0</v>
      </c>
      <c r="AH7" s="195">
        <v>0</v>
      </c>
      <c r="AI7" s="195">
        <v>0</v>
      </c>
      <c r="AJ7" s="196">
        <v>0</v>
      </c>
      <c r="AK7" s="197">
        <v>0</v>
      </c>
      <c r="AL7" s="197">
        <v>2</v>
      </c>
      <c r="AM7" s="197">
        <v>4</v>
      </c>
      <c r="AN7" s="195">
        <v>8</v>
      </c>
      <c r="AO7" s="198">
        <v>14</v>
      </c>
      <c r="AP7" s="200">
        <v>14</v>
      </c>
      <c r="AQ7" s="37"/>
    </row>
    <row r="8" spans="2:43" ht="21" customHeight="1" x14ac:dyDescent="0.2">
      <c r="B8" s="62" t="s">
        <v>6</v>
      </c>
      <c r="C8" s="194">
        <v>0</v>
      </c>
      <c r="D8" s="195">
        <v>0</v>
      </c>
      <c r="E8" s="195">
        <v>0</v>
      </c>
      <c r="F8" s="196">
        <v>1</v>
      </c>
      <c r="G8" s="197">
        <v>5</v>
      </c>
      <c r="H8" s="197">
        <v>41</v>
      </c>
      <c r="I8" s="197">
        <v>57</v>
      </c>
      <c r="J8" s="195">
        <v>46</v>
      </c>
      <c r="K8" s="198">
        <v>150</v>
      </c>
      <c r="L8" s="199">
        <v>150</v>
      </c>
      <c r="M8" s="194">
        <v>0</v>
      </c>
      <c r="N8" s="195">
        <v>0</v>
      </c>
      <c r="O8" s="198">
        <v>0</v>
      </c>
      <c r="P8" s="201">
        <v>11</v>
      </c>
      <c r="Q8" s="197">
        <v>19</v>
      </c>
      <c r="R8" s="197">
        <v>27</v>
      </c>
      <c r="S8" s="197">
        <v>33</v>
      </c>
      <c r="T8" s="195">
        <v>25</v>
      </c>
      <c r="U8" s="198">
        <v>115</v>
      </c>
      <c r="V8" s="202">
        <v>115</v>
      </c>
      <c r="W8" s="201">
        <v>0</v>
      </c>
      <c r="X8" s="195">
        <v>0</v>
      </c>
      <c r="Y8" s="195">
        <v>0</v>
      </c>
      <c r="Z8" s="196">
        <v>0</v>
      </c>
      <c r="AA8" s="197">
        <v>0</v>
      </c>
      <c r="AB8" s="197">
        <v>1</v>
      </c>
      <c r="AC8" s="197">
        <v>9</v>
      </c>
      <c r="AD8" s="195">
        <v>8</v>
      </c>
      <c r="AE8" s="198">
        <v>18</v>
      </c>
      <c r="AF8" s="199">
        <v>18</v>
      </c>
      <c r="AG8" s="194">
        <v>0</v>
      </c>
      <c r="AH8" s="195">
        <v>0</v>
      </c>
      <c r="AI8" s="195">
        <v>0</v>
      </c>
      <c r="AJ8" s="196">
        <v>0</v>
      </c>
      <c r="AK8" s="197">
        <v>0</v>
      </c>
      <c r="AL8" s="197">
        <v>0</v>
      </c>
      <c r="AM8" s="197">
        <v>2</v>
      </c>
      <c r="AN8" s="195">
        <v>5</v>
      </c>
      <c r="AO8" s="198">
        <v>7</v>
      </c>
      <c r="AP8" s="200">
        <v>7</v>
      </c>
      <c r="AQ8" s="37"/>
    </row>
    <row r="9" spans="2:43" ht="21" customHeight="1" x14ac:dyDescent="0.2">
      <c r="B9" s="62" t="s">
        <v>14</v>
      </c>
      <c r="C9" s="194">
        <v>0</v>
      </c>
      <c r="D9" s="195">
        <v>0</v>
      </c>
      <c r="E9" s="195">
        <v>0</v>
      </c>
      <c r="F9" s="196">
        <v>1</v>
      </c>
      <c r="G9" s="197">
        <v>0</v>
      </c>
      <c r="H9" s="197">
        <v>29</v>
      </c>
      <c r="I9" s="197">
        <v>57</v>
      </c>
      <c r="J9" s="195">
        <v>28</v>
      </c>
      <c r="K9" s="198">
        <v>115</v>
      </c>
      <c r="L9" s="199">
        <v>115</v>
      </c>
      <c r="M9" s="194">
        <v>0</v>
      </c>
      <c r="N9" s="195">
        <v>0</v>
      </c>
      <c r="O9" s="198">
        <v>0</v>
      </c>
      <c r="P9" s="201">
        <v>2</v>
      </c>
      <c r="Q9" s="197">
        <v>4</v>
      </c>
      <c r="R9" s="197">
        <v>12</v>
      </c>
      <c r="S9" s="197">
        <v>15</v>
      </c>
      <c r="T9" s="195">
        <v>6</v>
      </c>
      <c r="U9" s="198">
        <v>39</v>
      </c>
      <c r="V9" s="202">
        <v>39</v>
      </c>
      <c r="W9" s="201">
        <v>0</v>
      </c>
      <c r="X9" s="195">
        <v>0</v>
      </c>
      <c r="Y9" s="195">
        <v>0</v>
      </c>
      <c r="Z9" s="196">
        <v>0</v>
      </c>
      <c r="AA9" s="197">
        <v>0</v>
      </c>
      <c r="AB9" s="197">
        <v>0</v>
      </c>
      <c r="AC9" s="197">
        <v>2</v>
      </c>
      <c r="AD9" s="195">
        <v>1</v>
      </c>
      <c r="AE9" s="198">
        <v>3</v>
      </c>
      <c r="AF9" s="199">
        <v>3</v>
      </c>
      <c r="AG9" s="194">
        <v>0</v>
      </c>
      <c r="AH9" s="195">
        <v>0</v>
      </c>
      <c r="AI9" s="195">
        <v>0</v>
      </c>
      <c r="AJ9" s="196">
        <v>0</v>
      </c>
      <c r="AK9" s="197">
        <v>0</v>
      </c>
      <c r="AL9" s="197">
        <v>0</v>
      </c>
      <c r="AM9" s="197">
        <v>4</v>
      </c>
      <c r="AN9" s="195">
        <v>4</v>
      </c>
      <c r="AO9" s="198">
        <v>8</v>
      </c>
      <c r="AP9" s="200">
        <v>8</v>
      </c>
      <c r="AQ9" s="37"/>
    </row>
    <row r="10" spans="2:43" ht="21" customHeight="1" x14ac:dyDescent="0.2">
      <c r="B10" s="62" t="s">
        <v>7</v>
      </c>
      <c r="C10" s="194">
        <v>0</v>
      </c>
      <c r="D10" s="195">
        <v>0</v>
      </c>
      <c r="E10" s="195">
        <v>0</v>
      </c>
      <c r="F10" s="196">
        <v>0</v>
      </c>
      <c r="G10" s="197">
        <v>3</v>
      </c>
      <c r="H10" s="197">
        <v>22</v>
      </c>
      <c r="I10" s="197">
        <v>55</v>
      </c>
      <c r="J10" s="195">
        <v>30</v>
      </c>
      <c r="K10" s="198">
        <v>110</v>
      </c>
      <c r="L10" s="199">
        <v>110</v>
      </c>
      <c r="M10" s="194">
        <v>0</v>
      </c>
      <c r="N10" s="195">
        <v>0</v>
      </c>
      <c r="O10" s="198">
        <v>0</v>
      </c>
      <c r="P10" s="201">
        <v>9</v>
      </c>
      <c r="Q10" s="197">
        <v>17</v>
      </c>
      <c r="R10" s="197">
        <v>12</v>
      </c>
      <c r="S10" s="197">
        <v>29</v>
      </c>
      <c r="T10" s="195">
        <v>9</v>
      </c>
      <c r="U10" s="198">
        <v>76</v>
      </c>
      <c r="V10" s="202">
        <v>76</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2</v>
      </c>
      <c r="G11" s="197">
        <v>2</v>
      </c>
      <c r="H11" s="197">
        <v>12</v>
      </c>
      <c r="I11" s="197">
        <v>8</v>
      </c>
      <c r="J11" s="195">
        <v>9</v>
      </c>
      <c r="K11" s="198">
        <v>33</v>
      </c>
      <c r="L11" s="199">
        <v>33</v>
      </c>
      <c r="M11" s="194">
        <v>0</v>
      </c>
      <c r="N11" s="195">
        <v>0</v>
      </c>
      <c r="O11" s="198">
        <v>0</v>
      </c>
      <c r="P11" s="201">
        <v>2</v>
      </c>
      <c r="Q11" s="197">
        <v>4</v>
      </c>
      <c r="R11" s="197">
        <v>6</v>
      </c>
      <c r="S11" s="197">
        <v>8</v>
      </c>
      <c r="T11" s="195">
        <v>2</v>
      </c>
      <c r="U11" s="198">
        <v>22</v>
      </c>
      <c r="V11" s="202">
        <v>22</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2</v>
      </c>
      <c r="AN11" s="195">
        <v>0</v>
      </c>
      <c r="AO11" s="198">
        <v>2</v>
      </c>
      <c r="AP11" s="200">
        <v>2</v>
      </c>
      <c r="AQ11" s="37"/>
    </row>
    <row r="12" spans="2:43" ht="21" customHeight="1" x14ac:dyDescent="0.2">
      <c r="B12" s="62" t="s">
        <v>9</v>
      </c>
      <c r="C12" s="194">
        <v>0</v>
      </c>
      <c r="D12" s="195">
        <v>0</v>
      </c>
      <c r="E12" s="195">
        <v>0</v>
      </c>
      <c r="F12" s="196">
        <v>0</v>
      </c>
      <c r="G12" s="197">
        <v>1</v>
      </c>
      <c r="H12" s="197">
        <v>17</v>
      </c>
      <c r="I12" s="197">
        <v>29</v>
      </c>
      <c r="J12" s="195">
        <v>10</v>
      </c>
      <c r="K12" s="198">
        <v>57</v>
      </c>
      <c r="L12" s="199">
        <v>57</v>
      </c>
      <c r="M12" s="194">
        <v>0</v>
      </c>
      <c r="N12" s="195">
        <v>0</v>
      </c>
      <c r="O12" s="198">
        <v>0</v>
      </c>
      <c r="P12" s="201">
        <v>2</v>
      </c>
      <c r="Q12" s="197">
        <v>6</v>
      </c>
      <c r="R12" s="197">
        <v>5</v>
      </c>
      <c r="S12" s="197">
        <v>5</v>
      </c>
      <c r="T12" s="195">
        <v>4</v>
      </c>
      <c r="U12" s="198">
        <v>22</v>
      </c>
      <c r="V12" s="202">
        <v>22</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1</v>
      </c>
      <c r="AN12" s="195">
        <v>0</v>
      </c>
      <c r="AO12" s="198">
        <v>1</v>
      </c>
      <c r="AP12" s="200">
        <v>1</v>
      </c>
      <c r="AQ12" s="37"/>
    </row>
    <row r="13" spans="2:43" ht="21" customHeight="1" x14ac:dyDescent="0.2">
      <c r="B13" s="62" t="s">
        <v>10</v>
      </c>
      <c r="C13" s="194">
        <v>0</v>
      </c>
      <c r="D13" s="195">
        <v>0</v>
      </c>
      <c r="E13" s="195">
        <v>0</v>
      </c>
      <c r="F13" s="196">
        <v>1</v>
      </c>
      <c r="G13" s="197">
        <v>0</v>
      </c>
      <c r="H13" s="197">
        <v>22</v>
      </c>
      <c r="I13" s="197">
        <v>33</v>
      </c>
      <c r="J13" s="195">
        <v>20</v>
      </c>
      <c r="K13" s="198">
        <v>76</v>
      </c>
      <c r="L13" s="199">
        <v>76</v>
      </c>
      <c r="M13" s="194">
        <v>0</v>
      </c>
      <c r="N13" s="195">
        <v>0</v>
      </c>
      <c r="O13" s="198">
        <v>0</v>
      </c>
      <c r="P13" s="201">
        <v>3</v>
      </c>
      <c r="Q13" s="197">
        <v>5</v>
      </c>
      <c r="R13" s="197">
        <v>9</v>
      </c>
      <c r="S13" s="197">
        <v>16</v>
      </c>
      <c r="T13" s="195">
        <v>6</v>
      </c>
      <c r="U13" s="198">
        <v>39</v>
      </c>
      <c r="V13" s="202">
        <v>39</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1" customHeight="1" x14ac:dyDescent="0.2">
      <c r="B14" s="62" t="s">
        <v>11</v>
      </c>
      <c r="C14" s="194">
        <v>0</v>
      </c>
      <c r="D14" s="195">
        <v>0</v>
      </c>
      <c r="E14" s="195">
        <v>0</v>
      </c>
      <c r="F14" s="196">
        <v>0</v>
      </c>
      <c r="G14" s="197">
        <v>0</v>
      </c>
      <c r="H14" s="197">
        <v>7</v>
      </c>
      <c r="I14" s="197">
        <v>16</v>
      </c>
      <c r="J14" s="195">
        <v>4</v>
      </c>
      <c r="K14" s="198">
        <v>27</v>
      </c>
      <c r="L14" s="199">
        <v>27</v>
      </c>
      <c r="M14" s="194">
        <v>0</v>
      </c>
      <c r="N14" s="195">
        <v>0</v>
      </c>
      <c r="O14" s="198">
        <v>0</v>
      </c>
      <c r="P14" s="201">
        <v>1</v>
      </c>
      <c r="Q14" s="197">
        <v>3</v>
      </c>
      <c r="R14" s="197">
        <v>7</v>
      </c>
      <c r="S14" s="197">
        <v>3</v>
      </c>
      <c r="T14" s="195">
        <v>6</v>
      </c>
      <c r="U14" s="198">
        <v>20</v>
      </c>
      <c r="V14" s="202">
        <v>20</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1</v>
      </c>
      <c r="AL14" s="197">
        <v>0</v>
      </c>
      <c r="AM14" s="197">
        <v>0</v>
      </c>
      <c r="AN14" s="195">
        <v>0</v>
      </c>
      <c r="AO14" s="198">
        <v>1</v>
      </c>
      <c r="AP14" s="200">
        <v>1</v>
      </c>
      <c r="AQ14" s="37"/>
    </row>
    <row r="15" spans="2:43" ht="21" customHeight="1" x14ac:dyDescent="0.2">
      <c r="B15" s="62" t="s">
        <v>12</v>
      </c>
      <c r="C15" s="194">
        <v>0</v>
      </c>
      <c r="D15" s="195">
        <v>0</v>
      </c>
      <c r="E15" s="195">
        <v>0</v>
      </c>
      <c r="F15" s="196">
        <v>0</v>
      </c>
      <c r="G15" s="197">
        <v>0</v>
      </c>
      <c r="H15" s="197">
        <v>12</v>
      </c>
      <c r="I15" s="197">
        <v>10</v>
      </c>
      <c r="J15" s="195">
        <v>7</v>
      </c>
      <c r="K15" s="198">
        <v>29</v>
      </c>
      <c r="L15" s="199">
        <v>29</v>
      </c>
      <c r="M15" s="194">
        <v>0</v>
      </c>
      <c r="N15" s="195">
        <v>0</v>
      </c>
      <c r="O15" s="198">
        <v>0</v>
      </c>
      <c r="P15" s="201">
        <v>4</v>
      </c>
      <c r="Q15" s="197">
        <v>3</v>
      </c>
      <c r="R15" s="197">
        <v>7</v>
      </c>
      <c r="S15" s="197">
        <v>9</v>
      </c>
      <c r="T15" s="195">
        <v>2</v>
      </c>
      <c r="U15" s="198">
        <v>25</v>
      </c>
      <c r="V15" s="202">
        <v>25</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2</v>
      </c>
      <c r="AN15" s="195">
        <v>0</v>
      </c>
      <c r="AO15" s="198">
        <v>2</v>
      </c>
      <c r="AP15" s="200">
        <v>2</v>
      </c>
      <c r="AQ15" s="37"/>
    </row>
    <row r="16" spans="2:43" ht="21" customHeight="1" x14ac:dyDescent="0.2">
      <c r="B16" s="62" t="s">
        <v>13</v>
      </c>
      <c r="C16" s="194">
        <v>0</v>
      </c>
      <c r="D16" s="195">
        <v>0</v>
      </c>
      <c r="E16" s="195">
        <v>0</v>
      </c>
      <c r="F16" s="196">
        <v>1</v>
      </c>
      <c r="G16" s="197">
        <v>0</v>
      </c>
      <c r="H16" s="197">
        <v>2</v>
      </c>
      <c r="I16" s="197">
        <v>10</v>
      </c>
      <c r="J16" s="195">
        <v>6</v>
      </c>
      <c r="K16" s="198">
        <v>19</v>
      </c>
      <c r="L16" s="199">
        <v>19</v>
      </c>
      <c r="M16" s="194">
        <v>0</v>
      </c>
      <c r="N16" s="195">
        <v>0</v>
      </c>
      <c r="O16" s="198">
        <v>0</v>
      </c>
      <c r="P16" s="201">
        <v>1</v>
      </c>
      <c r="Q16" s="197">
        <v>3</v>
      </c>
      <c r="R16" s="197">
        <v>1</v>
      </c>
      <c r="S16" s="197">
        <v>2</v>
      </c>
      <c r="T16" s="195">
        <v>1</v>
      </c>
      <c r="U16" s="198">
        <v>8</v>
      </c>
      <c r="V16" s="202">
        <v>8</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4</v>
      </c>
      <c r="I17" s="197">
        <v>6</v>
      </c>
      <c r="J17" s="195">
        <v>1</v>
      </c>
      <c r="K17" s="198">
        <v>11</v>
      </c>
      <c r="L17" s="199">
        <v>11</v>
      </c>
      <c r="M17" s="194">
        <v>0</v>
      </c>
      <c r="N17" s="195">
        <v>0</v>
      </c>
      <c r="O17" s="198">
        <v>0</v>
      </c>
      <c r="P17" s="201">
        <v>1</v>
      </c>
      <c r="Q17" s="197">
        <v>1</v>
      </c>
      <c r="R17" s="197">
        <v>1</v>
      </c>
      <c r="S17" s="197">
        <v>3</v>
      </c>
      <c r="T17" s="195">
        <v>3</v>
      </c>
      <c r="U17" s="198">
        <v>9</v>
      </c>
      <c r="V17" s="202">
        <v>9</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1</v>
      </c>
      <c r="H18" s="197">
        <v>5</v>
      </c>
      <c r="I18" s="197">
        <v>7</v>
      </c>
      <c r="J18" s="195">
        <v>4</v>
      </c>
      <c r="K18" s="198">
        <v>17</v>
      </c>
      <c r="L18" s="199">
        <v>17</v>
      </c>
      <c r="M18" s="194">
        <v>0</v>
      </c>
      <c r="N18" s="195">
        <v>0</v>
      </c>
      <c r="O18" s="198">
        <v>0</v>
      </c>
      <c r="P18" s="201">
        <v>2</v>
      </c>
      <c r="Q18" s="197">
        <v>4</v>
      </c>
      <c r="R18" s="197">
        <v>4</v>
      </c>
      <c r="S18" s="197">
        <v>3</v>
      </c>
      <c r="T18" s="195">
        <v>2</v>
      </c>
      <c r="U18" s="198">
        <v>15</v>
      </c>
      <c r="V18" s="202">
        <v>15</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1</v>
      </c>
      <c r="AO18" s="198">
        <v>1</v>
      </c>
      <c r="AP18" s="200">
        <v>1</v>
      </c>
      <c r="AQ18" s="37"/>
    </row>
    <row r="19" spans="2:43" ht="21" customHeight="1" x14ac:dyDescent="0.2">
      <c r="B19" s="62" t="s">
        <v>17</v>
      </c>
      <c r="C19" s="194">
        <v>0</v>
      </c>
      <c r="D19" s="195">
        <v>0</v>
      </c>
      <c r="E19" s="195">
        <v>0</v>
      </c>
      <c r="F19" s="196">
        <v>0</v>
      </c>
      <c r="G19" s="197">
        <v>1</v>
      </c>
      <c r="H19" s="197">
        <v>9</v>
      </c>
      <c r="I19" s="197">
        <v>15</v>
      </c>
      <c r="J19" s="195">
        <v>9</v>
      </c>
      <c r="K19" s="198">
        <v>34</v>
      </c>
      <c r="L19" s="199">
        <v>34</v>
      </c>
      <c r="M19" s="194">
        <v>0</v>
      </c>
      <c r="N19" s="195">
        <v>0</v>
      </c>
      <c r="O19" s="198">
        <v>0</v>
      </c>
      <c r="P19" s="201">
        <v>3</v>
      </c>
      <c r="Q19" s="197">
        <v>5</v>
      </c>
      <c r="R19" s="197">
        <v>12</v>
      </c>
      <c r="S19" s="197">
        <v>4</v>
      </c>
      <c r="T19" s="195">
        <v>5</v>
      </c>
      <c r="U19" s="198">
        <v>29</v>
      </c>
      <c r="V19" s="202">
        <v>29</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0</v>
      </c>
      <c r="H20" s="197">
        <v>5</v>
      </c>
      <c r="I20" s="197">
        <v>23</v>
      </c>
      <c r="J20" s="195">
        <v>5</v>
      </c>
      <c r="K20" s="198">
        <v>33</v>
      </c>
      <c r="L20" s="199">
        <v>33</v>
      </c>
      <c r="M20" s="194">
        <v>0</v>
      </c>
      <c r="N20" s="195">
        <v>0</v>
      </c>
      <c r="O20" s="198">
        <v>0</v>
      </c>
      <c r="P20" s="201">
        <v>2</v>
      </c>
      <c r="Q20" s="197">
        <v>4</v>
      </c>
      <c r="R20" s="197">
        <v>3</v>
      </c>
      <c r="S20" s="197">
        <v>6</v>
      </c>
      <c r="T20" s="195">
        <v>4</v>
      </c>
      <c r="U20" s="198">
        <v>19</v>
      </c>
      <c r="V20" s="202">
        <v>19</v>
      </c>
      <c r="W20" s="201">
        <v>0</v>
      </c>
      <c r="X20" s="195">
        <v>0</v>
      </c>
      <c r="Y20" s="195">
        <v>0</v>
      </c>
      <c r="Z20" s="196">
        <v>0</v>
      </c>
      <c r="AA20" s="197">
        <v>0</v>
      </c>
      <c r="AB20" s="197">
        <v>0</v>
      </c>
      <c r="AC20" s="197">
        <v>0</v>
      </c>
      <c r="AD20" s="195">
        <v>0</v>
      </c>
      <c r="AE20" s="198">
        <v>0</v>
      </c>
      <c r="AF20" s="199">
        <v>0</v>
      </c>
      <c r="AG20" s="194">
        <v>0</v>
      </c>
      <c r="AH20" s="195">
        <v>0</v>
      </c>
      <c r="AI20" s="195">
        <v>0</v>
      </c>
      <c r="AJ20" s="196">
        <v>0</v>
      </c>
      <c r="AK20" s="197">
        <v>0</v>
      </c>
      <c r="AL20" s="197">
        <v>0</v>
      </c>
      <c r="AM20" s="197">
        <v>0</v>
      </c>
      <c r="AN20" s="195">
        <v>1</v>
      </c>
      <c r="AO20" s="198">
        <v>1</v>
      </c>
      <c r="AP20" s="200">
        <v>1</v>
      </c>
      <c r="AQ20" s="37"/>
    </row>
    <row r="21" spans="2:43" ht="21" customHeight="1" x14ac:dyDescent="0.2">
      <c r="B21" s="62" t="s">
        <v>19</v>
      </c>
      <c r="C21" s="194">
        <v>0</v>
      </c>
      <c r="D21" s="195">
        <v>0</v>
      </c>
      <c r="E21" s="195">
        <v>0</v>
      </c>
      <c r="F21" s="196">
        <v>0</v>
      </c>
      <c r="G21" s="197">
        <v>0</v>
      </c>
      <c r="H21" s="197">
        <v>3</v>
      </c>
      <c r="I21" s="197">
        <v>5</v>
      </c>
      <c r="J21" s="195">
        <v>5</v>
      </c>
      <c r="K21" s="198">
        <v>13</v>
      </c>
      <c r="L21" s="199">
        <v>13</v>
      </c>
      <c r="M21" s="194">
        <v>0</v>
      </c>
      <c r="N21" s="195">
        <v>0</v>
      </c>
      <c r="O21" s="198">
        <v>0</v>
      </c>
      <c r="P21" s="201">
        <v>2</v>
      </c>
      <c r="Q21" s="197">
        <v>2</v>
      </c>
      <c r="R21" s="197">
        <v>4</v>
      </c>
      <c r="S21" s="197">
        <v>2</v>
      </c>
      <c r="T21" s="195">
        <v>1</v>
      </c>
      <c r="U21" s="198">
        <v>11</v>
      </c>
      <c r="V21" s="202">
        <v>11</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0</v>
      </c>
      <c r="H22" s="197">
        <v>6</v>
      </c>
      <c r="I22" s="197">
        <v>3</v>
      </c>
      <c r="J22" s="195">
        <v>5</v>
      </c>
      <c r="K22" s="198">
        <v>14</v>
      </c>
      <c r="L22" s="199">
        <v>14</v>
      </c>
      <c r="M22" s="194">
        <v>0</v>
      </c>
      <c r="N22" s="195">
        <v>0</v>
      </c>
      <c r="O22" s="198">
        <v>0</v>
      </c>
      <c r="P22" s="201">
        <v>2</v>
      </c>
      <c r="Q22" s="197">
        <v>0</v>
      </c>
      <c r="R22" s="197">
        <v>4</v>
      </c>
      <c r="S22" s="197">
        <v>1</v>
      </c>
      <c r="T22" s="195">
        <v>0</v>
      </c>
      <c r="U22" s="198">
        <v>7</v>
      </c>
      <c r="V22" s="202">
        <v>7</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1</v>
      </c>
      <c r="AO22" s="198">
        <v>1</v>
      </c>
      <c r="AP22" s="200">
        <v>1</v>
      </c>
      <c r="AQ22" s="37"/>
    </row>
    <row r="23" spans="2:43" ht="21" customHeight="1" x14ac:dyDescent="0.2">
      <c r="B23" s="62" t="s">
        <v>21</v>
      </c>
      <c r="C23" s="194">
        <v>0</v>
      </c>
      <c r="D23" s="195">
        <v>0</v>
      </c>
      <c r="E23" s="195">
        <v>0</v>
      </c>
      <c r="F23" s="196">
        <v>0</v>
      </c>
      <c r="G23" s="197">
        <v>0</v>
      </c>
      <c r="H23" s="197">
        <v>9</v>
      </c>
      <c r="I23" s="197">
        <v>10</v>
      </c>
      <c r="J23" s="195">
        <v>6</v>
      </c>
      <c r="K23" s="198">
        <v>25</v>
      </c>
      <c r="L23" s="199">
        <v>25</v>
      </c>
      <c r="M23" s="194">
        <v>0</v>
      </c>
      <c r="N23" s="195">
        <v>0</v>
      </c>
      <c r="O23" s="198">
        <v>0</v>
      </c>
      <c r="P23" s="201">
        <v>0</v>
      </c>
      <c r="Q23" s="197">
        <v>1</v>
      </c>
      <c r="R23" s="197">
        <v>1</v>
      </c>
      <c r="S23" s="197">
        <v>2</v>
      </c>
      <c r="T23" s="195">
        <v>0</v>
      </c>
      <c r="U23" s="198">
        <v>4</v>
      </c>
      <c r="V23" s="202">
        <v>4</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1</v>
      </c>
      <c r="AN23" s="195">
        <v>0</v>
      </c>
      <c r="AO23" s="198">
        <v>1</v>
      </c>
      <c r="AP23" s="200">
        <v>1</v>
      </c>
      <c r="AQ23" s="37"/>
    </row>
    <row r="24" spans="2:43" ht="21" customHeight="1" x14ac:dyDescent="0.2">
      <c r="B24" s="62" t="s">
        <v>22</v>
      </c>
      <c r="C24" s="194">
        <v>0</v>
      </c>
      <c r="D24" s="195">
        <v>0</v>
      </c>
      <c r="E24" s="195">
        <v>0</v>
      </c>
      <c r="F24" s="196">
        <v>0</v>
      </c>
      <c r="G24" s="197">
        <v>0</v>
      </c>
      <c r="H24" s="197">
        <v>2</v>
      </c>
      <c r="I24" s="197">
        <v>3</v>
      </c>
      <c r="J24" s="195">
        <v>2</v>
      </c>
      <c r="K24" s="198">
        <v>7</v>
      </c>
      <c r="L24" s="199">
        <v>7</v>
      </c>
      <c r="M24" s="194">
        <v>0</v>
      </c>
      <c r="N24" s="195">
        <v>0</v>
      </c>
      <c r="O24" s="198">
        <v>0</v>
      </c>
      <c r="P24" s="201">
        <v>0</v>
      </c>
      <c r="Q24" s="197">
        <v>1</v>
      </c>
      <c r="R24" s="197">
        <v>2</v>
      </c>
      <c r="S24" s="197">
        <v>2</v>
      </c>
      <c r="T24" s="195">
        <v>0</v>
      </c>
      <c r="U24" s="198">
        <v>5</v>
      </c>
      <c r="V24" s="202">
        <v>5</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1</v>
      </c>
      <c r="G25" s="197">
        <v>0</v>
      </c>
      <c r="H25" s="197">
        <v>1</v>
      </c>
      <c r="I25" s="197">
        <v>4</v>
      </c>
      <c r="J25" s="195">
        <v>0</v>
      </c>
      <c r="K25" s="198">
        <v>6</v>
      </c>
      <c r="L25" s="199">
        <v>6</v>
      </c>
      <c r="M25" s="194">
        <v>0</v>
      </c>
      <c r="N25" s="195">
        <v>0</v>
      </c>
      <c r="O25" s="198">
        <v>0</v>
      </c>
      <c r="P25" s="201">
        <v>1</v>
      </c>
      <c r="Q25" s="197">
        <v>1</v>
      </c>
      <c r="R25" s="197">
        <v>2</v>
      </c>
      <c r="S25" s="197">
        <v>2</v>
      </c>
      <c r="T25" s="195">
        <v>1</v>
      </c>
      <c r="U25" s="198">
        <v>7</v>
      </c>
      <c r="V25" s="202">
        <v>7</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1" customHeight="1" x14ac:dyDescent="0.2">
      <c r="B26" s="62" t="s">
        <v>24</v>
      </c>
      <c r="C26" s="194">
        <v>0</v>
      </c>
      <c r="D26" s="195">
        <v>0</v>
      </c>
      <c r="E26" s="195">
        <v>0</v>
      </c>
      <c r="F26" s="196">
        <v>0</v>
      </c>
      <c r="G26" s="197">
        <v>0</v>
      </c>
      <c r="H26" s="197">
        <v>0</v>
      </c>
      <c r="I26" s="197">
        <v>5</v>
      </c>
      <c r="J26" s="195">
        <v>2</v>
      </c>
      <c r="K26" s="198">
        <v>7</v>
      </c>
      <c r="L26" s="199">
        <v>7</v>
      </c>
      <c r="M26" s="194">
        <v>0</v>
      </c>
      <c r="N26" s="195">
        <v>0</v>
      </c>
      <c r="O26" s="198">
        <v>0</v>
      </c>
      <c r="P26" s="201">
        <v>2</v>
      </c>
      <c r="Q26" s="197">
        <v>1</v>
      </c>
      <c r="R26" s="197">
        <v>3</v>
      </c>
      <c r="S26" s="197">
        <v>2</v>
      </c>
      <c r="T26" s="195">
        <v>0</v>
      </c>
      <c r="U26" s="198">
        <v>8</v>
      </c>
      <c r="V26" s="202">
        <v>8</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1</v>
      </c>
      <c r="H27" s="197">
        <v>6</v>
      </c>
      <c r="I27" s="197">
        <v>3</v>
      </c>
      <c r="J27" s="195">
        <v>0</v>
      </c>
      <c r="K27" s="198">
        <v>10</v>
      </c>
      <c r="L27" s="199">
        <v>10</v>
      </c>
      <c r="M27" s="194">
        <v>0</v>
      </c>
      <c r="N27" s="195">
        <v>0</v>
      </c>
      <c r="O27" s="198">
        <v>0</v>
      </c>
      <c r="P27" s="201">
        <v>1</v>
      </c>
      <c r="Q27" s="197">
        <v>0</v>
      </c>
      <c r="R27" s="197">
        <v>0</v>
      </c>
      <c r="S27" s="197">
        <v>0</v>
      </c>
      <c r="T27" s="195">
        <v>2</v>
      </c>
      <c r="U27" s="198">
        <v>3</v>
      </c>
      <c r="V27" s="202">
        <v>3</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0</v>
      </c>
      <c r="I28" s="197">
        <v>4</v>
      </c>
      <c r="J28" s="195">
        <v>0</v>
      </c>
      <c r="K28" s="198">
        <v>4</v>
      </c>
      <c r="L28" s="199">
        <v>4</v>
      </c>
      <c r="M28" s="194">
        <v>0</v>
      </c>
      <c r="N28" s="195">
        <v>0</v>
      </c>
      <c r="O28" s="198">
        <v>0</v>
      </c>
      <c r="P28" s="201">
        <v>0</v>
      </c>
      <c r="Q28" s="197">
        <v>0</v>
      </c>
      <c r="R28" s="197">
        <v>1</v>
      </c>
      <c r="S28" s="197">
        <v>3</v>
      </c>
      <c r="T28" s="195">
        <v>1</v>
      </c>
      <c r="U28" s="198">
        <v>5</v>
      </c>
      <c r="V28" s="202">
        <v>5</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1</v>
      </c>
      <c r="H29" s="197">
        <v>1</v>
      </c>
      <c r="I29" s="197">
        <v>2</v>
      </c>
      <c r="J29" s="195">
        <v>2</v>
      </c>
      <c r="K29" s="198">
        <v>6</v>
      </c>
      <c r="L29" s="199">
        <v>6</v>
      </c>
      <c r="M29" s="194">
        <v>0</v>
      </c>
      <c r="N29" s="195">
        <v>0</v>
      </c>
      <c r="O29" s="198">
        <v>0</v>
      </c>
      <c r="P29" s="201">
        <v>0</v>
      </c>
      <c r="Q29" s="197">
        <v>1</v>
      </c>
      <c r="R29" s="197">
        <v>5</v>
      </c>
      <c r="S29" s="197">
        <v>2</v>
      </c>
      <c r="T29" s="195">
        <v>1</v>
      </c>
      <c r="U29" s="198">
        <v>9</v>
      </c>
      <c r="V29" s="202">
        <v>9</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1" customHeight="1" x14ac:dyDescent="0.2">
      <c r="B30" s="62" t="s">
        <v>28</v>
      </c>
      <c r="C30" s="194">
        <v>0</v>
      </c>
      <c r="D30" s="195">
        <v>0</v>
      </c>
      <c r="E30" s="195">
        <v>0</v>
      </c>
      <c r="F30" s="196">
        <v>0</v>
      </c>
      <c r="G30" s="197">
        <v>0</v>
      </c>
      <c r="H30" s="197">
        <v>0</v>
      </c>
      <c r="I30" s="197">
        <v>0</v>
      </c>
      <c r="J30" s="195">
        <v>0</v>
      </c>
      <c r="K30" s="198">
        <v>0</v>
      </c>
      <c r="L30" s="199">
        <v>0</v>
      </c>
      <c r="M30" s="194">
        <v>0</v>
      </c>
      <c r="N30" s="195">
        <v>0</v>
      </c>
      <c r="O30" s="198">
        <v>0</v>
      </c>
      <c r="P30" s="201">
        <v>0</v>
      </c>
      <c r="Q30" s="197">
        <v>1</v>
      </c>
      <c r="R30" s="197">
        <v>0</v>
      </c>
      <c r="S30" s="197">
        <v>2</v>
      </c>
      <c r="T30" s="195">
        <v>0</v>
      </c>
      <c r="U30" s="198">
        <v>3</v>
      </c>
      <c r="V30" s="202">
        <v>3</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1</v>
      </c>
      <c r="I31" s="197">
        <v>0</v>
      </c>
      <c r="J31" s="195">
        <v>2</v>
      </c>
      <c r="K31" s="198">
        <v>3</v>
      </c>
      <c r="L31" s="199">
        <v>3</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0</v>
      </c>
      <c r="I32" s="197">
        <v>2</v>
      </c>
      <c r="J32" s="195">
        <v>0</v>
      </c>
      <c r="K32" s="198">
        <v>2</v>
      </c>
      <c r="L32" s="199">
        <v>2</v>
      </c>
      <c r="M32" s="194">
        <v>0</v>
      </c>
      <c r="N32" s="195">
        <v>0</v>
      </c>
      <c r="O32" s="198">
        <v>0</v>
      </c>
      <c r="P32" s="201">
        <v>0</v>
      </c>
      <c r="Q32" s="197">
        <v>0</v>
      </c>
      <c r="R32" s="197">
        <v>1</v>
      </c>
      <c r="S32" s="197">
        <v>2</v>
      </c>
      <c r="T32" s="195">
        <v>1</v>
      </c>
      <c r="U32" s="198">
        <v>4</v>
      </c>
      <c r="V32" s="202">
        <v>4</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1" customHeight="1" x14ac:dyDescent="0.2">
      <c r="B33" s="62" t="s">
        <v>31</v>
      </c>
      <c r="C33" s="194">
        <v>0</v>
      </c>
      <c r="D33" s="195">
        <v>0</v>
      </c>
      <c r="E33" s="195">
        <v>0</v>
      </c>
      <c r="F33" s="196">
        <v>0</v>
      </c>
      <c r="G33" s="197">
        <v>0</v>
      </c>
      <c r="H33" s="197">
        <v>2</v>
      </c>
      <c r="I33" s="197">
        <v>0</v>
      </c>
      <c r="J33" s="195">
        <v>0</v>
      </c>
      <c r="K33" s="198">
        <v>2</v>
      </c>
      <c r="L33" s="199">
        <v>2</v>
      </c>
      <c r="M33" s="194">
        <v>0</v>
      </c>
      <c r="N33" s="195">
        <v>0</v>
      </c>
      <c r="O33" s="198">
        <v>0</v>
      </c>
      <c r="P33" s="201">
        <v>0</v>
      </c>
      <c r="Q33" s="197">
        <v>1</v>
      </c>
      <c r="R33" s="197">
        <v>0</v>
      </c>
      <c r="S33" s="197">
        <v>0</v>
      </c>
      <c r="T33" s="195">
        <v>0</v>
      </c>
      <c r="U33" s="198">
        <v>1</v>
      </c>
      <c r="V33" s="202">
        <v>1</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2</v>
      </c>
      <c r="J34" s="195">
        <v>0</v>
      </c>
      <c r="K34" s="198">
        <v>2</v>
      </c>
      <c r="L34" s="199">
        <v>2</v>
      </c>
      <c r="M34" s="194">
        <v>0</v>
      </c>
      <c r="N34" s="195">
        <v>0</v>
      </c>
      <c r="O34" s="198">
        <v>0</v>
      </c>
      <c r="P34" s="201">
        <v>0</v>
      </c>
      <c r="Q34" s="197">
        <v>0</v>
      </c>
      <c r="R34" s="197">
        <v>2</v>
      </c>
      <c r="S34" s="197">
        <v>1</v>
      </c>
      <c r="T34" s="195">
        <v>0</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0</v>
      </c>
      <c r="AM35" s="197">
        <v>0</v>
      </c>
      <c r="AN35" s="195">
        <v>0</v>
      </c>
      <c r="AO35" s="198">
        <v>1</v>
      </c>
      <c r="AP35" s="200">
        <v>1</v>
      </c>
      <c r="AQ35" s="37"/>
    </row>
    <row r="36" spans="2:43" ht="21"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1</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2</v>
      </c>
      <c r="J37" s="195">
        <v>1</v>
      </c>
      <c r="K37" s="198">
        <v>3</v>
      </c>
      <c r="L37" s="199">
        <v>3</v>
      </c>
      <c r="M37" s="194">
        <v>0</v>
      </c>
      <c r="N37" s="195">
        <v>0</v>
      </c>
      <c r="O37" s="198">
        <v>0</v>
      </c>
      <c r="P37" s="201">
        <v>1</v>
      </c>
      <c r="Q37" s="197">
        <v>0</v>
      </c>
      <c r="R37" s="197">
        <v>2</v>
      </c>
      <c r="S37" s="197">
        <v>0</v>
      </c>
      <c r="T37" s="195">
        <v>0</v>
      </c>
      <c r="U37" s="198">
        <v>3</v>
      </c>
      <c r="V37" s="202">
        <v>3</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0</v>
      </c>
      <c r="I38" s="197">
        <v>2</v>
      </c>
      <c r="J38" s="195">
        <v>2</v>
      </c>
      <c r="K38" s="198">
        <v>4</v>
      </c>
      <c r="L38" s="199">
        <v>4</v>
      </c>
      <c r="M38" s="194">
        <v>0</v>
      </c>
      <c r="N38" s="195">
        <v>0</v>
      </c>
      <c r="O38" s="198">
        <v>0</v>
      </c>
      <c r="P38" s="201">
        <v>1</v>
      </c>
      <c r="Q38" s="197">
        <v>0</v>
      </c>
      <c r="R38" s="197">
        <v>1</v>
      </c>
      <c r="S38" s="197">
        <v>0</v>
      </c>
      <c r="T38" s="195">
        <v>0</v>
      </c>
      <c r="U38" s="198">
        <v>2</v>
      </c>
      <c r="V38" s="202">
        <v>2</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1</v>
      </c>
      <c r="I39" s="206">
        <v>1</v>
      </c>
      <c r="J39" s="204">
        <v>0</v>
      </c>
      <c r="K39" s="207">
        <v>2</v>
      </c>
      <c r="L39" s="208">
        <v>2</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H1:I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F1" s="500">
        <f>第１表!F2</f>
        <v>4</v>
      </c>
      <c r="G1" s="246">
        <f>第１表!G2</f>
        <v>11</v>
      </c>
      <c r="H1" s="607">
        <f>IF(G1&lt;3,G1-2+12,G1-2)</f>
        <v>9</v>
      </c>
      <c r="I1" s="607"/>
    </row>
    <row r="2" spans="2:43" ht="24" customHeight="1" thickBot="1" x14ac:dyDescent="0.25">
      <c r="B2" s="20" t="s">
        <v>159</v>
      </c>
      <c r="F2" s="20" t="s">
        <v>140</v>
      </c>
    </row>
    <row r="3" spans="2:43" ht="21"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1"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30" customHeight="1" thickBot="1" x14ac:dyDescent="0.25">
      <c r="B5" s="364"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1" customHeight="1" x14ac:dyDescent="0.2">
      <c r="B6" s="363" t="s">
        <v>4</v>
      </c>
      <c r="C6" s="185">
        <v>0</v>
      </c>
      <c r="D6" s="186">
        <v>0</v>
      </c>
      <c r="E6" s="186">
        <v>0</v>
      </c>
      <c r="F6" s="187">
        <v>4</v>
      </c>
      <c r="G6" s="188">
        <v>28</v>
      </c>
      <c r="H6" s="188">
        <v>241</v>
      </c>
      <c r="I6" s="188">
        <v>402</v>
      </c>
      <c r="J6" s="186">
        <v>296</v>
      </c>
      <c r="K6" s="189">
        <v>971</v>
      </c>
      <c r="L6" s="190">
        <v>971</v>
      </c>
      <c r="M6" s="185">
        <v>0</v>
      </c>
      <c r="N6" s="186">
        <v>0</v>
      </c>
      <c r="O6" s="189">
        <v>0</v>
      </c>
      <c r="P6" s="192">
        <v>52</v>
      </c>
      <c r="Q6" s="188">
        <v>124</v>
      </c>
      <c r="R6" s="188">
        <v>195</v>
      </c>
      <c r="S6" s="188">
        <v>280</v>
      </c>
      <c r="T6" s="186">
        <v>121</v>
      </c>
      <c r="U6" s="189">
        <v>772</v>
      </c>
      <c r="V6" s="193">
        <v>772</v>
      </c>
      <c r="W6" s="192">
        <v>0</v>
      </c>
      <c r="X6" s="186">
        <v>0</v>
      </c>
      <c r="Y6" s="186">
        <v>0</v>
      </c>
      <c r="Z6" s="187">
        <v>0</v>
      </c>
      <c r="AA6" s="188">
        <v>0</v>
      </c>
      <c r="AB6" s="188">
        <v>0</v>
      </c>
      <c r="AC6" s="188">
        <v>12</v>
      </c>
      <c r="AD6" s="186">
        <v>17</v>
      </c>
      <c r="AE6" s="189">
        <v>29</v>
      </c>
      <c r="AF6" s="190">
        <v>29</v>
      </c>
      <c r="AG6" s="185">
        <v>0</v>
      </c>
      <c r="AH6" s="186">
        <v>0</v>
      </c>
      <c r="AI6" s="186">
        <v>0</v>
      </c>
      <c r="AJ6" s="187">
        <v>0</v>
      </c>
      <c r="AK6" s="188">
        <v>1</v>
      </c>
      <c r="AL6" s="188">
        <v>2</v>
      </c>
      <c r="AM6" s="188">
        <v>13</v>
      </c>
      <c r="AN6" s="186">
        <v>16</v>
      </c>
      <c r="AO6" s="189">
        <v>32</v>
      </c>
      <c r="AP6" s="191">
        <v>32</v>
      </c>
      <c r="AQ6" s="37"/>
    </row>
    <row r="7" spans="2:43" ht="21" customHeight="1" x14ac:dyDescent="0.2">
      <c r="B7" s="62" t="s">
        <v>5</v>
      </c>
      <c r="C7" s="194">
        <v>0</v>
      </c>
      <c r="D7" s="195">
        <v>0</v>
      </c>
      <c r="E7" s="195">
        <v>0</v>
      </c>
      <c r="F7" s="196">
        <v>2</v>
      </c>
      <c r="G7" s="197">
        <v>17</v>
      </c>
      <c r="H7" s="197">
        <v>118</v>
      </c>
      <c r="I7" s="197">
        <v>181</v>
      </c>
      <c r="J7" s="195">
        <v>136</v>
      </c>
      <c r="K7" s="198">
        <v>454</v>
      </c>
      <c r="L7" s="199">
        <v>454</v>
      </c>
      <c r="M7" s="194">
        <v>0</v>
      </c>
      <c r="N7" s="195">
        <v>0</v>
      </c>
      <c r="O7" s="198">
        <v>0</v>
      </c>
      <c r="P7" s="201">
        <v>25</v>
      </c>
      <c r="Q7" s="197">
        <v>69</v>
      </c>
      <c r="R7" s="197">
        <v>91</v>
      </c>
      <c r="S7" s="197">
        <v>138</v>
      </c>
      <c r="T7" s="195">
        <v>65</v>
      </c>
      <c r="U7" s="198">
        <v>388</v>
      </c>
      <c r="V7" s="202">
        <v>388</v>
      </c>
      <c r="W7" s="201">
        <v>0</v>
      </c>
      <c r="X7" s="195">
        <v>0</v>
      </c>
      <c r="Y7" s="195">
        <v>0</v>
      </c>
      <c r="Z7" s="196">
        <v>0</v>
      </c>
      <c r="AA7" s="197">
        <v>0</v>
      </c>
      <c r="AB7" s="197">
        <v>0</v>
      </c>
      <c r="AC7" s="197">
        <v>4</v>
      </c>
      <c r="AD7" s="195">
        <v>6</v>
      </c>
      <c r="AE7" s="198">
        <v>10</v>
      </c>
      <c r="AF7" s="199">
        <v>10</v>
      </c>
      <c r="AG7" s="194">
        <v>0</v>
      </c>
      <c r="AH7" s="195">
        <v>0</v>
      </c>
      <c r="AI7" s="195">
        <v>0</v>
      </c>
      <c r="AJ7" s="196">
        <v>0</v>
      </c>
      <c r="AK7" s="197">
        <v>1</v>
      </c>
      <c r="AL7" s="197">
        <v>1</v>
      </c>
      <c r="AM7" s="197">
        <v>5</v>
      </c>
      <c r="AN7" s="195">
        <v>8</v>
      </c>
      <c r="AO7" s="198">
        <v>15</v>
      </c>
      <c r="AP7" s="200">
        <v>15</v>
      </c>
      <c r="AQ7" s="37"/>
    </row>
    <row r="8" spans="2:43" ht="21" customHeight="1" x14ac:dyDescent="0.2">
      <c r="B8" s="62" t="s">
        <v>6</v>
      </c>
      <c r="C8" s="194">
        <v>0</v>
      </c>
      <c r="D8" s="195">
        <v>0</v>
      </c>
      <c r="E8" s="195">
        <v>0</v>
      </c>
      <c r="F8" s="196">
        <v>0</v>
      </c>
      <c r="G8" s="197">
        <v>3</v>
      </c>
      <c r="H8" s="197">
        <v>32</v>
      </c>
      <c r="I8" s="197">
        <v>60</v>
      </c>
      <c r="J8" s="195">
        <v>40</v>
      </c>
      <c r="K8" s="198">
        <v>135</v>
      </c>
      <c r="L8" s="199">
        <v>135</v>
      </c>
      <c r="M8" s="194">
        <v>0</v>
      </c>
      <c r="N8" s="195">
        <v>0</v>
      </c>
      <c r="O8" s="198">
        <v>0</v>
      </c>
      <c r="P8" s="201">
        <v>7</v>
      </c>
      <c r="Q8" s="197">
        <v>13</v>
      </c>
      <c r="R8" s="197">
        <v>23</v>
      </c>
      <c r="S8" s="197">
        <v>41</v>
      </c>
      <c r="T8" s="195">
        <v>15</v>
      </c>
      <c r="U8" s="198">
        <v>99</v>
      </c>
      <c r="V8" s="202">
        <v>99</v>
      </c>
      <c r="W8" s="201">
        <v>0</v>
      </c>
      <c r="X8" s="195">
        <v>0</v>
      </c>
      <c r="Y8" s="195">
        <v>0</v>
      </c>
      <c r="Z8" s="196">
        <v>0</v>
      </c>
      <c r="AA8" s="197">
        <v>0</v>
      </c>
      <c r="AB8" s="197">
        <v>0</v>
      </c>
      <c r="AC8" s="197">
        <v>8</v>
      </c>
      <c r="AD8" s="195">
        <v>8</v>
      </c>
      <c r="AE8" s="198">
        <v>16</v>
      </c>
      <c r="AF8" s="199">
        <v>16</v>
      </c>
      <c r="AG8" s="194">
        <v>0</v>
      </c>
      <c r="AH8" s="195">
        <v>0</v>
      </c>
      <c r="AI8" s="195">
        <v>0</v>
      </c>
      <c r="AJ8" s="196">
        <v>0</v>
      </c>
      <c r="AK8" s="197">
        <v>0</v>
      </c>
      <c r="AL8" s="197">
        <v>0</v>
      </c>
      <c r="AM8" s="197">
        <v>1</v>
      </c>
      <c r="AN8" s="195">
        <v>1</v>
      </c>
      <c r="AO8" s="198">
        <v>2</v>
      </c>
      <c r="AP8" s="200">
        <v>2</v>
      </c>
      <c r="AQ8" s="37"/>
    </row>
    <row r="9" spans="2:43" ht="21" customHeight="1" x14ac:dyDescent="0.2">
      <c r="B9" s="62" t="s">
        <v>14</v>
      </c>
      <c r="C9" s="194">
        <v>0</v>
      </c>
      <c r="D9" s="195">
        <v>0</v>
      </c>
      <c r="E9" s="195">
        <v>0</v>
      </c>
      <c r="F9" s="196">
        <v>0</v>
      </c>
      <c r="G9" s="197">
        <v>0</v>
      </c>
      <c r="H9" s="197">
        <v>14</v>
      </c>
      <c r="I9" s="197">
        <v>27</v>
      </c>
      <c r="J9" s="195">
        <v>21</v>
      </c>
      <c r="K9" s="198">
        <v>62</v>
      </c>
      <c r="L9" s="199">
        <v>62</v>
      </c>
      <c r="M9" s="194">
        <v>0</v>
      </c>
      <c r="N9" s="195">
        <v>0</v>
      </c>
      <c r="O9" s="198">
        <v>0</v>
      </c>
      <c r="P9" s="201">
        <v>2</v>
      </c>
      <c r="Q9" s="197">
        <v>11</v>
      </c>
      <c r="R9" s="197">
        <v>9</v>
      </c>
      <c r="S9" s="197">
        <v>17</v>
      </c>
      <c r="T9" s="195">
        <v>1</v>
      </c>
      <c r="U9" s="198">
        <v>40</v>
      </c>
      <c r="V9" s="202">
        <v>40</v>
      </c>
      <c r="W9" s="201">
        <v>0</v>
      </c>
      <c r="X9" s="195">
        <v>0</v>
      </c>
      <c r="Y9" s="195">
        <v>0</v>
      </c>
      <c r="Z9" s="196">
        <v>0</v>
      </c>
      <c r="AA9" s="197">
        <v>0</v>
      </c>
      <c r="AB9" s="197">
        <v>0</v>
      </c>
      <c r="AC9" s="197">
        <v>0</v>
      </c>
      <c r="AD9" s="195">
        <v>2</v>
      </c>
      <c r="AE9" s="198">
        <v>2</v>
      </c>
      <c r="AF9" s="199">
        <v>2</v>
      </c>
      <c r="AG9" s="194">
        <v>0</v>
      </c>
      <c r="AH9" s="195">
        <v>0</v>
      </c>
      <c r="AI9" s="195">
        <v>0</v>
      </c>
      <c r="AJ9" s="196">
        <v>0</v>
      </c>
      <c r="AK9" s="197">
        <v>0</v>
      </c>
      <c r="AL9" s="197">
        <v>0</v>
      </c>
      <c r="AM9" s="197">
        <v>2</v>
      </c>
      <c r="AN9" s="195">
        <v>1</v>
      </c>
      <c r="AO9" s="198">
        <v>3</v>
      </c>
      <c r="AP9" s="200">
        <v>3</v>
      </c>
      <c r="AQ9" s="37"/>
    </row>
    <row r="10" spans="2:43" ht="21" customHeight="1" x14ac:dyDescent="0.2">
      <c r="B10" s="62" t="s">
        <v>7</v>
      </c>
      <c r="C10" s="194">
        <v>0</v>
      </c>
      <c r="D10" s="195">
        <v>0</v>
      </c>
      <c r="E10" s="195">
        <v>0</v>
      </c>
      <c r="F10" s="196">
        <v>0</v>
      </c>
      <c r="G10" s="197">
        <v>0</v>
      </c>
      <c r="H10" s="197">
        <v>4</v>
      </c>
      <c r="I10" s="197">
        <v>22</v>
      </c>
      <c r="J10" s="195">
        <v>11</v>
      </c>
      <c r="K10" s="198">
        <v>37</v>
      </c>
      <c r="L10" s="199">
        <v>37</v>
      </c>
      <c r="M10" s="194">
        <v>0</v>
      </c>
      <c r="N10" s="195">
        <v>0</v>
      </c>
      <c r="O10" s="198">
        <v>0</v>
      </c>
      <c r="P10" s="201">
        <v>0</v>
      </c>
      <c r="Q10" s="197">
        <v>3</v>
      </c>
      <c r="R10" s="197">
        <v>5</v>
      </c>
      <c r="S10" s="197">
        <v>6</v>
      </c>
      <c r="T10" s="195">
        <v>2</v>
      </c>
      <c r="U10" s="198">
        <v>16</v>
      </c>
      <c r="V10" s="202">
        <v>16</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1</v>
      </c>
      <c r="G11" s="197">
        <v>3</v>
      </c>
      <c r="H11" s="197">
        <v>5</v>
      </c>
      <c r="I11" s="197">
        <v>9</v>
      </c>
      <c r="J11" s="195">
        <v>7</v>
      </c>
      <c r="K11" s="198">
        <v>25</v>
      </c>
      <c r="L11" s="199">
        <v>25</v>
      </c>
      <c r="M11" s="194">
        <v>0</v>
      </c>
      <c r="N11" s="195">
        <v>0</v>
      </c>
      <c r="O11" s="198">
        <v>0</v>
      </c>
      <c r="P11" s="201">
        <v>1</v>
      </c>
      <c r="Q11" s="197">
        <v>3</v>
      </c>
      <c r="R11" s="197">
        <v>5</v>
      </c>
      <c r="S11" s="197">
        <v>7</v>
      </c>
      <c r="T11" s="195">
        <v>2</v>
      </c>
      <c r="U11" s="198">
        <v>18</v>
      </c>
      <c r="V11" s="202">
        <v>18</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1</v>
      </c>
      <c r="AN11" s="195">
        <v>0</v>
      </c>
      <c r="AO11" s="198">
        <v>1</v>
      </c>
      <c r="AP11" s="200">
        <v>1</v>
      </c>
      <c r="AQ11" s="37"/>
    </row>
    <row r="12" spans="2:43" ht="21" customHeight="1" x14ac:dyDescent="0.2">
      <c r="B12" s="62" t="s">
        <v>9</v>
      </c>
      <c r="C12" s="194">
        <v>0</v>
      </c>
      <c r="D12" s="195">
        <v>0</v>
      </c>
      <c r="E12" s="195">
        <v>0</v>
      </c>
      <c r="F12" s="196">
        <v>1</v>
      </c>
      <c r="G12" s="197">
        <v>0</v>
      </c>
      <c r="H12" s="197">
        <v>2</v>
      </c>
      <c r="I12" s="197">
        <v>15</v>
      </c>
      <c r="J12" s="195">
        <v>11</v>
      </c>
      <c r="K12" s="198">
        <v>29</v>
      </c>
      <c r="L12" s="199">
        <v>29</v>
      </c>
      <c r="M12" s="194">
        <v>0</v>
      </c>
      <c r="N12" s="195">
        <v>0</v>
      </c>
      <c r="O12" s="198">
        <v>0</v>
      </c>
      <c r="P12" s="201">
        <v>0</v>
      </c>
      <c r="Q12" s="197">
        <v>1</v>
      </c>
      <c r="R12" s="197">
        <v>8</v>
      </c>
      <c r="S12" s="197">
        <v>6</v>
      </c>
      <c r="T12" s="195">
        <v>6</v>
      </c>
      <c r="U12" s="198">
        <v>21</v>
      </c>
      <c r="V12" s="202">
        <v>21</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0</v>
      </c>
      <c r="AO12" s="198">
        <v>0</v>
      </c>
      <c r="AP12" s="200">
        <v>0</v>
      </c>
      <c r="AQ12" s="37"/>
    </row>
    <row r="13" spans="2:43" ht="21" customHeight="1" x14ac:dyDescent="0.2">
      <c r="B13" s="62" t="s">
        <v>10</v>
      </c>
      <c r="C13" s="194">
        <v>0</v>
      </c>
      <c r="D13" s="195">
        <v>0</v>
      </c>
      <c r="E13" s="195">
        <v>0</v>
      </c>
      <c r="F13" s="196">
        <v>0</v>
      </c>
      <c r="G13" s="197">
        <v>1</v>
      </c>
      <c r="H13" s="197">
        <v>14</v>
      </c>
      <c r="I13" s="197">
        <v>12</v>
      </c>
      <c r="J13" s="195">
        <v>16</v>
      </c>
      <c r="K13" s="198">
        <v>43</v>
      </c>
      <c r="L13" s="199">
        <v>43</v>
      </c>
      <c r="M13" s="194">
        <v>0</v>
      </c>
      <c r="N13" s="195">
        <v>0</v>
      </c>
      <c r="O13" s="198">
        <v>0</v>
      </c>
      <c r="P13" s="201">
        <v>0</v>
      </c>
      <c r="Q13" s="197">
        <v>2</v>
      </c>
      <c r="R13" s="197">
        <v>9</v>
      </c>
      <c r="S13" s="197">
        <v>5</v>
      </c>
      <c r="T13" s="195">
        <v>4</v>
      </c>
      <c r="U13" s="198">
        <v>20</v>
      </c>
      <c r="V13" s="202">
        <v>20</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1</v>
      </c>
      <c r="AO13" s="198">
        <v>1</v>
      </c>
      <c r="AP13" s="200">
        <v>1</v>
      </c>
      <c r="AQ13" s="37"/>
    </row>
    <row r="14" spans="2:43" ht="21" customHeight="1" x14ac:dyDescent="0.2">
      <c r="B14" s="62" t="s">
        <v>11</v>
      </c>
      <c r="C14" s="194">
        <v>0</v>
      </c>
      <c r="D14" s="195">
        <v>0</v>
      </c>
      <c r="E14" s="195">
        <v>0</v>
      </c>
      <c r="F14" s="196">
        <v>0</v>
      </c>
      <c r="G14" s="197">
        <v>0</v>
      </c>
      <c r="H14" s="197">
        <v>2</v>
      </c>
      <c r="I14" s="197">
        <v>7</v>
      </c>
      <c r="J14" s="195">
        <v>7</v>
      </c>
      <c r="K14" s="198">
        <v>16</v>
      </c>
      <c r="L14" s="199">
        <v>16</v>
      </c>
      <c r="M14" s="194">
        <v>0</v>
      </c>
      <c r="N14" s="195">
        <v>0</v>
      </c>
      <c r="O14" s="198">
        <v>0</v>
      </c>
      <c r="P14" s="201">
        <v>3</v>
      </c>
      <c r="Q14" s="197">
        <v>1</v>
      </c>
      <c r="R14" s="197">
        <v>3</v>
      </c>
      <c r="S14" s="197">
        <v>6</v>
      </c>
      <c r="T14" s="195">
        <v>1</v>
      </c>
      <c r="U14" s="198">
        <v>14</v>
      </c>
      <c r="V14" s="202">
        <v>14</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1</v>
      </c>
      <c r="AM14" s="197">
        <v>0</v>
      </c>
      <c r="AN14" s="195">
        <v>0</v>
      </c>
      <c r="AO14" s="198">
        <v>1</v>
      </c>
      <c r="AP14" s="200">
        <v>1</v>
      </c>
      <c r="AQ14" s="37"/>
    </row>
    <row r="15" spans="2:43" ht="21" customHeight="1" x14ac:dyDescent="0.2">
      <c r="B15" s="62" t="s">
        <v>12</v>
      </c>
      <c r="C15" s="194">
        <v>0</v>
      </c>
      <c r="D15" s="195">
        <v>0</v>
      </c>
      <c r="E15" s="195">
        <v>0</v>
      </c>
      <c r="F15" s="196">
        <v>0</v>
      </c>
      <c r="G15" s="197">
        <v>1</v>
      </c>
      <c r="H15" s="197">
        <v>5</v>
      </c>
      <c r="I15" s="197">
        <v>9</v>
      </c>
      <c r="J15" s="195">
        <v>4</v>
      </c>
      <c r="K15" s="198">
        <v>19</v>
      </c>
      <c r="L15" s="199">
        <v>19</v>
      </c>
      <c r="M15" s="194">
        <v>0</v>
      </c>
      <c r="N15" s="195">
        <v>0</v>
      </c>
      <c r="O15" s="198">
        <v>0</v>
      </c>
      <c r="P15" s="201">
        <v>0</v>
      </c>
      <c r="Q15" s="197">
        <v>3</v>
      </c>
      <c r="R15" s="197">
        <v>7</v>
      </c>
      <c r="S15" s="197">
        <v>13</v>
      </c>
      <c r="T15" s="195">
        <v>3</v>
      </c>
      <c r="U15" s="198">
        <v>26</v>
      </c>
      <c r="V15" s="202">
        <v>26</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4</v>
      </c>
      <c r="I16" s="197">
        <v>4</v>
      </c>
      <c r="J16" s="195">
        <v>4</v>
      </c>
      <c r="K16" s="198">
        <v>12</v>
      </c>
      <c r="L16" s="199">
        <v>12</v>
      </c>
      <c r="M16" s="194">
        <v>0</v>
      </c>
      <c r="N16" s="195">
        <v>0</v>
      </c>
      <c r="O16" s="198">
        <v>0</v>
      </c>
      <c r="P16" s="201">
        <v>0</v>
      </c>
      <c r="Q16" s="197">
        <v>0</v>
      </c>
      <c r="R16" s="197">
        <v>1</v>
      </c>
      <c r="S16" s="197">
        <v>3</v>
      </c>
      <c r="T16" s="195">
        <v>1</v>
      </c>
      <c r="U16" s="198">
        <v>5</v>
      </c>
      <c r="V16" s="202">
        <v>5</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0</v>
      </c>
      <c r="J17" s="195">
        <v>1</v>
      </c>
      <c r="K17" s="198">
        <v>2</v>
      </c>
      <c r="L17" s="199">
        <v>2</v>
      </c>
      <c r="M17" s="194">
        <v>0</v>
      </c>
      <c r="N17" s="195">
        <v>0</v>
      </c>
      <c r="O17" s="198">
        <v>0</v>
      </c>
      <c r="P17" s="201">
        <v>0</v>
      </c>
      <c r="Q17" s="197">
        <v>0</v>
      </c>
      <c r="R17" s="197">
        <v>1</v>
      </c>
      <c r="S17" s="197">
        <v>3</v>
      </c>
      <c r="T17" s="195">
        <v>0</v>
      </c>
      <c r="U17" s="198">
        <v>4</v>
      </c>
      <c r="V17" s="202">
        <v>4</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0</v>
      </c>
      <c r="H18" s="197">
        <v>6</v>
      </c>
      <c r="I18" s="197">
        <v>6</v>
      </c>
      <c r="J18" s="195">
        <v>7</v>
      </c>
      <c r="K18" s="198">
        <v>19</v>
      </c>
      <c r="L18" s="199">
        <v>19</v>
      </c>
      <c r="M18" s="194">
        <v>0</v>
      </c>
      <c r="N18" s="195">
        <v>0</v>
      </c>
      <c r="O18" s="198">
        <v>0</v>
      </c>
      <c r="P18" s="201">
        <v>2</v>
      </c>
      <c r="Q18" s="197">
        <v>1</v>
      </c>
      <c r="R18" s="197">
        <v>4</v>
      </c>
      <c r="S18" s="197">
        <v>9</v>
      </c>
      <c r="T18" s="195">
        <v>4</v>
      </c>
      <c r="U18" s="198">
        <v>20</v>
      </c>
      <c r="V18" s="202">
        <v>20</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2</v>
      </c>
      <c r="AN18" s="195">
        <v>0</v>
      </c>
      <c r="AO18" s="198">
        <v>2</v>
      </c>
      <c r="AP18" s="200">
        <v>2</v>
      </c>
      <c r="AQ18" s="37"/>
    </row>
    <row r="19" spans="2:43" ht="21" customHeight="1" x14ac:dyDescent="0.2">
      <c r="B19" s="62" t="s">
        <v>17</v>
      </c>
      <c r="C19" s="194">
        <v>0</v>
      </c>
      <c r="D19" s="195">
        <v>0</v>
      </c>
      <c r="E19" s="195">
        <v>0</v>
      </c>
      <c r="F19" s="196">
        <v>0</v>
      </c>
      <c r="G19" s="197">
        <v>1</v>
      </c>
      <c r="H19" s="197">
        <v>9</v>
      </c>
      <c r="I19" s="197">
        <v>5</v>
      </c>
      <c r="J19" s="195">
        <v>6</v>
      </c>
      <c r="K19" s="198">
        <v>21</v>
      </c>
      <c r="L19" s="199">
        <v>21</v>
      </c>
      <c r="M19" s="194">
        <v>0</v>
      </c>
      <c r="N19" s="195">
        <v>0</v>
      </c>
      <c r="O19" s="198">
        <v>0</v>
      </c>
      <c r="P19" s="201">
        <v>2</v>
      </c>
      <c r="Q19" s="197">
        <v>6</v>
      </c>
      <c r="R19" s="197">
        <v>7</v>
      </c>
      <c r="S19" s="197">
        <v>7</v>
      </c>
      <c r="T19" s="195">
        <v>3</v>
      </c>
      <c r="U19" s="198">
        <v>25</v>
      </c>
      <c r="V19" s="202">
        <v>25</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0</v>
      </c>
      <c r="AO19" s="198">
        <v>0</v>
      </c>
      <c r="AP19" s="200">
        <v>0</v>
      </c>
      <c r="AQ19" s="37"/>
    </row>
    <row r="20" spans="2:43" ht="21" customHeight="1" x14ac:dyDescent="0.2">
      <c r="B20" s="62" t="s">
        <v>18</v>
      </c>
      <c r="C20" s="194">
        <v>0</v>
      </c>
      <c r="D20" s="195">
        <v>0</v>
      </c>
      <c r="E20" s="195">
        <v>0</v>
      </c>
      <c r="F20" s="196">
        <v>0</v>
      </c>
      <c r="G20" s="197">
        <v>1</v>
      </c>
      <c r="H20" s="197">
        <v>9</v>
      </c>
      <c r="I20" s="197">
        <v>12</v>
      </c>
      <c r="J20" s="195">
        <v>6</v>
      </c>
      <c r="K20" s="198">
        <v>28</v>
      </c>
      <c r="L20" s="199">
        <v>28</v>
      </c>
      <c r="M20" s="194">
        <v>0</v>
      </c>
      <c r="N20" s="195">
        <v>0</v>
      </c>
      <c r="O20" s="198">
        <v>0</v>
      </c>
      <c r="P20" s="201">
        <v>5</v>
      </c>
      <c r="Q20" s="197">
        <v>2</v>
      </c>
      <c r="R20" s="197">
        <v>4</v>
      </c>
      <c r="S20" s="197">
        <v>4</v>
      </c>
      <c r="T20" s="195">
        <v>2</v>
      </c>
      <c r="U20" s="198">
        <v>17</v>
      </c>
      <c r="V20" s="202">
        <v>17</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2</v>
      </c>
      <c r="I21" s="197">
        <v>4</v>
      </c>
      <c r="J21" s="195">
        <v>3</v>
      </c>
      <c r="K21" s="198">
        <v>9</v>
      </c>
      <c r="L21" s="199">
        <v>9</v>
      </c>
      <c r="M21" s="194">
        <v>0</v>
      </c>
      <c r="N21" s="195">
        <v>0</v>
      </c>
      <c r="O21" s="198">
        <v>0</v>
      </c>
      <c r="P21" s="201">
        <v>0</v>
      </c>
      <c r="Q21" s="197">
        <v>2</v>
      </c>
      <c r="R21" s="197">
        <v>4</v>
      </c>
      <c r="S21" s="197">
        <v>3</v>
      </c>
      <c r="T21" s="195">
        <v>2</v>
      </c>
      <c r="U21" s="198">
        <v>11</v>
      </c>
      <c r="V21" s="202">
        <v>11</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3</v>
      </c>
      <c r="I22" s="197">
        <v>4</v>
      </c>
      <c r="J22" s="195">
        <v>3</v>
      </c>
      <c r="K22" s="198">
        <v>11</v>
      </c>
      <c r="L22" s="199">
        <v>11</v>
      </c>
      <c r="M22" s="194">
        <v>0</v>
      </c>
      <c r="N22" s="195">
        <v>0</v>
      </c>
      <c r="O22" s="198">
        <v>0</v>
      </c>
      <c r="P22" s="201">
        <v>1</v>
      </c>
      <c r="Q22" s="197">
        <v>2</v>
      </c>
      <c r="R22" s="197">
        <v>4</v>
      </c>
      <c r="S22" s="197">
        <v>3</v>
      </c>
      <c r="T22" s="195">
        <v>0</v>
      </c>
      <c r="U22" s="198">
        <v>10</v>
      </c>
      <c r="V22" s="202">
        <v>10</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1" customHeight="1" x14ac:dyDescent="0.2">
      <c r="B23" s="62" t="s">
        <v>21</v>
      </c>
      <c r="C23" s="194">
        <v>0</v>
      </c>
      <c r="D23" s="195">
        <v>0</v>
      </c>
      <c r="E23" s="195">
        <v>0</v>
      </c>
      <c r="F23" s="196">
        <v>0</v>
      </c>
      <c r="G23" s="197">
        <v>0</v>
      </c>
      <c r="H23" s="197">
        <v>2</v>
      </c>
      <c r="I23" s="197">
        <v>3</v>
      </c>
      <c r="J23" s="195">
        <v>4</v>
      </c>
      <c r="K23" s="198">
        <v>9</v>
      </c>
      <c r="L23" s="199">
        <v>9</v>
      </c>
      <c r="M23" s="194">
        <v>0</v>
      </c>
      <c r="N23" s="195">
        <v>0</v>
      </c>
      <c r="O23" s="198">
        <v>0</v>
      </c>
      <c r="P23" s="201">
        <v>0</v>
      </c>
      <c r="Q23" s="197">
        <v>3</v>
      </c>
      <c r="R23" s="197">
        <v>1</v>
      </c>
      <c r="S23" s="197">
        <v>1</v>
      </c>
      <c r="T23" s="195">
        <v>2</v>
      </c>
      <c r="U23" s="198">
        <v>7</v>
      </c>
      <c r="V23" s="202">
        <v>7</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1</v>
      </c>
      <c r="AO23" s="198">
        <v>1</v>
      </c>
      <c r="AP23" s="200">
        <v>1</v>
      </c>
      <c r="AQ23" s="37"/>
    </row>
    <row r="24" spans="2:43" ht="21" customHeight="1" x14ac:dyDescent="0.2">
      <c r="B24" s="62" t="s">
        <v>22</v>
      </c>
      <c r="C24" s="194">
        <v>0</v>
      </c>
      <c r="D24" s="195">
        <v>0</v>
      </c>
      <c r="E24" s="195">
        <v>0</v>
      </c>
      <c r="F24" s="196">
        <v>0</v>
      </c>
      <c r="G24" s="197">
        <v>0</v>
      </c>
      <c r="H24" s="197">
        <v>0</v>
      </c>
      <c r="I24" s="197">
        <v>0</v>
      </c>
      <c r="J24" s="195">
        <v>0</v>
      </c>
      <c r="K24" s="198">
        <v>0</v>
      </c>
      <c r="L24" s="199">
        <v>0</v>
      </c>
      <c r="M24" s="194">
        <v>0</v>
      </c>
      <c r="N24" s="195">
        <v>0</v>
      </c>
      <c r="O24" s="198">
        <v>0</v>
      </c>
      <c r="P24" s="201">
        <v>0</v>
      </c>
      <c r="Q24" s="197">
        <v>0</v>
      </c>
      <c r="R24" s="197">
        <v>3</v>
      </c>
      <c r="S24" s="197">
        <v>0</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1</v>
      </c>
      <c r="I25" s="197">
        <v>5</v>
      </c>
      <c r="J25" s="195">
        <v>1</v>
      </c>
      <c r="K25" s="198">
        <v>7</v>
      </c>
      <c r="L25" s="199">
        <v>7</v>
      </c>
      <c r="M25" s="194">
        <v>0</v>
      </c>
      <c r="N25" s="195">
        <v>0</v>
      </c>
      <c r="O25" s="198">
        <v>0</v>
      </c>
      <c r="P25" s="201">
        <v>0</v>
      </c>
      <c r="Q25" s="197">
        <v>0</v>
      </c>
      <c r="R25" s="197">
        <v>1</v>
      </c>
      <c r="S25" s="197">
        <v>2</v>
      </c>
      <c r="T25" s="195">
        <v>3</v>
      </c>
      <c r="U25" s="198">
        <v>6</v>
      </c>
      <c r="V25" s="202">
        <v>6</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1</v>
      </c>
      <c r="AO25" s="198">
        <v>1</v>
      </c>
      <c r="AP25" s="200">
        <v>1</v>
      </c>
      <c r="AQ25" s="37"/>
    </row>
    <row r="26" spans="2:43" ht="21" customHeight="1" x14ac:dyDescent="0.2">
      <c r="B26" s="62" t="s">
        <v>24</v>
      </c>
      <c r="C26" s="194">
        <v>0</v>
      </c>
      <c r="D26" s="195">
        <v>0</v>
      </c>
      <c r="E26" s="195">
        <v>0</v>
      </c>
      <c r="F26" s="196">
        <v>0</v>
      </c>
      <c r="G26" s="197">
        <v>0</v>
      </c>
      <c r="H26" s="197">
        <v>1</v>
      </c>
      <c r="I26" s="197">
        <v>3</v>
      </c>
      <c r="J26" s="195">
        <v>2</v>
      </c>
      <c r="K26" s="198">
        <v>6</v>
      </c>
      <c r="L26" s="199">
        <v>6</v>
      </c>
      <c r="M26" s="194">
        <v>0</v>
      </c>
      <c r="N26" s="195">
        <v>0</v>
      </c>
      <c r="O26" s="198">
        <v>0</v>
      </c>
      <c r="P26" s="201">
        <v>0</v>
      </c>
      <c r="Q26" s="197">
        <v>0</v>
      </c>
      <c r="R26" s="197">
        <v>1</v>
      </c>
      <c r="S26" s="197">
        <v>1</v>
      </c>
      <c r="T26" s="195">
        <v>1</v>
      </c>
      <c r="U26" s="198">
        <v>3</v>
      </c>
      <c r="V26" s="202">
        <v>3</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0</v>
      </c>
      <c r="H27" s="197">
        <v>2</v>
      </c>
      <c r="I27" s="197">
        <v>1</v>
      </c>
      <c r="J27" s="195">
        <v>1</v>
      </c>
      <c r="K27" s="198">
        <v>4</v>
      </c>
      <c r="L27" s="199">
        <v>4</v>
      </c>
      <c r="M27" s="194">
        <v>0</v>
      </c>
      <c r="N27" s="195">
        <v>0</v>
      </c>
      <c r="O27" s="198">
        <v>0</v>
      </c>
      <c r="P27" s="201">
        <v>0</v>
      </c>
      <c r="Q27" s="197">
        <v>0</v>
      </c>
      <c r="R27" s="197">
        <v>0</v>
      </c>
      <c r="S27" s="197">
        <v>1</v>
      </c>
      <c r="T27" s="195">
        <v>0</v>
      </c>
      <c r="U27" s="198">
        <v>1</v>
      </c>
      <c r="V27" s="202">
        <v>1</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0</v>
      </c>
      <c r="I28" s="197">
        <v>2</v>
      </c>
      <c r="J28" s="195">
        <v>1</v>
      </c>
      <c r="K28" s="198">
        <v>3</v>
      </c>
      <c r="L28" s="199">
        <v>3</v>
      </c>
      <c r="M28" s="194">
        <v>0</v>
      </c>
      <c r="N28" s="195">
        <v>0</v>
      </c>
      <c r="O28" s="198">
        <v>0</v>
      </c>
      <c r="P28" s="201">
        <v>1</v>
      </c>
      <c r="Q28" s="197">
        <v>0</v>
      </c>
      <c r="R28" s="197">
        <v>0</v>
      </c>
      <c r="S28" s="197">
        <v>0</v>
      </c>
      <c r="T28" s="195">
        <v>0</v>
      </c>
      <c r="U28" s="198">
        <v>1</v>
      </c>
      <c r="V28" s="202">
        <v>1</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0</v>
      </c>
      <c r="H29" s="197">
        <v>1</v>
      </c>
      <c r="I29" s="197">
        <v>2</v>
      </c>
      <c r="J29" s="195">
        <v>0</v>
      </c>
      <c r="K29" s="198">
        <v>3</v>
      </c>
      <c r="L29" s="199">
        <v>3</v>
      </c>
      <c r="M29" s="194">
        <v>0</v>
      </c>
      <c r="N29" s="195">
        <v>0</v>
      </c>
      <c r="O29" s="198">
        <v>0</v>
      </c>
      <c r="P29" s="201">
        <v>0</v>
      </c>
      <c r="Q29" s="197">
        <v>0</v>
      </c>
      <c r="R29" s="197">
        <v>0</v>
      </c>
      <c r="S29" s="197">
        <v>0</v>
      </c>
      <c r="T29" s="195">
        <v>0</v>
      </c>
      <c r="U29" s="198">
        <v>0</v>
      </c>
      <c r="V29" s="202">
        <v>0</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1"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0</v>
      </c>
      <c r="R30" s="197">
        <v>0</v>
      </c>
      <c r="S30" s="197">
        <v>0</v>
      </c>
      <c r="T30" s="195">
        <v>1</v>
      </c>
      <c r="U30" s="198">
        <v>1</v>
      </c>
      <c r="V30" s="202">
        <v>1</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1</v>
      </c>
      <c r="I31" s="197">
        <v>0</v>
      </c>
      <c r="J31" s="195">
        <v>0</v>
      </c>
      <c r="K31" s="198">
        <v>1</v>
      </c>
      <c r="L31" s="199">
        <v>1</v>
      </c>
      <c r="M31" s="194">
        <v>0</v>
      </c>
      <c r="N31" s="195">
        <v>0</v>
      </c>
      <c r="O31" s="198">
        <v>0</v>
      </c>
      <c r="P31" s="201">
        <v>0</v>
      </c>
      <c r="Q31" s="197">
        <v>0</v>
      </c>
      <c r="R31" s="197">
        <v>1</v>
      </c>
      <c r="S31" s="197">
        <v>1</v>
      </c>
      <c r="T31" s="195">
        <v>0</v>
      </c>
      <c r="U31" s="198">
        <v>2</v>
      </c>
      <c r="V31" s="202">
        <v>2</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1</v>
      </c>
      <c r="I32" s="197">
        <v>1</v>
      </c>
      <c r="J32" s="195">
        <v>0</v>
      </c>
      <c r="K32" s="198">
        <v>2</v>
      </c>
      <c r="L32" s="199">
        <v>2</v>
      </c>
      <c r="M32" s="194">
        <v>0</v>
      </c>
      <c r="N32" s="195">
        <v>0</v>
      </c>
      <c r="O32" s="198">
        <v>0</v>
      </c>
      <c r="P32" s="201">
        <v>1</v>
      </c>
      <c r="Q32" s="197">
        <v>0</v>
      </c>
      <c r="R32" s="197">
        <v>0</v>
      </c>
      <c r="S32" s="197">
        <v>1</v>
      </c>
      <c r="T32" s="195">
        <v>1</v>
      </c>
      <c r="U32" s="198">
        <v>3</v>
      </c>
      <c r="V32" s="202">
        <v>3</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1" customHeight="1" x14ac:dyDescent="0.2">
      <c r="B33" s="62" t="s">
        <v>31</v>
      </c>
      <c r="C33" s="194">
        <v>0</v>
      </c>
      <c r="D33" s="195">
        <v>0</v>
      </c>
      <c r="E33" s="195">
        <v>0</v>
      </c>
      <c r="F33" s="196">
        <v>0</v>
      </c>
      <c r="G33" s="197">
        <v>0</v>
      </c>
      <c r="H33" s="197">
        <v>2</v>
      </c>
      <c r="I33" s="197">
        <v>1</v>
      </c>
      <c r="J33" s="195">
        <v>0</v>
      </c>
      <c r="K33" s="198">
        <v>3</v>
      </c>
      <c r="L33" s="199">
        <v>3</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1</v>
      </c>
      <c r="J34" s="195">
        <v>1</v>
      </c>
      <c r="K34" s="198">
        <v>2</v>
      </c>
      <c r="L34" s="199">
        <v>2</v>
      </c>
      <c r="M34" s="194">
        <v>0</v>
      </c>
      <c r="N34" s="195">
        <v>0</v>
      </c>
      <c r="O34" s="198">
        <v>0</v>
      </c>
      <c r="P34" s="201">
        <v>0</v>
      </c>
      <c r="Q34" s="197">
        <v>0</v>
      </c>
      <c r="R34" s="197">
        <v>0</v>
      </c>
      <c r="S34" s="197">
        <v>0</v>
      </c>
      <c r="T34" s="195">
        <v>1</v>
      </c>
      <c r="U34" s="198">
        <v>1</v>
      </c>
      <c r="V34" s="202">
        <v>1</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1</v>
      </c>
      <c r="J35" s="195">
        <v>0</v>
      </c>
      <c r="K35" s="198">
        <v>1</v>
      </c>
      <c r="L35" s="199">
        <v>1</v>
      </c>
      <c r="M35" s="194">
        <v>0</v>
      </c>
      <c r="N35" s="195">
        <v>0</v>
      </c>
      <c r="O35" s="198">
        <v>0</v>
      </c>
      <c r="P35" s="201">
        <v>0</v>
      </c>
      <c r="Q35" s="197">
        <v>0</v>
      </c>
      <c r="R35" s="197">
        <v>1</v>
      </c>
      <c r="S35" s="197">
        <v>0</v>
      </c>
      <c r="T35" s="195">
        <v>0</v>
      </c>
      <c r="U35" s="198">
        <v>1</v>
      </c>
      <c r="V35" s="202">
        <v>1</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0</v>
      </c>
      <c r="AM35" s="197">
        <v>1</v>
      </c>
      <c r="AN35" s="195">
        <v>2</v>
      </c>
      <c r="AO35" s="198">
        <v>3</v>
      </c>
      <c r="AP35" s="200">
        <v>3</v>
      </c>
      <c r="AQ35" s="37"/>
    </row>
    <row r="36" spans="2:43" ht="21"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1</v>
      </c>
      <c r="R36" s="197">
        <v>0</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2</v>
      </c>
      <c r="J37" s="195">
        <v>0</v>
      </c>
      <c r="K37" s="198">
        <v>2</v>
      </c>
      <c r="L37" s="199">
        <v>2</v>
      </c>
      <c r="M37" s="194">
        <v>0</v>
      </c>
      <c r="N37" s="195">
        <v>0</v>
      </c>
      <c r="O37" s="198">
        <v>0</v>
      </c>
      <c r="P37" s="201">
        <v>0</v>
      </c>
      <c r="Q37" s="197">
        <v>0</v>
      </c>
      <c r="R37" s="197">
        <v>0</v>
      </c>
      <c r="S37" s="197">
        <v>0</v>
      </c>
      <c r="T37" s="195">
        <v>0</v>
      </c>
      <c r="U37" s="198">
        <v>0</v>
      </c>
      <c r="V37" s="202">
        <v>0</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0</v>
      </c>
      <c r="I38" s="197">
        <v>2</v>
      </c>
      <c r="J38" s="195">
        <v>3</v>
      </c>
      <c r="K38" s="198">
        <v>5</v>
      </c>
      <c r="L38" s="199">
        <v>5</v>
      </c>
      <c r="M38" s="194">
        <v>0</v>
      </c>
      <c r="N38" s="195">
        <v>0</v>
      </c>
      <c r="O38" s="198">
        <v>0</v>
      </c>
      <c r="P38" s="201">
        <v>2</v>
      </c>
      <c r="Q38" s="197">
        <v>0</v>
      </c>
      <c r="R38" s="197">
        <v>2</v>
      </c>
      <c r="S38" s="197">
        <v>2</v>
      </c>
      <c r="T38" s="195">
        <v>0</v>
      </c>
      <c r="U38" s="198">
        <v>6</v>
      </c>
      <c r="V38" s="202">
        <v>6</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1</v>
      </c>
      <c r="AO39" s="207">
        <v>1</v>
      </c>
      <c r="AP39" s="209">
        <v>1</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8.5546875"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E1" s="500">
        <f>第１表!F2</f>
        <v>4</v>
      </c>
      <c r="F1" s="246">
        <f>第１表!G2</f>
        <v>11</v>
      </c>
      <c r="G1" s="608">
        <f>IF(F1&lt;3,F1-2+12,F1-2)</f>
        <v>9</v>
      </c>
      <c r="H1" s="608"/>
      <c r="IB1" s="367"/>
      <c r="IC1" s="252"/>
      <c r="ID1" s="649"/>
      <c r="IE1" s="649"/>
    </row>
    <row r="2" spans="1:409" s="44" customFormat="1" ht="24" customHeight="1" x14ac:dyDescent="0.2">
      <c r="B2" s="20" t="s">
        <v>147</v>
      </c>
      <c r="E2" s="249"/>
      <c r="F2" s="250"/>
      <c r="G2" s="623"/>
      <c r="H2" s="623"/>
      <c r="CB2" s="324"/>
      <c r="CC2" s="324"/>
      <c r="CD2" s="324"/>
      <c r="CE2" s="324"/>
      <c r="CF2" s="324"/>
      <c r="CG2" s="324"/>
      <c r="CH2" s="324"/>
      <c r="CI2" s="324"/>
      <c r="CJ2" s="324"/>
      <c r="CK2" s="324"/>
      <c r="CL2" s="324"/>
      <c r="DI2" s="324"/>
      <c r="DJ2" s="324"/>
      <c r="DK2" s="324"/>
      <c r="DL2" s="324"/>
      <c r="DM2" s="324"/>
      <c r="DN2" s="324"/>
      <c r="DO2" s="324"/>
      <c r="DP2" s="324"/>
      <c r="DQ2" s="324"/>
      <c r="DR2" s="324"/>
      <c r="DS2" s="324"/>
      <c r="FL2" s="324"/>
      <c r="FM2" s="324"/>
      <c r="FN2" s="324"/>
      <c r="FO2" s="324"/>
      <c r="FP2" s="324"/>
      <c r="FQ2" s="324"/>
      <c r="FR2" s="324"/>
      <c r="FS2" s="324"/>
      <c r="FT2" s="324"/>
      <c r="FU2" s="324"/>
      <c r="FV2" s="324"/>
      <c r="HZ2" s="39"/>
      <c r="IA2" s="39"/>
      <c r="IB2" s="251"/>
      <c r="IC2" s="252"/>
      <c r="ID2" s="370"/>
      <c r="IE2" s="370"/>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4"/>
      <c r="CC3" s="324"/>
      <c r="CD3" s="324"/>
      <c r="CE3" s="324"/>
      <c r="CF3" s="324"/>
      <c r="CG3" s="324"/>
      <c r="CH3" s="324"/>
      <c r="CI3" s="324"/>
      <c r="CJ3" s="324"/>
      <c r="CK3" s="324"/>
      <c r="CL3" s="324"/>
      <c r="DI3" s="324"/>
      <c r="DJ3" s="324"/>
      <c r="DK3" s="324"/>
      <c r="DL3" s="324"/>
      <c r="DM3" s="324"/>
      <c r="DN3" s="324"/>
      <c r="DO3" s="324"/>
      <c r="DP3" s="324"/>
      <c r="DQ3" s="324"/>
      <c r="DR3" s="324"/>
      <c r="DS3" s="324"/>
      <c r="FL3" s="324"/>
      <c r="FM3" s="324"/>
      <c r="FN3" s="324"/>
      <c r="FO3" s="324"/>
      <c r="FP3" s="324"/>
      <c r="FQ3" s="324"/>
      <c r="FR3" s="324"/>
      <c r="FS3" s="324"/>
      <c r="FT3" s="324"/>
      <c r="FU3" s="324"/>
      <c r="FV3" s="324"/>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28" t="s">
        <v>42</v>
      </c>
      <c r="C4" s="631" t="s">
        <v>63</v>
      </c>
      <c r="D4" s="631"/>
      <c r="E4" s="631"/>
      <c r="F4" s="631"/>
      <c r="G4" s="631"/>
      <c r="H4" s="631"/>
      <c r="I4" s="631"/>
      <c r="J4" s="631"/>
      <c r="K4" s="631"/>
      <c r="L4" s="631"/>
      <c r="M4" s="631"/>
      <c r="N4" s="577"/>
      <c r="O4" s="577"/>
      <c r="P4" s="577"/>
      <c r="Q4" s="577"/>
      <c r="R4" s="577"/>
      <c r="S4" s="577"/>
      <c r="T4" s="577"/>
      <c r="U4" s="577"/>
      <c r="V4" s="577"/>
      <c r="W4" s="577"/>
      <c r="X4" s="577"/>
      <c r="Y4" s="577"/>
      <c r="Z4" s="577"/>
      <c r="AA4" s="577"/>
      <c r="AB4" s="577"/>
      <c r="AC4" s="577"/>
      <c r="AD4" s="577"/>
      <c r="AE4" s="577"/>
      <c r="AF4" s="577"/>
      <c r="AG4" s="577"/>
      <c r="AH4" s="577"/>
      <c r="AI4" s="577"/>
      <c r="AJ4" s="577"/>
      <c r="AK4" s="577"/>
      <c r="AL4" s="577"/>
      <c r="AM4" s="577"/>
      <c r="AN4" s="577"/>
      <c r="AO4" s="577"/>
      <c r="AP4" s="577"/>
      <c r="AQ4" s="577"/>
      <c r="AR4" s="577"/>
      <c r="AS4" s="577"/>
      <c r="AT4" s="577"/>
      <c r="AU4" s="577"/>
      <c r="AV4" s="577"/>
      <c r="AW4" s="577"/>
      <c r="AX4" s="577"/>
      <c r="AY4" s="577"/>
      <c r="AZ4" s="577"/>
      <c r="BA4" s="577"/>
      <c r="BB4" s="577"/>
      <c r="BC4" s="577"/>
      <c r="BD4" s="577"/>
      <c r="BE4" s="577"/>
      <c r="BF4" s="577"/>
      <c r="BG4" s="577"/>
      <c r="BH4" s="577"/>
      <c r="BI4" s="577"/>
      <c r="BJ4" s="577"/>
      <c r="BK4" s="577"/>
      <c r="BL4" s="577"/>
      <c r="BM4" s="577"/>
      <c r="BN4" s="577"/>
      <c r="BO4" s="577"/>
      <c r="BP4" s="577"/>
      <c r="BQ4" s="577"/>
      <c r="BR4" s="577"/>
      <c r="BS4" s="577"/>
      <c r="BT4" s="577"/>
      <c r="BU4" s="577"/>
      <c r="BV4" s="577"/>
      <c r="BW4" s="577"/>
      <c r="BX4" s="577"/>
      <c r="BY4" s="577"/>
      <c r="BZ4" s="577"/>
      <c r="CA4" s="577"/>
      <c r="CB4" s="577"/>
      <c r="CC4" s="577"/>
      <c r="CD4" s="577"/>
      <c r="CE4" s="577"/>
      <c r="CF4" s="577"/>
      <c r="CG4" s="577"/>
      <c r="CH4" s="577"/>
      <c r="CI4" s="577"/>
      <c r="CJ4" s="577"/>
      <c r="CK4" s="577"/>
      <c r="CL4" s="577"/>
      <c r="CM4" s="577"/>
      <c r="CN4" s="577"/>
      <c r="CO4" s="577"/>
      <c r="CP4" s="577"/>
      <c r="CQ4" s="577"/>
      <c r="CR4" s="577"/>
      <c r="CS4" s="577"/>
      <c r="CT4" s="577"/>
      <c r="CU4" s="577"/>
      <c r="CV4" s="577"/>
      <c r="CW4" s="577"/>
      <c r="CX4" s="577"/>
      <c r="CY4" s="577"/>
      <c r="CZ4" s="577"/>
      <c r="DA4" s="577"/>
      <c r="DB4" s="577"/>
      <c r="DC4" s="577"/>
      <c r="DD4" s="577"/>
      <c r="DE4" s="577"/>
      <c r="DF4" s="577"/>
      <c r="DG4" s="577"/>
      <c r="DH4" s="577"/>
      <c r="DI4" s="577"/>
      <c r="DJ4" s="577"/>
      <c r="DK4" s="577"/>
      <c r="DL4" s="577"/>
      <c r="DM4" s="577"/>
      <c r="DN4" s="577"/>
      <c r="DO4" s="577"/>
      <c r="DP4" s="577"/>
      <c r="DQ4" s="577"/>
      <c r="DR4" s="577"/>
      <c r="DS4" s="577"/>
      <c r="DT4" s="577"/>
      <c r="DU4" s="577"/>
      <c r="DV4" s="577"/>
      <c r="DW4" s="577"/>
      <c r="DX4" s="577"/>
      <c r="DY4" s="577"/>
      <c r="DZ4" s="577"/>
      <c r="EA4" s="577"/>
      <c r="EB4" s="577"/>
      <c r="EC4" s="577"/>
      <c r="ED4" s="577"/>
      <c r="EE4" s="577"/>
      <c r="EF4" s="577"/>
      <c r="EG4" s="577"/>
      <c r="EH4" s="577"/>
      <c r="EI4" s="577"/>
      <c r="EJ4" s="577"/>
      <c r="EK4" s="577"/>
      <c r="EL4" s="577"/>
      <c r="EM4" s="577"/>
      <c r="EN4" s="577"/>
      <c r="EO4" s="577"/>
      <c r="EP4" s="577"/>
      <c r="EQ4" s="577"/>
      <c r="ER4" s="577"/>
      <c r="ES4" s="577"/>
      <c r="ET4" s="577"/>
      <c r="EU4" s="577"/>
      <c r="EV4" s="577"/>
      <c r="EW4" s="577"/>
      <c r="EX4" s="577"/>
      <c r="EY4" s="577"/>
      <c r="EZ4" s="577"/>
      <c r="FA4" s="577"/>
      <c r="FB4" s="577"/>
      <c r="FC4" s="577"/>
      <c r="FD4" s="577"/>
      <c r="FE4" s="577"/>
      <c r="FF4" s="577"/>
      <c r="FG4" s="577"/>
      <c r="FH4" s="577"/>
      <c r="FI4" s="577"/>
      <c r="FJ4" s="577"/>
      <c r="FK4" s="577"/>
      <c r="FL4" s="577"/>
      <c r="FM4" s="577"/>
      <c r="FN4" s="577"/>
      <c r="FO4" s="577"/>
      <c r="FP4" s="577"/>
      <c r="FQ4" s="577"/>
      <c r="FR4" s="577"/>
      <c r="FS4" s="577"/>
      <c r="FT4" s="577"/>
      <c r="FU4" s="577"/>
      <c r="FV4" s="577"/>
      <c r="FW4" s="577"/>
      <c r="FX4" s="577"/>
      <c r="FY4" s="577"/>
      <c r="FZ4" s="577"/>
      <c r="GA4" s="577"/>
      <c r="GB4" s="577"/>
      <c r="GC4" s="577"/>
      <c r="GD4" s="577"/>
      <c r="GE4" s="577"/>
      <c r="GF4" s="577"/>
      <c r="GG4" s="577"/>
      <c r="GH4" s="577"/>
      <c r="GI4" s="577"/>
      <c r="GJ4" s="577"/>
      <c r="GK4" s="577"/>
      <c r="GL4" s="577"/>
      <c r="GM4" s="577"/>
      <c r="GN4" s="577"/>
      <c r="GO4" s="577"/>
      <c r="GP4" s="577"/>
      <c r="GQ4" s="577"/>
      <c r="GR4" s="577"/>
      <c r="GS4" s="577"/>
      <c r="GT4" s="577"/>
      <c r="GU4" s="577"/>
      <c r="GV4" s="577"/>
      <c r="GW4" s="577"/>
      <c r="GX4" s="577"/>
      <c r="GY4" s="577"/>
      <c r="GZ4" s="577"/>
      <c r="HA4" s="577"/>
      <c r="HB4" s="577"/>
      <c r="HC4" s="577"/>
      <c r="HD4" s="577"/>
      <c r="HE4" s="577"/>
      <c r="HF4" s="577"/>
      <c r="HG4" s="577"/>
      <c r="HH4" s="577"/>
      <c r="HI4" s="577"/>
      <c r="HJ4" s="577"/>
      <c r="HK4" s="577"/>
      <c r="HL4" s="577"/>
      <c r="HM4" s="577"/>
      <c r="HN4" s="577"/>
      <c r="HO4" s="577"/>
      <c r="HP4" s="577"/>
      <c r="HQ4" s="577"/>
      <c r="HR4" s="577"/>
      <c r="HS4" s="577"/>
      <c r="HT4" s="577"/>
      <c r="HU4" s="577"/>
      <c r="HV4" s="577"/>
      <c r="HW4" s="577"/>
      <c r="HX4" s="577"/>
      <c r="HY4" s="578"/>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629"/>
      <c r="C5" s="632"/>
      <c r="D5" s="632"/>
      <c r="E5" s="632"/>
      <c r="F5" s="632"/>
      <c r="G5" s="632"/>
      <c r="H5" s="632"/>
      <c r="I5" s="632"/>
      <c r="J5" s="632"/>
      <c r="K5" s="632"/>
      <c r="L5" s="632"/>
      <c r="M5" s="632"/>
      <c r="N5" s="634" t="s">
        <v>64</v>
      </c>
      <c r="O5" s="635"/>
      <c r="P5" s="635"/>
      <c r="Q5" s="635"/>
      <c r="R5" s="635"/>
      <c r="S5" s="635"/>
      <c r="T5" s="635"/>
      <c r="U5" s="635"/>
      <c r="V5" s="635"/>
      <c r="W5" s="635"/>
      <c r="X5" s="635"/>
      <c r="Y5" s="635"/>
      <c r="Z5" s="635"/>
      <c r="AA5" s="635"/>
      <c r="AB5" s="635"/>
      <c r="AC5" s="635"/>
      <c r="AD5" s="635"/>
      <c r="AE5" s="635"/>
      <c r="AF5" s="635"/>
      <c r="AG5" s="635"/>
      <c r="AH5" s="635"/>
      <c r="AI5" s="635"/>
      <c r="AJ5" s="635"/>
      <c r="AK5" s="635"/>
      <c r="AL5" s="635"/>
      <c r="AM5" s="635"/>
      <c r="AN5" s="635"/>
      <c r="AO5" s="635"/>
      <c r="AP5" s="635"/>
      <c r="AQ5" s="635"/>
      <c r="AR5" s="635"/>
      <c r="AS5" s="635"/>
      <c r="AT5" s="635"/>
      <c r="AU5" s="635"/>
      <c r="AV5" s="635"/>
      <c r="AW5" s="635"/>
      <c r="AX5" s="635"/>
      <c r="AY5" s="635"/>
      <c r="AZ5" s="635"/>
      <c r="BA5" s="635"/>
      <c r="BB5" s="635"/>
      <c r="BC5" s="635"/>
      <c r="BD5" s="635"/>
      <c r="BE5" s="635"/>
      <c r="BF5" s="635"/>
      <c r="BG5" s="635"/>
      <c r="BH5" s="635"/>
      <c r="BI5" s="635"/>
      <c r="BJ5" s="635"/>
      <c r="BK5" s="635"/>
      <c r="BL5" s="635"/>
      <c r="BM5" s="635"/>
      <c r="BN5" s="635"/>
      <c r="BO5" s="635"/>
      <c r="BP5" s="635"/>
      <c r="BQ5" s="635"/>
      <c r="BR5" s="635"/>
      <c r="BS5" s="635"/>
      <c r="BT5" s="635"/>
      <c r="BU5" s="635"/>
      <c r="BV5" s="635"/>
      <c r="BW5" s="635"/>
      <c r="BX5" s="635"/>
      <c r="BY5" s="635"/>
      <c r="BZ5" s="635"/>
      <c r="CA5" s="636"/>
      <c r="CB5" s="634" t="s">
        <v>65</v>
      </c>
      <c r="CC5" s="635"/>
      <c r="CD5" s="635"/>
      <c r="CE5" s="635"/>
      <c r="CF5" s="635"/>
      <c r="CG5" s="635"/>
      <c r="CH5" s="635"/>
      <c r="CI5" s="635"/>
      <c r="CJ5" s="635"/>
      <c r="CK5" s="635"/>
      <c r="CL5" s="635"/>
      <c r="CM5" s="635"/>
      <c r="CN5" s="635"/>
      <c r="CO5" s="635"/>
      <c r="CP5" s="635"/>
      <c r="CQ5" s="635"/>
      <c r="CR5" s="635"/>
      <c r="CS5" s="635"/>
      <c r="CT5" s="635"/>
      <c r="CU5" s="635"/>
      <c r="CV5" s="635"/>
      <c r="CW5" s="635"/>
      <c r="CX5" s="635"/>
      <c r="CY5" s="635"/>
      <c r="CZ5" s="635"/>
      <c r="DA5" s="635"/>
      <c r="DB5" s="635"/>
      <c r="DC5" s="635"/>
      <c r="DD5" s="635"/>
      <c r="DE5" s="635"/>
      <c r="DF5" s="635"/>
      <c r="DG5" s="635"/>
      <c r="DH5" s="636"/>
      <c r="DI5" s="610" t="s">
        <v>66</v>
      </c>
      <c r="DJ5" s="611"/>
      <c r="DK5" s="611"/>
      <c r="DL5" s="611"/>
      <c r="DM5" s="611"/>
      <c r="DN5" s="611"/>
      <c r="DO5" s="611"/>
      <c r="DP5" s="611"/>
      <c r="DQ5" s="611"/>
      <c r="DR5" s="611"/>
      <c r="DS5" s="611"/>
      <c r="DT5" s="611"/>
      <c r="DU5" s="611"/>
      <c r="DV5" s="611"/>
      <c r="DW5" s="611"/>
      <c r="DX5" s="611"/>
      <c r="DY5" s="611"/>
      <c r="DZ5" s="611"/>
      <c r="EA5" s="611"/>
      <c r="EB5" s="611"/>
      <c r="EC5" s="611"/>
      <c r="ED5" s="611"/>
      <c r="EE5" s="611"/>
      <c r="EF5" s="611"/>
      <c r="EG5" s="611"/>
      <c r="EH5" s="611"/>
      <c r="EI5" s="611"/>
      <c r="EJ5" s="611"/>
      <c r="EK5" s="611"/>
      <c r="EL5" s="611"/>
      <c r="EM5" s="611"/>
      <c r="EN5" s="611"/>
      <c r="EO5" s="611"/>
      <c r="EP5" s="611"/>
      <c r="EQ5" s="611"/>
      <c r="ER5" s="611"/>
      <c r="ES5" s="611"/>
      <c r="ET5" s="611"/>
      <c r="EU5" s="611"/>
      <c r="EV5" s="611"/>
      <c r="EW5" s="611"/>
      <c r="EX5" s="611"/>
      <c r="EY5" s="611"/>
      <c r="EZ5" s="611"/>
      <c r="FA5" s="611"/>
      <c r="FB5" s="611"/>
      <c r="FC5" s="611"/>
      <c r="FD5" s="611"/>
      <c r="FE5" s="611"/>
      <c r="FF5" s="611"/>
      <c r="FG5" s="611"/>
      <c r="FH5" s="611"/>
      <c r="FI5" s="611"/>
      <c r="FJ5" s="611"/>
      <c r="FK5" s="612"/>
      <c r="FL5" s="634" t="s">
        <v>67</v>
      </c>
      <c r="FM5" s="635"/>
      <c r="FN5" s="635"/>
      <c r="FO5" s="635"/>
      <c r="FP5" s="635"/>
      <c r="FQ5" s="635"/>
      <c r="FR5" s="635"/>
      <c r="FS5" s="635"/>
      <c r="FT5" s="635"/>
      <c r="FU5" s="635"/>
      <c r="FV5" s="635"/>
      <c r="FW5" s="635"/>
      <c r="FX5" s="635"/>
      <c r="FY5" s="635"/>
      <c r="FZ5" s="635"/>
      <c r="GA5" s="635"/>
      <c r="GB5" s="635"/>
      <c r="GC5" s="635"/>
      <c r="GD5" s="635"/>
      <c r="GE5" s="635"/>
      <c r="GF5" s="635"/>
      <c r="GG5" s="635"/>
      <c r="GH5" s="635"/>
      <c r="GI5" s="635"/>
      <c r="GJ5" s="635"/>
      <c r="GK5" s="635"/>
      <c r="GL5" s="635"/>
      <c r="GM5" s="635"/>
      <c r="GN5" s="635"/>
      <c r="GO5" s="635"/>
      <c r="GP5" s="635"/>
      <c r="GQ5" s="635"/>
      <c r="GR5" s="635"/>
      <c r="GS5" s="635"/>
      <c r="GT5" s="635"/>
      <c r="GU5" s="635"/>
      <c r="GV5" s="635"/>
      <c r="GW5" s="635"/>
      <c r="GX5" s="635"/>
      <c r="GY5" s="635"/>
      <c r="GZ5" s="635"/>
      <c r="HA5" s="635"/>
      <c r="HB5" s="635"/>
      <c r="HC5" s="636"/>
      <c r="HD5" s="620" t="s">
        <v>68</v>
      </c>
      <c r="HE5" s="621"/>
      <c r="HF5" s="621"/>
      <c r="HG5" s="621"/>
      <c r="HH5" s="621"/>
      <c r="HI5" s="621"/>
      <c r="HJ5" s="621"/>
      <c r="HK5" s="621"/>
      <c r="HL5" s="621"/>
      <c r="HM5" s="621"/>
      <c r="HN5" s="622"/>
      <c r="HO5" s="620" t="s">
        <v>69</v>
      </c>
      <c r="HP5" s="621"/>
      <c r="HQ5" s="621"/>
      <c r="HR5" s="621"/>
      <c r="HS5" s="621"/>
      <c r="HT5" s="621"/>
      <c r="HU5" s="621"/>
      <c r="HV5" s="621"/>
      <c r="HW5" s="621"/>
      <c r="HX5" s="621"/>
      <c r="HY5" s="6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629"/>
      <c r="C6" s="633"/>
      <c r="D6" s="633"/>
      <c r="E6" s="633"/>
      <c r="F6" s="633"/>
      <c r="G6" s="633"/>
      <c r="H6" s="633"/>
      <c r="I6" s="633"/>
      <c r="J6" s="633"/>
      <c r="K6" s="633"/>
      <c r="L6" s="633"/>
      <c r="M6" s="633"/>
      <c r="N6" s="600"/>
      <c r="O6" s="593"/>
      <c r="P6" s="593"/>
      <c r="Q6" s="593"/>
      <c r="R6" s="593"/>
      <c r="S6" s="593"/>
      <c r="T6" s="593"/>
      <c r="U6" s="593"/>
      <c r="V6" s="593"/>
      <c r="W6" s="593"/>
      <c r="X6" s="601"/>
      <c r="Y6" s="602" t="s">
        <v>70</v>
      </c>
      <c r="Z6" s="603"/>
      <c r="AA6" s="603"/>
      <c r="AB6" s="603"/>
      <c r="AC6" s="603"/>
      <c r="AD6" s="603"/>
      <c r="AE6" s="603"/>
      <c r="AF6" s="603"/>
      <c r="AG6" s="603"/>
      <c r="AH6" s="603"/>
      <c r="AI6" s="604"/>
      <c r="AJ6" s="620" t="s">
        <v>71</v>
      </c>
      <c r="AK6" s="621"/>
      <c r="AL6" s="621"/>
      <c r="AM6" s="621"/>
      <c r="AN6" s="621"/>
      <c r="AO6" s="621"/>
      <c r="AP6" s="621"/>
      <c r="AQ6" s="621"/>
      <c r="AR6" s="621"/>
      <c r="AS6" s="621"/>
      <c r="AT6" s="622"/>
      <c r="AU6" s="616" t="s">
        <v>72</v>
      </c>
      <c r="AV6" s="617"/>
      <c r="AW6" s="617"/>
      <c r="AX6" s="617"/>
      <c r="AY6" s="617"/>
      <c r="AZ6" s="617"/>
      <c r="BA6" s="617"/>
      <c r="BB6" s="617"/>
      <c r="BC6" s="617"/>
      <c r="BD6" s="617"/>
      <c r="BE6" s="618"/>
      <c r="BF6" s="616" t="s">
        <v>73</v>
      </c>
      <c r="BG6" s="617"/>
      <c r="BH6" s="617"/>
      <c r="BI6" s="617"/>
      <c r="BJ6" s="617"/>
      <c r="BK6" s="617"/>
      <c r="BL6" s="617"/>
      <c r="BM6" s="617"/>
      <c r="BN6" s="617"/>
      <c r="BO6" s="617"/>
      <c r="BP6" s="618"/>
      <c r="BQ6" s="616" t="s">
        <v>74</v>
      </c>
      <c r="BR6" s="617"/>
      <c r="BS6" s="617"/>
      <c r="BT6" s="617"/>
      <c r="BU6" s="617"/>
      <c r="BV6" s="617"/>
      <c r="BW6" s="617"/>
      <c r="BX6" s="617"/>
      <c r="BY6" s="617"/>
      <c r="BZ6" s="617"/>
      <c r="CA6" s="618"/>
      <c r="CB6" s="613"/>
      <c r="CC6" s="614"/>
      <c r="CD6" s="614"/>
      <c r="CE6" s="614"/>
      <c r="CF6" s="614"/>
      <c r="CG6" s="614"/>
      <c r="CH6" s="614"/>
      <c r="CI6" s="614"/>
      <c r="CJ6" s="614"/>
      <c r="CK6" s="614"/>
      <c r="CL6" s="615"/>
      <c r="CM6" s="616" t="s">
        <v>75</v>
      </c>
      <c r="CN6" s="617"/>
      <c r="CO6" s="617"/>
      <c r="CP6" s="617"/>
      <c r="CQ6" s="617"/>
      <c r="CR6" s="617"/>
      <c r="CS6" s="617"/>
      <c r="CT6" s="617"/>
      <c r="CU6" s="617"/>
      <c r="CV6" s="617"/>
      <c r="CW6" s="618"/>
      <c r="CX6" s="616" t="s">
        <v>76</v>
      </c>
      <c r="CY6" s="617"/>
      <c r="CZ6" s="617"/>
      <c r="DA6" s="617"/>
      <c r="DB6" s="617"/>
      <c r="DC6" s="617"/>
      <c r="DD6" s="617"/>
      <c r="DE6" s="617"/>
      <c r="DF6" s="617"/>
      <c r="DG6" s="617"/>
      <c r="DH6" s="618"/>
      <c r="DI6" s="613"/>
      <c r="DJ6" s="614"/>
      <c r="DK6" s="614"/>
      <c r="DL6" s="614"/>
      <c r="DM6" s="614"/>
      <c r="DN6" s="614"/>
      <c r="DO6" s="614"/>
      <c r="DP6" s="614"/>
      <c r="DQ6" s="614"/>
      <c r="DR6" s="614"/>
      <c r="DS6" s="614"/>
      <c r="DT6" s="616" t="s">
        <v>77</v>
      </c>
      <c r="DU6" s="617"/>
      <c r="DV6" s="617"/>
      <c r="DW6" s="617"/>
      <c r="DX6" s="617"/>
      <c r="DY6" s="617"/>
      <c r="DZ6" s="617"/>
      <c r="EA6" s="617"/>
      <c r="EB6" s="617"/>
      <c r="EC6" s="617"/>
      <c r="ED6" s="618"/>
      <c r="EE6" s="616" t="s">
        <v>78</v>
      </c>
      <c r="EF6" s="617"/>
      <c r="EG6" s="617"/>
      <c r="EH6" s="617"/>
      <c r="EI6" s="617"/>
      <c r="EJ6" s="617"/>
      <c r="EK6" s="617"/>
      <c r="EL6" s="617"/>
      <c r="EM6" s="617"/>
      <c r="EN6" s="617"/>
      <c r="EO6" s="618"/>
      <c r="EP6" s="616" t="s">
        <v>79</v>
      </c>
      <c r="EQ6" s="617"/>
      <c r="ER6" s="617"/>
      <c r="ES6" s="617"/>
      <c r="ET6" s="617"/>
      <c r="EU6" s="617"/>
      <c r="EV6" s="617"/>
      <c r="EW6" s="617"/>
      <c r="EX6" s="617"/>
      <c r="EY6" s="617"/>
      <c r="EZ6" s="618"/>
      <c r="FA6" s="619" t="s">
        <v>152</v>
      </c>
      <c r="FB6" s="617"/>
      <c r="FC6" s="617"/>
      <c r="FD6" s="617"/>
      <c r="FE6" s="617"/>
      <c r="FF6" s="617"/>
      <c r="FG6" s="617"/>
      <c r="FH6" s="617"/>
      <c r="FI6" s="617"/>
      <c r="FJ6" s="617"/>
      <c r="FK6" s="618"/>
      <c r="FL6" s="613"/>
      <c r="FM6" s="614"/>
      <c r="FN6" s="614"/>
      <c r="FO6" s="614"/>
      <c r="FP6" s="614"/>
      <c r="FQ6" s="614"/>
      <c r="FR6" s="614"/>
      <c r="FS6" s="614"/>
      <c r="FT6" s="614"/>
      <c r="FU6" s="614"/>
      <c r="FV6" s="614"/>
      <c r="FW6" s="616" t="s">
        <v>80</v>
      </c>
      <c r="FX6" s="617"/>
      <c r="FY6" s="617"/>
      <c r="FZ6" s="617"/>
      <c r="GA6" s="617"/>
      <c r="GB6" s="617"/>
      <c r="GC6" s="617"/>
      <c r="GD6" s="617"/>
      <c r="GE6" s="617"/>
      <c r="GF6" s="617"/>
      <c r="GG6" s="618"/>
      <c r="GH6" s="602" t="s">
        <v>81</v>
      </c>
      <c r="GI6" s="603"/>
      <c r="GJ6" s="603"/>
      <c r="GK6" s="603"/>
      <c r="GL6" s="603"/>
      <c r="GM6" s="603"/>
      <c r="GN6" s="603"/>
      <c r="GO6" s="603"/>
      <c r="GP6" s="603"/>
      <c r="GQ6" s="603"/>
      <c r="GR6" s="604"/>
      <c r="GS6" s="602" t="s">
        <v>82</v>
      </c>
      <c r="GT6" s="603"/>
      <c r="GU6" s="603"/>
      <c r="GV6" s="603"/>
      <c r="GW6" s="603"/>
      <c r="GX6" s="603"/>
      <c r="GY6" s="603"/>
      <c r="GZ6" s="603"/>
      <c r="HA6" s="603"/>
      <c r="HB6" s="603"/>
      <c r="HC6" s="604"/>
      <c r="HD6" s="637"/>
      <c r="HE6" s="638"/>
      <c r="HF6" s="638"/>
      <c r="HG6" s="638"/>
      <c r="HH6" s="638"/>
      <c r="HI6" s="638"/>
      <c r="HJ6" s="638"/>
      <c r="HK6" s="638"/>
      <c r="HL6" s="638"/>
      <c r="HM6" s="638"/>
      <c r="HN6" s="639"/>
      <c r="HO6" s="637"/>
      <c r="HP6" s="638"/>
      <c r="HQ6" s="638"/>
      <c r="HR6" s="638"/>
      <c r="HS6" s="638"/>
      <c r="HT6" s="638"/>
      <c r="HU6" s="638"/>
      <c r="HV6" s="638"/>
      <c r="HW6" s="638"/>
      <c r="HX6" s="638"/>
      <c r="HY6" s="639"/>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629"/>
      <c r="C7" s="585" t="s">
        <v>61</v>
      </c>
      <c r="D7" s="585"/>
      <c r="E7" s="585"/>
      <c r="F7" s="584" t="s">
        <v>62</v>
      </c>
      <c r="G7" s="585"/>
      <c r="H7" s="585"/>
      <c r="I7" s="585"/>
      <c r="J7" s="585"/>
      <c r="K7" s="585"/>
      <c r="L7" s="585"/>
      <c r="M7" s="584" t="s">
        <v>52</v>
      </c>
      <c r="N7" s="641" t="s">
        <v>61</v>
      </c>
      <c r="O7" s="585"/>
      <c r="P7" s="585"/>
      <c r="Q7" s="584" t="s">
        <v>62</v>
      </c>
      <c r="R7" s="585"/>
      <c r="S7" s="585"/>
      <c r="T7" s="585"/>
      <c r="U7" s="585"/>
      <c r="V7" s="585"/>
      <c r="W7" s="586"/>
      <c r="X7" s="626" t="s">
        <v>52</v>
      </c>
      <c r="Y7" s="600" t="s">
        <v>61</v>
      </c>
      <c r="Z7" s="593"/>
      <c r="AA7" s="594"/>
      <c r="AB7" s="592" t="s">
        <v>62</v>
      </c>
      <c r="AC7" s="593"/>
      <c r="AD7" s="593"/>
      <c r="AE7" s="593"/>
      <c r="AF7" s="593"/>
      <c r="AG7" s="593"/>
      <c r="AH7" s="594"/>
      <c r="AI7" s="601" t="s">
        <v>52</v>
      </c>
      <c r="AJ7" s="581" t="s">
        <v>61</v>
      </c>
      <c r="AK7" s="582"/>
      <c r="AL7" s="583"/>
      <c r="AM7" s="642" t="s">
        <v>62</v>
      </c>
      <c r="AN7" s="582"/>
      <c r="AO7" s="582"/>
      <c r="AP7" s="582"/>
      <c r="AQ7" s="582"/>
      <c r="AR7" s="582"/>
      <c r="AS7" s="643"/>
      <c r="AT7" s="644" t="s">
        <v>52</v>
      </c>
      <c r="AU7" s="589" t="s">
        <v>61</v>
      </c>
      <c r="AV7" s="590"/>
      <c r="AW7" s="591"/>
      <c r="AX7" s="624" t="s">
        <v>62</v>
      </c>
      <c r="AY7" s="590"/>
      <c r="AZ7" s="590"/>
      <c r="BA7" s="590"/>
      <c r="BB7" s="590"/>
      <c r="BC7" s="590"/>
      <c r="BD7" s="625"/>
      <c r="BE7" s="601" t="s">
        <v>52</v>
      </c>
      <c r="BF7" s="589" t="s">
        <v>61</v>
      </c>
      <c r="BG7" s="590"/>
      <c r="BH7" s="591"/>
      <c r="BI7" s="624" t="s">
        <v>62</v>
      </c>
      <c r="BJ7" s="590"/>
      <c r="BK7" s="590"/>
      <c r="BL7" s="590"/>
      <c r="BM7" s="590"/>
      <c r="BN7" s="590"/>
      <c r="BO7" s="625"/>
      <c r="BP7" s="601" t="s">
        <v>52</v>
      </c>
      <c r="BQ7" s="589" t="s">
        <v>61</v>
      </c>
      <c r="BR7" s="590"/>
      <c r="BS7" s="591"/>
      <c r="BT7" s="624" t="s">
        <v>62</v>
      </c>
      <c r="BU7" s="590"/>
      <c r="BV7" s="590"/>
      <c r="BW7" s="590"/>
      <c r="BX7" s="590"/>
      <c r="BY7" s="590"/>
      <c r="BZ7" s="625"/>
      <c r="CA7" s="601" t="s">
        <v>52</v>
      </c>
      <c r="CB7" s="581" t="s">
        <v>61</v>
      </c>
      <c r="CC7" s="582"/>
      <c r="CD7" s="583"/>
      <c r="CE7" s="642" t="s">
        <v>62</v>
      </c>
      <c r="CF7" s="582"/>
      <c r="CG7" s="582"/>
      <c r="CH7" s="582"/>
      <c r="CI7" s="582"/>
      <c r="CJ7" s="582"/>
      <c r="CK7" s="643"/>
      <c r="CL7" s="626" t="s">
        <v>52</v>
      </c>
      <c r="CM7" s="589" t="s">
        <v>61</v>
      </c>
      <c r="CN7" s="590"/>
      <c r="CO7" s="625"/>
      <c r="CP7" s="624" t="s">
        <v>62</v>
      </c>
      <c r="CQ7" s="590"/>
      <c r="CR7" s="590"/>
      <c r="CS7" s="590"/>
      <c r="CT7" s="590"/>
      <c r="CU7" s="590"/>
      <c r="CV7" s="625"/>
      <c r="CW7" s="648" t="s">
        <v>52</v>
      </c>
      <c r="CX7" s="589" t="s">
        <v>61</v>
      </c>
      <c r="CY7" s="590"/>
      <c r="CZ7" s="625"/>
      <c r="DA7" s="624" t="s">
        <v>62</v>
      </c>
      <c r="DB7" s="590"/>
      <c r="DC7" s="590"/>
      <c r="DD7" s="590"/>
      <c r="DE7" s="590"/>
      <c r="DF7" s="590"/>
      <c r="DG7" s="625"/>
      <c r="DH7" s="648" t="s">
        <v>52</v>
      </c>
      <c r="DI7" s="581" t="s">
        <v>61</v>
      </c>
      <c r="DJ7" s="582"/>
      <c r="DK7" s="643"/>
      <c r="DL7" s="642" t="s">
        <v>62</v>
      </c>
      <c r="DM7" s="582"/>
      <c r="DN7" s="582"/>
      <c r="DO7" s="582"/>
      <c r="DP7" s="582"/>
      <c r="DQ7" s="582"/>
      <c r="DR7" s="643"/>
      <c r="DS7" s="626" t="s">
        <v>52</v>
      </c>
      <c r="DT7" s="589" t="s">
        <v>61</v>
      </c>
      <c r="DU7" s="590"/>
      <c r="DV7" s="591"/>
      <c r="DW7" s="624" t="s">
        <v>62</v>
      </c>
      <c r="DX7" s="590"/>
      <c r="DY7" s="590"/>
      <c r="DZ7" s="590"/>
      <c r="EA7" s="590"/>
      <c r="EB7" s="590"/>
      <c r="EC7" s="625"/>
      <c r="ED7" s="601" t="s">
        <v>52</v>
      </c>
      <c r="EE7" s="589" t="s">
        <v>61</v>
      </c>
      <c r="EF7" s="590"/>
      <c r="EG7" s="591"/>
      <c r="EH7" s="624" t="s">
        <v>62</v>
      </c>
      <c r="EI7" s="590"/>
      <c r="EJ7" s="590"/>
      <c r="EK7" s="590"/>
      <c r="EL7" s="590"/>
      <c r="EM7" s="590"/>
      <c r="EN7" s="625"/>
      <c r="EO7" s="601" t="s">
        <v>52</v>
      </c>
      <c r="EP7" s="589" t="s">
        <v>61</v>
      </c>
      <c r="EQ7" s="590"/>
      <c r="ER7" s="591"/>
      <c r="ES7" s="624" t="s">
        <v>62</v>
      </c>
      <c r="ET7" s="590"/>
      <c r="EU7" s="590"/>
      <c r="EV7" s="590"/>
      <c r="EW7" s="590"/>
      <c r="EX7" s="590"/>
      <c r="EY7" s="625"/>
      <c r="EZ7" s="601" t="s">
        <v>52</v>
      </c>
      <c r="FA7" s="589" t="s">
        <v>61</v>
      </c>
      <c r="FB7" s="590"/>
      <c r="FC7" s="591"/>
      <c r="FD7" s="624" t="s">
        <v>62</v>
      </c>
      <c r="FE7" s="590"/>
      <c r="FF7" s="590"/>
      <c r="FG7" s="590"/>
      <c r="FH7" s="590"/>
      <c r="FI7" s="590"/>
      <c r="FJ7" s="625"/>
      <c r="FK7" s="601" t="s">
        <v>52</v>
      </c>
      <c r="FL7" s="581" t="s">
        <v>61</v>
      </c>
      <c r="FM7" s="582"/>
      <c r="FN7" s="583"/>
      <c r="FO7" s="642" t="s">
        <v>62</v>
      </c>
      <c r="FP7" s="582"/>
      <c r="FQ7" s="582"/>
      <c r="FR7" s="582"/>
      <c r="FS7" s="582"/>
      <c r="FT7" s="582"/>
      <c r="FU7" s="643"/>
      <c r="FV7" s="585" t="s">
        <v>52</v>
      </c>
      <c r="FW7" s="589" t="s">
        <v>61</v>
      </c>
      <c r="FX7" s="590"/>
      <c r="FY7" s="591"/>
      <c r="FZ7" s="624" t="s">
        <v>62</v>
      </c>
      <c r="GA7" s="590"/>
      <c r="GB7" s="590"/>
      <c r="GC7" s="590"/>
      <c r="GD7" s="590"/>
      <c r="GE7" s="590"/>
      <c r="GF7" s="625"/>
      <c r="GG7" s="601" t="s">
        <v>52</v>
      </c>
      <c r="GH7" s="600" t="s">
        <v>61</v>
      </c>
      <c r="GI7" s="593"/>
      <c r="GJ7" s="593"/>
      <c r="GK7" s="592" t="s">
        <v>62</v>
      </c>
      <c r="GL7" s="593"/>
      <c r="GM7" s="593"/>
      <c r="GN7" s="593"/>
      <c r="GO7" s="593"/>
      <c r="GP7" s="593"/>
      <c r="GQ7" s="594"/>
      <c r="GR7" s="645" t="s">
        <v>52</v>
      </c>
      <c r="GS7" s="600" t="s">
        <v>61</v>
      </c>
      <c r="GT7" s="593"/>
      <c r="GU7" s="594"/>
      <c r="GV7" s="592" t="s">
        <v>62</v>
      </c>
      <c r="GW7" s="593"/>
      <c r="GX7" s="593"/>
      <c r="GY7" s="593"/>
      <c r="GZ7" s="593"/>
      <c r="HA7" s="593"/>
      <c r="HB7" s="594"/>
      <c r="HC7" s="645" t="s">
        <v>52</v>
      </c>
      <c r="HD7" s="589" t="s">
        <v>61</v>
      </c>
      <c r="HE7" s="590"/>
      <c r="HF7" s="591"/>
      <c r="HG7" s="624" t="s">
        <v>62</v>
      </c>
      <c r="HH7" s="590"/>
      <c r="HI7" s="590"/>
      <c r="HJ7" s="590"/>
      <c r="HK7" s="590"/>
      <c r="HL7" s="590"/>
      <c r="HM7" s="625"/>
      <c r="HN7" s="601" t="s">
        <v>52</v>
      </c>
      <c r="HO7" s="589" t="s">
        <v>61</v>
      </c>
      <c r="HP7" s="590"/>
      <c r="HQ7" s="591"/>
      <c r="HR7" s="624" t="s">
        <v>62</v>
      </c>
      <c r="HS7" s="590"/>
      <c r="HT7" s="590"/>
      <c r="HU7" s="590"/>
      <c r="HV7" s="590"/>
      <c r="HW7" s="590"/>
      <c r="HX7" s="625"/>
      <c r="HY7" s="601"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630"/>
      <c r="C8" s="65" t="s">
        <v>43</v>
      </c>
      <c r="D8" s="16" t="s">
        <v>44</v>
      </c>
      <c r="E8" s="41" t="s">
        <v>45</v>
      </c>
      <c r="F8" s="42" t="s">
        <v>83</v>
      </c>
      <c r="G8" s="16" t="s">
        <v>47</v>
      </c>
      <c r="H8" s="16" t="s">
        <v>48</v>
      </c>
      <c r="I8" s="16" t="s">
        <v>49</v>
      </c>
      <c r="J8" s="16" t="s">
        <v>50</v>
      </c>
      <c r="K8" s="16" t="s">
        <v>51</v>
      </c>
      <c r="L8" s="17" t="s">
        <v>45</v>
      </c>
      <c r="M8" s="640"/>
      <c r="N8" s="40" t="s">
        <v>43</v>
      </c>
      <c r="O8" s="16" t="s">
        <v>44</v>
      </c>
      <c r="P8" s="17" t="s">
        <v>45</v>
      </c>
      <c r="Q8" s="42" t="s">
        <v>83</v>
      </c>
      <c r="R8" s="16" t="s">
        <v>47</v>
      </c>
      <c r="S8" s="16" t="s">
        <v>48</v>
      </c>
      <c r="T8" s="16" t="s">
        <v>49</v>
      </c>
      <c r="U8" s="16" t="s">
        <v>50</v>
      </c>
      <c r="V8" s="16" t="s">
        <v>51</v>
      </c>
      <c r="W8" s="17" t="s">
        <v>45</v>
      </c>
      <c r="X8" s="627"/>
      <c r="Y8" s="40" t="s">
        <v>43</v>
      </c>
      <c r="Z8" s="16" t="s">
        <v>44</v>
      </c>
      <c r="AA8" s="17" t="s">
        <v>45</v>
      </c>
      <c r="AB8" s="42" t="s">
        <v>83</v>
      </c>
      <c r="AC8" s="16" t="s">
        <v>47</v>
      </c>
      <c r="AD8" s="16" t="s">
        <v>48</v>
      </c>
      <c r="AE8" s="16" t="s">
        <v>49</v>
      </c>
      <c r="AF8" s="16" t="s">
        <v>50</v>
      </c>
      <c r="AG8" s="16" t="s">
        <v>51</v>
      </c>
      <c r="AH8" s="17" t="s">
        <v>45</v>
      </c>
      <c r="AI8" s="609"/>
      <c r="AJ8" s="40" t="s">
        <v>43</v>
      </c>
      <c r="AK8" s="16" t="s">
        <v>44</v>
      </c>
      <c r="AL8" s="41" t="s">
        <v>45</v>
      </c>
      <c r="AM8" s="42" t="s">
        <v>83</v>
      </c>
      <c r="AN8" s="16" t="s">
        <v>47</v>
      </c>
      <c r="AO8" s="16" t="s">
        <v>48</v>
      </c>
      <c r="AP8" s="16" t="s">
        <v>49</v>
      </c>
      <c r="AQ8" s="16" t="s">
        <v>50</v>
      </c>
      <c r="AR8" s="16" t="s">
        <v>51</v>
      </c>
      <c r="AS8" s="17" t="s">
        <v>45</v>
      </c>
      <c r="AT8" s="609"/>
      <c r="AU8" s="40" t="s">
        <v>43</v>
      </c>
      <c r="AV8" s="16" t="s">
        <v>44</v>
      </c>
      <c r="AW8" s="41" t="s">
        <v>45</v>
      </c>
      <c r="AX8" s="42" t="s">
        <v>83</v>
      </c>
      <c r="AY8" s="16" t="s">
        <v>47</v>
      </c>
      <c r="AZ8" s="16" t="s">
        <v>48</v>
      </c>
      <c r="BA8" s="16" t="s">
        <v>49</v>
      </c>
      <c r="BB8" s="16" t="s">
        <v>50</v>
      </c>
      <c r="BC8" s="16" t="s">
        <v>51</v>
      </c>
      <c r="BD8" s="17" t="s">
        <v>45</v>
      </c>
      <c r="BE8" s="609"/>
      <c r="BF8" s="61" t="s">
        <v>43</v>
      </c>
      <c r="BG8" s="16" t="s">
        <v>44</v>
      </c>
      <c r="BH8" s="41" t="s">
        <v>45</v>
      </c>
      <c r="BI8" s="42" t="s">
        <v>83</v>
      </c>
      <c r="BJ8" s="16" t="s">
        <v>47</v>
      </c>
      <c r="BK8" s="16" t="s">
        <v>48</v>
      </c>
      <c r="BL8" s="16" t="s">
        <v>49</v>
      </c>
      <c r="BM8" s="16" t="s">
        <v>50</v>
      </c>
      <c r="BN8" s="16" t="s">
        <v>51</v>
      </c>
      <c r="BO8" s="17" t="s">
        <v>45</v>
      </c>
      <c r="BP8" s="609"/>
      <c r="BQ8" s="40" t="s">
        <v>43</v>
      </c>
      <c r="BR8" s="16" t="s">
        <v>44</v>
      </c>
      <c r="BS8" s="41" t="s">
        <v>45</v>
      </c>
      <c r="BT8" s="42" t="s">
        <v>83</v>
      </c>
      <c r="BU8" s="16" t="s">
        <v>47</v>
      </c>
      <c r="BV8" s="16" t="s">
        <v>48</v>
      </c>
      <c r="BW8" s="16" t="s">
        <v>49</v>
      </c>
      <c r="BX8" s="16" t="s">
        <v>50</v>
      </c>
      <c r="BY8" s="16" t="s">
        <v>51</v>
      </c>
      <c r="BZ8" s="17" t="s">
        <v>45</v>
      </c>
      <c r="CA8" s="609"/>
      <c r="CB8" s="40" t="s">
        <v>43</v>
      </c>
      <c r="CC8" s="16" t="s">
        <v>44</v>
      </c>
      <c r="CD8" s="41" t="s">
        <v>45</v>
      </c>
      <c r="CE8" s="42" t="s">
        <v>83</v>
      </c>
      <c r="CF8" s="16" t="s">
        <v>47</v>
      </c>
      <c r="CG8" s="16" t="s">
        <v>48</v>
      </c>
      <c r="CH8" s="16" t="s">
        <v>49</v>
      </c>
      <c r="CI8" s="16" t="s">
        <v>50</v>
      </c>
      <c r="CJ8" s="16" t="s">
        <v>51</v>
      </c>
      <c r="CK8" s="17" t="s">
        <v>45</v>
      </c>
      <c r="CL8" s="627"/>
      <c r="CM8" s="40" t="s">
        <v>43</v>
      </c>
      <c r="CN8" s="16" t="s">
        <v>44</v>
      </c>
      <c r="CO8" s="17" t="s">
        <v>45</v>
      </c>
      <c r="CP8" s="42" t="s">
        <v>83</v>
      </c>
      <c r="CQ8" s="16" t="s">
        <v>47</v>
      </c>
      <c r="CR8" s="16" t="s">
        <v>48</v>
      </c>
      <c r="CS8" s="16" t="s">
        <v>49</v>
      </c>
      <c r="CT8" s="16" t="s">
        <v>50</v>
      </c>
      <c r="CU8" s="16" t="s">
        <v>51</v>
      </c>
      <c r="CV8" s="17" t="s">
        <v>45</v>
      </c>
      <c r="CW8" s="627"/>
      <c r="CX8" s="40" t="s">
        <v>43</v>
      </c>
      <c r="CY8" s="16" t="s">
        <v>44</v>
      </c>
      <c r="CZ8" s="17" t="s">
        <v>45</v>
      </c>
      <c r="DA8" s="42" t="s">
        <v>83</v>
      </c>
      <c r="DB8" s="16" t="s">
        <v>47</v>
      </c>
      <c r="DC8" s="16" t="s">
        <v>48</v>
      </c>
      <c r="DD8" s="16" t="s">
        <v>49</v>
      </c>
      <c r="DE8" s="16" t="s">
        <v>50</v>
      </c>
      <c r="DF8" s="16" t="s">
        <v>51</v>
      </c>
      <c r="DG8" s="17" t="s">
        <v>45</v>
      </c>
      <c r="DH8" s="627"/>
      <c r="DI8" s="40" t="s">
        <v>43</v>
      </c>
      <c r="DJ8" s="16" t="s">
        <v>44</v>
      </c>
      <c r="DK8" s="17" t="s">
        <v>45</v>
      </c>
      <c r="DL8" s="42" t="s">
        <v>83</v>
      </c>
      <c r="DM8" s="16" t="s">
        <v>47</v>
      </c>
      <c r="DN8" s="16" t="s">
        <v>48</v>
      </c>
      <c r="DO8" s="16" t="s">
        <v>49</v>
      </c>
      <c r="DP8" s="16" t="s">
        <v>50</v>
      </c>
      <c r="DQ8" s="16" t="s">
        <v>51</v>
      </c>
      <c r="DR8" s="17" t="s">
        <v>45</v>
      </c>
      <c r="DS8" s="627"/>
      <c r="DT8" s="40" t="s">
        <v>43</v>
      </c>
      <c r="DU8" s="16" t="s">
        <v>44</v>
      </c>
      <c r="DV8" s="41" t="s">
        <v>45</v>
      </c>
      <c r="DW8" s="42" t="s">
        <v>83</v>
      </c>
      <c r="DX8" s="16" t="s">
        <v>47</v>
      </c>
      <c r="DY8" s="16" t="s">
        <v>48</v>
      </c>
      <c r="DZ8" s="16" t="s">
        <v>49</v>
      </c>
      <c r="EA8" s="16" t="s">
        <v>50</v>
      </c>
      <c r="EB8" s="16" t="s">
        <v>51</v>
      </c>
      <c r="EC8" s="17" t="s">
        <v>45</v>
      </c>
      <c r="ED8" s="609"/>
      <c r="EE8" s="40" t="s">
        <v>43</v>
      </c>
      <c r="EF8" s="16" t="s">
        <v>44</v>
      </c>
      <c r="EG8" s="41" t="s">
        <v>45</v>
      </c>
      <c r="EH8" s="42" t="s">
        <v>83</v>
      </c>
      <c r="EI8" s="16" t="s">
        <v>47</v>
      </c>
      <c r="EJ8" s="16" t="s">
        <v>48</v>
      </c>
      <c r="EK8" s="16" t="s">
        <v>49</v>
      </c>
      <c r="EL8" s="16" t="s">
        <v>50</v>
      </c>
      <c r="EM8" s="16" t="s">
        <v>51</v>
      </c>
      <c r="EN8" s="17" t="s">
        <v>45</v>
      </c>
      <c r="EO8" s="609"/>
      <c r="EP8" s="40" t="s">
        <v>43</v>
      </c>
      <c r="EQ8" s="16" t="s">
        <v>44</v>
      </c>
      <c r="ER8" s="41" t="s">
        <v>45</v>
      </c>
      <c r="ES8" s="42" t="s">
        <v>83</v>
      </c>
      <c r="ET8" s="16" t="s">
        <v>47</v>
      </c>
      <c r="EU8" s="16" t="s">
        <v>48</v>
      </c>
      <c r="EV8" s="16" t="s">
        <v>49</v>
      </c>
      <c r="EW8" s="16" t="s">
        <v>50</v>
      </c>
      <c r="EX8" s="16" t="s">
        <v>51</v>
      </c>
      <c r="EY8" s="17" t="s">
        <v>45</v>
      </c>
      <c r="EZ8" s="609"/>
      <c r="FA8" s="40" t="s">
        <v>43</v>
      </c>
      <c r="FB8" s="16" t="s">
        <v>44</v>
      </c>
      <c r="FC8" s="41" t="s">
        <v>45</v>
      </c>
      <c r="FD8" s="42" t="s">
        <v>83</v>
      </c>
      <c r="FE8" s="16" t="s">
        <v>47</v>
      </c>
      <c r="FF8" s="16" t="s">
        <v>48</v>
      </c>
      <c r="FG8" s="16" t="s">
        <v>49</v>
      </c>
      <c r="FH8" s="16" t="s">
        <v>50</v>
      </c>
      <c r="FI8" s="16" t="s">
        <v>51</v>
      </c>
      <c r="FJ8" s="17" t="s">
        <v>45</v>
      </c>
      <c r="FK8" s="609"/>
      <c r="FL8" s="40" t="s">
        <v>43</v>
      </c>
      <c r="FM8" s="16" t="s">
        <v>44</v>
      </c>
      <c r="FN8" s="41" t="s">
        <v>45</v>
      </c>
      <c r="FO8" s="42" t="s">
        <v>83</v>
      </c>
      <c r="FP8" s="16" t="s">
        <v>47</v>
      </c>
      <c r="FQ8" s="16" t="s">
        <v>48</v>
      </c>
      <c r="FR8" s="16" t="s">
        <v>49</v>
      </c>
      <c r="FS8" s="16" t="s">
        <v>50</v>
      </c>
      <c r="FT8" s="16" t="s">
        <v>51</v>
      </c>
      <c r="FU8" s="17" t="s">
        <v>45</v>
      </c>
      <c r="FV8" s="647"/>
      <c r="FW8" s="40" t="s">
        <v>43</v>
      </c>
      <c r="FX8" s="16" t="s">
        <v>44</v>
      </c>
      <c r="FY8" s="41" t="s">
        <v>45</v>
      </c>
      <c r="FZ8" s="42" t="s">
        <v>83</v>
      </c>
      <c r="GA8" s="16" t="s">
        <v>47</v>
      </c>
      <c r="GB8" s="16" t="s">
        <v>48</v>
      </c>
      <c r="GC8" s="16" t="s">
        <v>49</v>
      </c>
      <c r="GD8" s="16" t="s">
        <v>50</v>
      </c>
      <c r="GE8" s="16" t="s">
        <v>51</v>
      </c>
      <c r="GF8" s="17" t="s">
        <v>45</v>
      </c>
      <c r="GG8" s="609"/>
      <c r="GH8" s="40" t="s">
        <v>43</v>
      </c>
      <c r="GI8" s="16" t="s">
        <v>44</v>
      </c>
      <c r="GJ8" s="41" t="s">
        <v>45</v>
      </c>
      <c r="GK8" s="42" t="s">
        <v>83</v>
      </c>
      <c r="GL8" s="16" t="s">
        <v>47</v>
      </c>
      <c r="GM8" s="16" t="s">
        <v>48</v>
      </c>
      <c r="GN8" s="16" t="s">
        <v>49</v>
      </c>
      <c r="GO8" s="16" t="s">
        <v>50</v>
      </c>
      <c r="GP8" s="16" t="s">
        <v>51</v>
      </c>
      <c r="GQ8" s="17" t="s">
        <v>45</v>
      </c>
      <c r="GR8" s="646"/>
      <c r="GS8" s="40" t="s">
        <v>43</v>
      </c>
      <c r="GT8" s="16" t="s">
        <v>44</v>
      </c>
      <c r="GU8" s="41" t="s">
        <v>45</v>
      </c>
      <c r="GV8" s="42" t="s">
        <v>83</v>
      </c>
      <c r="GW8" s="16" t="s">
        <v>47</v>
      </c>
      <c r="GX8" s="16" t="s">
        <v>48</v>
      </c>
      <c r="GY8" s="16" t="s">
        <v>49</v>
      </c>
      <c r="GZ8" s="16" t="s">
        <v>50</v>
      </c>
      <c r="HA8" s="16" t="s">
        <v>51</v>
      </c>
      <c r="HB8" s="17" t="s">
        <v>45</v>
      </c>
      <c r="HC8" s="646"/>
      <c r="HD8" s="40" t="s">
        <v>43</v>
      </c>
      <c r="HE8" s="16" t="s">
        <v>44</v>
      </c>
      <c r="HF8" s="41" t="s">
        <v>45</v>
      </c>
      <c r="HG8" s="42" t="s">
        <v>83</v>
      </c>
      <c r="HH8" s="16" t="s">
        <v>47</v>
      </c>
      <c r="HI8" s="16" t="s">
        <v>48</v>
      </c>
      <c r="HJ8" s="16" t="s">
        <v>49</v>
      </c>
      <c r="HK8" s="16" t="s">
        <v>50</v>
      </c>
      <c r="HL8" s="16" t="s">
        <v>51</v>
      </c>
      <c r="HM8" s="17" t="s">
        <v>45</v>
      </c>
      <c r="HN8" s="609"/>
      <c r="HO8" s="40" t="s">
        <v>43</v>
      </c>
      <c r="HP8" s="16" t="s">
        <v>44</v>
      </c>
      <c r="HQ8" s="41" t="s">
        <v>45</v>
      </c>
      <c r="HR8" s="42" t="s">
        <v>83</v>
      </c>
      <c r="HS8" s="16" t="s">
        <v>47</v>
      </c>
      <c r="HT8" s="16" t="s">
        <v>48</v>
      </c>
      <c r="HU8" s="16" t="s">
        <v>49</v>
      </c>
      <c r="HV8" s="16" t="s">
        <v>50</v>
      </c>
      <c r="HW8" s="16" t="s">
        <v>51</v>
      </c>
      <c r="HX8" s="17" t="s">
        <v>45</v>
      </c>
      <c r="HY8" s="609"/>
      <c r="HZ8" s="368" t="s">
        <v>43</v>
      </c>
      <c r="IA8" s="369" t="s">
        <v>44</v>
      </c>
      <c r="IB8" s="41" t="s">
        <v>45</v>
      </c>
      <c r="IC8" s="42" t="s">
        <v>83</v>
      </c>
      <c r="ID8" s="369" t="s">
        <v>47</v>
      </c>
      <c r="IE8" s="369" t="s">
        <v>48</v>
      </c>
      <c r="IF8" s="369" t="s">
        <v>49</v>
      </c>
      <c r="IG8" s="369" t="s">
        <v>50</v>
      </c>
      <c r="IH8" s="369" t="s">
        <v>51</v>
      </c>
      <c r="II8" s="17" t="s">
        <v>45</v>
      </c>
      <c r="IJ8" s="647"/>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30" customFormat="1" ht="21" customHeight="1" x14ac:dyDescent="0.2">
      <c r="A9" s="44"/>
      <c r="B9" s="386" t="s">
        <v>4</v>
      </c>
      <c r="C9" s="387">
        <v>383118277</v>
      </c>
      <c r="D9" s="388">
        <v>781394440</v>
      </c>
      <c r="E9" s="389">
        <v>1164512717</v>
      </c>
      <c r="F9" s="390">
        <v>0</v>
      </c>
      <c r="G9" s="388">
        <v>5060465102</v>
      </c>
      <c r="H9" s="388">
        <v>6809097525</v>
      </c>
      <c r="I9" s="388">
        <v>5702840450</v>
      </c>
      <c r="J9" s="388">
        <v>5487855917</v>
      </c>
      <c r="K9" s="388">
        <v>4152663288</v>
      </c>
      <c r="L9" s="391">
        <v>27212922282</v>
      </c>
      <c r="M9" s="392">
        <v>28377434999</v>
      </c>
      <c r="N9" s="387">
        <v>89587859</v>
      </c>
      <c r="O9" s="388">
        <v>226582457</v>
      </c>
      <c r="P9" s="393">
        <v>316170316</v>
      </c>
      <c r="Q9" s="387">
        <v>0</v>
      </c>
      <c r="R9" s="388">
        <v>1452755817</v>
      </c>
      <c r="S9" s="388">
        <v>2198251188</v>
      </c>
      <c r="T9" s="388">
        <v>1866449642</v>
      </c>
      <c r="U9" s="388">
        <v>2096044765</v>
      </c>
      <c r="V9" s="388">
        <v>2125002457</v>
      </c>
      <c r="W9" s="393">
        <v>9738503869</v>
      </c>
      <c r="X9" s="392">
        <v>10054674185</v>
      </c>
      <c r="Y9" s="387">
        <v>0</v>
      </c>
      <c r="Z9" s="388">
        <v>0</v>
      </c>
      <c r="AA9" s="393">
        <v>0</v>
      </c>
      <c r="AB9" s="394">
        <v>0</v>
      </c>
      <c r="AC9" s="395">
        <v>709623650</v>
      </c>
      <c r="AD9" s="395">
        <v>1100078104</v>
      </c>
      <c r="AE9" s="395">
        <v>1040253346</v>
      </c>
      <c r="AF9" s="395">
        <v>1219853631</v>
      </c>
      <c r="AG9" s="395">
        <v>1238399803</v>
      </c>
      <c r="AH9" s="393">
        <v>5308208534</v>
      </c>
      <c r="AI9" s="392">
        <v>5308208534</v>
      </c>
      <c r="AJ9" s="396">
        <v>31744</v>
      </c>
      <c r="AK9" s="395">
        <v>834713</v>
      </c>
      <c r="AL9" s="393">
        <v>866457</v>
      </c>
      <c r="AM9" s="394">
        <v>0</v>
      </c>
      <c r="AN9" s="395">
        <v>5284345</v>
      </c>
      <c r="AO9" s="391">
        <v>26229061</v>
      </c>
      <c r="AP9" s="395">
        <v>50213820</v>
      </c>
      <c r="AQ9" s="395">
        <v>122857887</v>
      </c>
      <c r="AR9" s="395">
        <v>238957067</v>
      </c>
      <c r="AS9" s="393">
        <v>443542180</v>
      </c>
      <c r="AT9" s="392">
        <v>444408637</v>
      </c>
      <c r="AU9" s="396">
        <v>48871459</v>
      </c>
      <c r="AV9" s="395">
        <v>159941098</v>
      </c>
      <c r="AW9" s="393">
        <v>208812557</v>
      </c>
      <c r="AX9" s="394">
        <v>0</v>
      </c>
      <c r="AY9" s="395">
        <v>452849708</v>
      </c>
      <c r="AZ9" s="395">
        <v>709377315</v>
      </c>
      <c r="BA9" s="395">
        <v>464847191</v>
      </c>
      <c r="BB9" s="395">
        <v>444521684</v>
      </c>
      <c r="BC9" s="395">
        <v>416947231</v>
      </c>
      <c r="BD9" s="393">
        <v>2488543129</v>
      </c>
      <c r="BE9" s="397">
        <v>2697355686</v>
      </c>
      <c r="BF9" s="396">
        <v>6127221</v>
      </c>
      <c r="BG9" s="391">
        <v>23271162</v>
      </c>
      <c r="BH9" s="398">
        <v>29398383</v>
      </c>
      <c r="BI9" s="394">
        <v>0</v>
      </c>
      <c r="BJ9" s="395">
        <v>38179275</v>
      </c>
      <c r="BK9" s="395">
        <v>64422295</v>
      </c>
      <c r="BL9" s="395">
        <v>41804995</v>
      </c>
      <c r="BM9" s="395">
        <v>38645555</v>
      </c>
      <c r="BN9" s="395">
        <v>22169455</v>
      </c>
      <c r="BO9" s="393">
        <v>205221575</v>
      </c>
      <c r="BP9" s="392">
        <v>234619958</v>
      </c>
      <c r="BQ9" s="396">
        <v>34557435</v>
      </c>
      <c r="BR9" s="395">
        <v>42535484</v>
      </c>
      <c r="BS9" s="393">
        <v>77092919</v>
      </c>
      <c r="BT9" s="394">
        <v>0</v>
      </c>
      <c r="BU9" s="395">
        <v>246818839</v>
      </c>
      <c r="BV9" s="395">
        <v>298144413</v>
      </c>
      <c r="BW9" s="395">
        <v>269330290</v>
      </c>
      <c r="BX9" s="395">
        <v>270166008</v>
      </c>
      <c r="BY9" s="395">
        <v>208528901</v>
      </c>
      <c r="BZ9" s="393">
        <v>1292988451</v>
      </c>
      <c r="CA9" s="392">
        <v>1370081370</v>
      </c>
      <c r="CB9" s="396">
        <v>34937994</v>
      </c>
      <c r="CC9" s="395">
        <v>104536720</v>
      </c>
      <c r="CD9" s="393">
        <v>139474714</v>
      </c>
      <c r="CE9" s="394">
        <v>0</v>
      </c>
      <c r="CF9" s="395">
        <v>1417298362</v>
      </c>
      <c r="CG9" s="395">
        <v>1830557145</v>
      </c>
      <c r="CH9" s="399">
        <v>1325149192</v>
      </c>
      <c r="CI9" s="395">
        <v>904072692</v>
      </c>
      <c r="CJ9" s="395">
        <v>449736607</v>
      </c>
      <c r="CK9" s="393">
        <v>5926813998</v>
      </c>
      <c r="CL9" s="392">
        <v>6066288712</v>
      </c>
      <c r="CM9" s="387">
        <v>0</v>
      </c>
      <c r="CN9" s="388">
        <v>0</v>
      </c>
      <c r="CO9" s="393">
        <v>0</v>
      </c>
      <c r="CP9" s="394">
        <v>0</v>
      </c>
      <c r="CQ9" s="395">
        <v>1201151950</v>
      </c>
      <c r="CR9" s="395">
        <v>1426102656</v>
      </c>
      <c r="CS9" s="395">
        <v>1036373755</v>
      </c>
      <c r="CT9" s="395">
        <v>692492817</v>
      </c>
      <c r="CU9" s="395">
        <v>366274734</v>
      </c>
      <c r="CV9" s="400">
        <v>4722395912</v>
      </c>
      <c r="CW9" s="392">
        <v>4722395912</v>
      </c>
      <c r="CX9" s="396">
        <v>34937994</v>
      </c>
      <c r="CY9" s="395">
        <v>104536720</v>
      </c>
      <c r="CZ9" s="393">
        <v>139474714</v>
      </c>
      <c r="DA9" s="394">
        <v>0</v>
      </c>
      <c r="DB9" s="395">
        <v>216146412</v>
      </c>
      <c r="DC9" s="395">
        <v>404454489</v>
      </c>
      <c r="DD9" s="395">
        <v>288775437</v>
      </c>
      <c r="DE9" s="395">
        <v>211579875</v>
      </c>
      <c r="DF9" s="395">
        <v>83461873</v>
      </c>
      <c r="DG9" s="393">
        <v>1204418086</v>
      </c>
      <c r="DH9" s="392">
        <v>1343892800</v>
      </c>
      <c r="DI9" s="396">
        <v>1699199</v>
      </c>
      <c r="DJ9" s="395">
        <v>9990255</v>
      </c>
      <c r="DK9" s="398">
        <v>11689454</v>
      </c>
      <c r="DL9" s="394">
        <v>0</v>
      </c>
      <c r="DM9" s="395">
        <v>129356112</v>
      </c>
      <c r="DN9" s="395">
        <v>277180548</v>
      </c>
      <c r="DO9" s="395">
        <v>523256211</v>
      </c>
      <c r="DP9" s="395">
        <v>447362489</v>
      </c>
      <c r="DQ9" s="395">
        <v>243662421</v>
      </c>
      <c r="DR9" s="401">
        <v>1620817781</v>
      </c>
      <c r="DS9" s="392">
        <v>1632507235</v>
      </c>
      <c r="DT9" s="396">
        <v>1664188</v>
      </c>
      <c r="DU9" s="395">
        <v>8847400</v>
      </c>
      <c r="DV9" s="393">
        <v>10511588</v>
      </c>
      <c r="DW9" s="394">
        <v>0</v>
      </c>
      <c r="DX9" s="395">
        <v>117704637</v>
      </c>
      <c r="DY9" s="395">
        <v>250303807</v>
      </c>
      <c r="DZ9" s="395">
        <v>482099026</v>
      </c>
      <c r="EA9" s="395">
        <v>400853003</v>
      </c>
      <c r="EB9" s="395">
        <v>213472789</v>
      </c>
      <c r="EC9" s="393">
        <v>1464433262</v>
      </c>
      <c r="ED9" s="392">
        <v>1474944850</v>
      </c>
      <c r="EE9" s="396">
        <v>35011</v>
      </c>
      <c r="EF9" s="391">
        <v>1142855</v>
      </c>
      <c r="EG9" s="393">
        <v>1177866</v>
      </c>
      <c r="EH9" s="397">
        <v>0</v>
      </c>
      <c r="EI9" s="395">
        <v>11651475</v>
      </c>
      <c r="EJ9" s="395">
        <v>26876741</v>
      </c>
      <c r="EK9" s="395">
        <v>41157185</v>
      </c>
      <c r="EL9" s="395">
        <v>46509486</v>
      </c>
      <c r="EM9" s="399">
        <v>30189632</v>
      </c>
      <c r="EN9" s="391">
        <v>156384519</v>
      </c>
      <c r="EO9" s="392">
        <v>157562385</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90568325</v>
      </c>
      <c r="FM9" s="395">
        <v>184026192</v>
      </c>
      <c r="FN9" s="393">
        <v>274594517</v>
      </c>
      <c r="FO9" s="394">
        <v>0</v>
      </c>
      <c r="FP9" s="395">
        <v>241111457</v>
      </c>
      <c r="FQ9" s="395">
        <v>626758021</v>
      </c>
      <c r="FR9" s="395">
        <v>451588659</v>
      </c>
      <c r="FS9" s="395">
        <v>414599015</v>
      </c>
      <c r="FT9" s="395">
        <v>309203150</v>
      </c>
      <c r="FU9" s="393">
        <v>2043260302</v>
      </c>
      <c r="FV9" s="392">
        <v>2317854819</v>
      </c>
      <c r="FW9" s="396">
        <v>51095925</v>
      </c>
      <c r="FX9" s="395">
        <v>138473039</v>
      </c>
      <c r="FY9" s="391">
        <v>189568964</v>
      </c>
      <c r="FZ9" s="397">
        <v>0</v>
      </c>
      <c r="GA9" s="395">
        <v>195088909</v>
      </c>
      <c r="GB9" s="403">
        <v>578901569</v>
      </c>
      <c r="GC9" s="395">
        <v>416583098</v>
      </c>
      <c r="GD9" s="403">
        <v>388173223</v>
      </c>
      <c r="GE9" s="395">
        <v>296650139</v>
      </c>
      <c r="GF9" s="400">
        <v>1875396938</v>
      </c>
      <c r="GG9" s="404">
        <v>2064965902</v>
      </c>
      <c r="GH9" s="405">
        <v>5616367</v>
      </c>
      <c r="GI9" s="395">
        <v>9604559</v>
      </c>
      <c r="GJ9" s="403">
        <v>15220926</v>
      </c>
      <c r="GK9" s="390">
        <v>0</v>
      </c>
      <c r="GL9" s="395">
        <v>13131255</v>
      </c>
      <c r="GM9" s="391">
        <v>15605090</v>
      </c>
      <c r="GN9" s="395">
        <v>11909651</v>
      </c>
      <c r="GO9" s="391">
        <v>11817892</v>
      </c>
      <c r="GP9" s="395">
        <v>5910775</v>
      </c>
      <c r="GQ9" s="401">
        <v>58374663</v>
      </c>
      <c r="GR9" s="392">
        <v>73595589</v>
      </c>
      <c r="GS9" s="391">
        <v>33856033</v>
      </c>
      <c r="GT9" s="395">
        <v>35948594</v>
      </c>
      <c r="GU9" s="393">
        <v>69804627</v>
      </c>
      <c r="GV9" s="391">
        <v>0</v>
      </c>
      <c r="GW9" s="395">
        <v>32891293</v>
      </c>
      <c r="GX9" s="391">
        <v>32251362</v>
      </c>
      <c r="GY9" s="395">
        <v>23095910</v>
      </c>
      <c r="GZ9" s="391">
        <v>14607900</v>
      </c>
      <c r="HA9" s="395">
        <v>6642236</v>
      </c>
      <c r="HB9" s="391">
        <v>109488701</v>
      </c>
      <c r="HC9" s="392">
        <v>179293328</v>
      </c>
      <c r="HD9" s="391">
        <v>98228540</v>
      </c>
      <c r="HE9" s="395">
        <v>123485208</v>
      </c>
      <c r="HF9" s="391">
        <v>221713748</v>
      </c>
      <c r="HG9" s="397">
        <v>0</v>
      </c>
      <c r="HH9" s="395">
        <v>980038178</v>
      </c>
      <c r="HI9" s="403">
        <v>989909409</v>
      </c>
      <c r="HJ9" s="395">
        <v>947929079</v>
      </c>
      <c r="HK9" s="403">
        <v>1210680282</v>
      </c>
      <c r="HL9" s="395">
        <v>773425379</v>
      </c>
      <c r="HM9" s="400">
        <v>4901982327</v>
      </c>
      <c r="HN9" s="391">
        <v>5123696075</v>
      </c>
      <c r="HO9" s="405">
        <v>68096360</v>
      </c>
      <c r="HP9" s="395">
        <v>132773608</v>
      </c>
      <c r="HQ9" s="400">
        <v>200869968</v>
      </c>
      <c r="HR9" s="391">
        <v>0</v>
      </c>
      <c r="HS9" s="395">
        <v>839905176</v>
      </c>
      <c r="HT9" s="391">
        <v>886441214</v>
      </c>
      <c r="HU9" s="395">
        <v>588467667</v>
      </c>
      <c r="HV9" s="391">
        <v>415096674</v>
      </c>
      <c r="HW9" s="395">
        <v>251633274</v>
      </c>
      <c r="HX9" s="391">
        <v>2981544005</v>
      </c>
      <c r="HY9" s="392">
        <v>3182413973</v>
      </c>
      <c r="HZ9" s="406">
        <v>9194253</v>
      </c>
      <c r="IA9" s="407">
        <v>36016244</v>
      </c>
      <c r="IB9" s="408">
        <v>45210497</v>
      </c>
      <c r="IC9" s="409">
        <v>0</v>
      </c>
      <c r="ID9" s="407">
        <v>1599598904</v>
      </c>
      <c r="IE9" s="410">
        <v>2127189323</v>
      </c>
      <c r="IF9" s="411">
        <v>2236288876</v>
      </c>
      <c r="IG9" s="407">
        <v>1650388099</v>
      </c>
      <c r="IH9" s="411">
        <v>1207631716</v>
      </c>
      <c r="II9" s="412">
        <v>8821096918</v>
      </c>
      <c r="IJ9" s="413">
        <v>8866307415</v>
      </c>
      <c r="IK9" s="414">
        <v>170265</v>
      </c>
      <c r="IL9" s="415">
        <v>0</v>
      </c>
      <c r="IM9" s="416">
        <v>170265</v>
      </c>
      <c r="IN9" s="417">
        <v>0</v>
      </c>
      <c r="IO9" s="418">
        <v>24173561</v>
      </c>
      <c r="IP9" s="418">
        <v>44159812</v>
      </c>
      <c r="IQ9" s="418">
        <v>64849761</v>
      </c>
      <c r="IR9" s="418">
        <v>90363818</v>
      </c>
      <c r="IS9" s="418">
        <v>100416338</v>
      </c>
      <c r="IT9" s="419">
        <v>323963290</v>
      </c>
      <c r="IU9" s="420">
        <v>324133555</v>
      </c>
      <c r="IV9" s="421">
        <v>0</v>
      </c>
      <c r="IW9" s="418">
        <v>0</v>
      </c>
      <c r="IX9" s="422">
        <v>0</v>
      </c>
      <c r="IY9" s="423">
        <v>0</v>
      </c>
      <c r="IZ9" s="418">
        <v>3861958</v>
      </c>
      <c r="JA9" s="418">
        <v>10474535</v>
      </c>
      <c r="JB9" s="418">
        <v>12115503</v>
      </c>
      <c r="JC9" s="418">
        <v>16039571</v>
      </c>
      <c r="JD9" s="418">
        <v>16531984</v>
      </c>
      <c r="JE9" s="422">
        <v>59023551</v>
      </c>
      <c r="JF9" s="424">
        <v>59023551</v>
      </c>
      <c r="JG9" s="421">
        <v>0</v>
      </c>
      <c r="JH9" s="418">
        <v>9434</v>
      </c>
      <c r="JI9" s="419">
        <v>9434</v>
      </c>
      <c r="JJ9" s="425">
        <v>0</v>
      </c>
      <c r="JK9" s="418">
        <v>621182773</v>
      </c>
      <c r="JL9" s="418">
        <v>737457705</v>
      </c>
      <c r="JM9" s="418">
        <v>557903753</v>
      </c>
      <c r="JN9" s="418">
        <v>337167883</v>
      </c>
      <c r="JO9" s="418">
        <v>180159483</v>
      </c>
      <c r="JP9" s="422">
        <v>2433871597</v>
      </c>
      <c r="JQ9" s="420">
        <v>2433881031</v>
      </c>
      <c r="JR9" s="421">
        <v>329616</v>
      </c>
      <c r="JS9" s="418">
        <v>400686</v>
      </c>
      <c r="JT9" s="419">
        <v>730302</v>
      </c>
      <c r="JU9" s="425">
        <v>0</v>
      </c>
      <c r="JV9" s="418">
        <v>69934578</v>
      </c>
      <c r="JW9" s="418">
        <v>103699266</v>
      </c>
      <c r="JX9" s="418">
        <v>154826096</v>
      </c>
      <c r="JY9" s="418">
        <v>88480702</v>
      </c>
      <c r="JZ9" s="418">
        <v>78927515</v>
      </c>
      <c r="KA9" s="422">
        <v>495868157</v>
      </c>
      <c r="KB9" s="420">
        <v>496598459</v>
      </c>
      <c r="KC9" s="426">
        <v>8694372</v>
      </c>
      <c r="KD9" s="427">
        <v>25419726</v>
      </c>
      <c r="KE9" s="422">
        <v>34114098</v>
      </c>
      <c r="KF9" s="425">
        <v>0</v>
      </c>
      <c r="KG9" s="418">
        <v>189409425</v>
      </c>
      <c r="KH9" s="418">
        <v>303684596</v>
      </c>
      <c r="KI9" s="418">
        <v>349007597</v>
      </c>
      <c r="KJ9" s="418">
        <v>275199448</v>
      </c>
      <c r="KK9" s="418">
        <v>146896628</v>
      </c>
      <c r="KL9" s="422">
        <v>1264197694</v>
      </c>
      <c r="KM9" s="428">
        <v>1298311792</v>
      </c>
      <c r="KN9" s="414">
        <v>0</v>
      </c>
      <c r="KO9" s="415">
        <v>10186398</v>
      </c>
      <c r="KP9" s="416">
        <v>10186398</v>
      </c>
      <c r="KQ9" s="417"/>
      <c r="KR9" s="418">
        <v>655031022</v>
      </c>
      <c r="KS9" s="418">
        <v>845235805</v>
      </c>
      <c r="KT9" s="418">
        <v>942593619</v>
      </c>
      <c r="KU9" s="418">
        <v>629991439</v>
      </c>
      <c r="KV9" s="418">
        <v>455873987</v>
      </c>
      <c r="KW9" s="422">
        <v>3528725872</v>
      </c>
      <c r="KX9" s="420">
        <v>3538912270</v>
      </c>
      <c r="KY9" s="421">
        <v>0</v>
      </c>
      <c r="KZ9" s="418">
        <v>0</v>
      </c>
      <c r="LA9" s="422">
        <v>0</v>
      </c>
      <c r="LB9" s="429"/>
      <c r="LC9" s="418">
        <v>5252342</v>
      </c>
      <c r="LD9" s="418">
        <v>10034500</v>
      </c>
      <c r="LE9" s="418">
        <v>11675267</v>
      </c>
      <c r="LF9" s="418">
        <v>15108276</v>
      </c>
      <c r="LG9" s="418">
        <v>12963087</v>
      </c>
      <c r="LH9" s="422">
        <v>55033472</v>
      </c>
      <c r="LI9" s="424">
        <v>55033472</v>
      </c>
      <c r="LJ9" s="421">
        <v>0</v>
      </c>
      <c r="LK9" s="418">
        <v>0</v>
      </c>
      <c r="LL9" s="422">
        <v>0</v>
      </c>
      <c r="LM9" s="429"/>
      <c r="LN9" s="418">
        <v>2320415</v>
      </c>
      <c r="LO9" s="418">
        <v>8799859</v>
      </c>
      <c r="LP9" s="418">
        <v>63300032</v>
      </c>
      <c r="LQ9" s="418">
        <v>95348341</v>
      </c>
      <c r="LR9" s="418">
        <v>64836450</v>
      </c>
      <c r="LS9" s="422">
        <v>234605097</v>
      </c>
      <c r="LT9" s="420">
        <v>234605097</v>
      </c>
      <c r="LU9" s="421">
        <v>0</v>
      </c>
      <c r="LV9" s="418">
        <v>0</v>
      </c>
      <c r="LW9" s="422">
        <v>0</v>
      </c>
      <c r="LX9" s="429"/>
      <c r="LY9" s="418">
        <v>28432830</v>
      </c>
      <c r="LZ9" s="418">
        <v>63643245</v>
      </c>
      <c r="MA9" s="418">
        <v>80017248</v>
      </c>
      <c r="MB9" s="418">
        <v>102688621</v>
      </c>
      <c r="MC9" s="418">
        <v>151026244</v>
      </c>
      <c r="MD9" s="422">
        <v>425808188</v>
      </c>
      <c r="ME9" s="424">
        <v>425808188</v>
      </c>
      <c r="MF9" s="421">
        <v>0</v>
      </c>
      <c r="MG9" s="418">
        <v>0</v>
      </c>
      <c r="MH9" s="422">
        <v>0</v>
      </c>
      <c r="MI9" s="429"/>
      <c r="MJ9" s="418">
        <v>541788430</v>
      </c>
      <c r="MK9" s="418">
        <v>1315882192</v>
      </c>
      <c r="ML9" s="418">
        <v>3887885768</v>
      </c>
      <c r="MM9" s="418">
        <v>5818620339</v>
      </c>
      <c r="MN9" s="418">
        <v>4185148543</v>
      </c>
      <c r="MO9" s="422">
        <v>15749325272</v>
      </c>
      <c r="MP9" s="428">
        <v>15749325272</v>
      </c>
      <c r="MQ9" s="421">
        <v>0</v>
      </c>
      <c r="MR9" s="418">
        <v>0</v>
      </c>
      <c r="MS9" s="422">
        <v>0</v>
      </c>
      <c r="MT9" s="429"/>
      <c r="MU9" s="418">
        <v>93045258</v>
      </c>
      <c r="MV9" s="418">
        <v>349240924</v>
      </c>
      <c r="MW9" s="418">
        <v>2475439622</v>
      </c>
      <c r="MX9" s="418">
        <v>3898176258</v>
      </c>
      <c r="MY9" s="418">
        <v>2988336136</v>
      </c>
      <c r="MZ9" s="422">
        <v>9804238198</v>
      </c>
      <c r="NA9" s="428">
        <v>9804238198</v>
      </c>
      <c r="NB9" s="421">
        <v>0</v>
      </c>
      <c r="NC9" s="418">
        <v>0</v>
      </c>
      <c r="ND9" s="422">
        <v>0</v>
      </c>
      <c r="NE9" s="429"/>
      <c r="NF9" s="418">
        <v>445669757</v>
      </c>
      <c r="NG9" s="418">
        <v>959700377</v>
      </c>
      <c r="NH9" s="418">
        <v>1390588954</v>
      </c>
      <c r="NI9" s="418">
        <v>1759683433</v>
      </c>
      <c r="NJ9" s="418">
        <v>945051012</v>
      </c>
      <c r="NK9" s="422">
        <v>5500693533</v>
      </c>
      <c r="NL9" s="420">
        <v>5500693533</v>
      </c>
      <c r="NM9" s="421">
        <v>0</v>
      </c>
      <c r="NN9" s="418">
        <v>0</v>
      </c>
      <c r="NO9" s="422">
        <v>0</v>
      </c>
      <c r="NP9" s="429">
        <v>0</v>
      </c>
      <c r="NQ9" s="418">
        <v>0</v>
      </c>
      <c r="NR9" s="418">
        <v>7943</v>
      </c>
      <c r="NS9" s="418">
        <v>4290962</v>
      </c>
      <c r="NT9" s="418">
        <v>48521696</v>
      </c>
      <c r="NU9" s="418">
        <v>85772016</v>
      </c>
      <c r="NV9" s="422">
        <v>138592617</v>
      </c>
      <c r="NW9" s="424">
        <v>138592617</v>
      </c>
      <c r="NX9" s="421">
        <v>0</v>
      </c>
      <c r="NY9" s="418">
        <v>0</v>
      </c>
      <c r="NZ9" s="422">
        <v>0</v>
      </c>
      <c r="OA9" s="429"/>
      <c r="OB9" s="418">
        <v>3073415</v>
      </c>
      <c r="OC9" s="418">
        <v>6932948</v>
      </c>
      <c r="OD9" s="418">
        <v>17566230</v>
      </c>
      <c r="OE9" s="418">
        <v>112238952</v>
      </c>
      <c r="OF9" s="418">
        <v>165989379</v>
      </c>
      <c r="OG9" s="422">
        <v>305800924</v>
      </c>
      <c r="OH9" s="424">
        <v>305800924</v>
      </c>
      <c r="OI9" s="421">
        <v>392312530</v>
      </c>
      <c r="OJ9" s="418">
        <v>817410684</v>
      </c>
      <c r="OK9" s="419">
        <v>1209723214</v>
      </c>
      <c r="OL9" s="425">
        <v>0</v>
      </c>
      <c r="OM9" s="418">
        <v>7201852436</v>
      </c>
      <c r="ON9" s="418">
        <v>10252169040</v>
      </c>
      <c r="OO9" s="418">
        <v>11827015094</v>
      </c>
      <c r="OP9" s="418">
        <v>12956864355</v>
      </c>
      <c r="OQ9" s="418">
        <v>9545443547</v>
      </c>
      <c r="OR9" s="422">
        <v>51783344472</v>
      </c>
      <c r="OS9" s="428">
        <v>52993067686</v>
      </c>
    </row>
    <row r="10" spans="1:409" s="430" customFormat="1" ht="21" customHeight="1" x14ac:dyDescent="0.2">
      <c r="A10" s="44"/>
      <c r="B10" s="431" t="s">
        <v>5</v>
      </c>
      <c r="C10" s="432">
        <v>154822288</v>
      </c>
      <c r="D10" s="433">
        <v>359262466</v>
      </c>
      <c r="E10" s="434">
        <v>514084754</v>
      </c>
      <c r="F10" s="435">
        <v>0</v>
      </c>
      <c r="G10" s="433">
        <v>1774562894</v>
      </c>
      <c r="H10" s="433">
        <v>3079512960</v>
      </c>
      <c r="I10" s="433">
        <v>2345534203</v>
      </c>
      <c r="J10" s="433">
        <v>2211565909</v>
      </c>
      <c r="K10" s="433">
        <v>1682135620</v>
      </c>
      <c r="L10" s="435">
        <v>11093311586</v>
      </c>
      <c r="M10" s="436">
        <v>11607396340</v>
      </c>
      <c r="N10" s="432">
        <v>38930618</v>
      </c>
      <c r="O10" s="433">
        <v>117904208</v>
      </c>
      <c r="P10" s="434">
        <v>156834826</v>
      </c>
      <c r="Q10" s="432">
        <v>0</v>
      </c>
      <c r="R10" s="433">
        <v>530589390</v>
      </c>
      <c r="S10" s="433">
        <v>1047867394</v>
      </c>
      <c r="T10" s="433">
        <v>785497720</v>
      </c>
      <c r="U10" s="433">
        <v>828954813</v>
      </c>
      <c r="V10" s="433">
        <v>857329034</v>
      </c>
      <c r="W10" s="434">
        <v>4050238351</v>
      </c>
      <c r="X10" s="436">
        <v>4207073177</v>
      </c>
      <c r="Y10" s="432">
        <v>0</v>
      </c>
      <c r="Z10" s="433">
        <v>0</v>
      </c>
      <c r="AA10" s="434">
        <v>0</v>
      </c>
      <c r="AB10" s="432">
        <v>0</v>
      </c>
      <c r="AC10" s="433">
        <v>252148207</v>
      </c>
      <c r="AD10" s="433">
        <v>503090081</v>
      </c>
      <c r="AE10" s="433">
        <v>410384291</v>
      </c>
      <c r="AF10" s="433">
        <v>443273892</v>
      </c>
      <c r="AG10" s="433">
        <v>468428427</v>
      </c>
      <c r="AH10" s="434">
        <v>2077324898</v>
      </c>
      <c r="AI10" s="436">
        <v>2077324898</v>
      </c>
      <c r="AJ10" s="432">
        <v>31744</v>
      </c>
      <c r="AK10" s="433">
        <v>280999</v>
      </c>
      <c r="AL10" s="434">
        <v>312743</v>
      </c>
      <c r="AM10" s="432">
        <v>0</v>
      </c>
      <c r="AN10" s="433">
        <v>1383900</v>
      </c>
      <c r="AO10" s="433">
        <v>10268434</v>
      </c>
      <c r="AP10" s="433">
        <v>18757590</v>
      </c>
      <c r="AQ10" s="433">
        <v>50133756</v>
      </c>
      <c r="AR10" s="433">
        <v>105355052</v>
      </c>
      <c r="AS10" s="434">
        <v>185898732</v>
      </c>
      <c r="AT10" s="436">
        <v>186211475</v>
      </c>
      <c r="AU10" s="432">
        <v>22138119</v>
      </c>
      <c r="AV10" s="433">
        <v>84477036</v>
      </c>
      <c r="AW10" s="434">
        <v>106615155</v>
      </c>
      <c r="AX10" s="432">
        <v>0</v>
      </c>
      <c r="AY10" s="433">
        <v>171861046</v>
      </c>
      <c r="AZ10" s="433">
        <v>374610406</v>
      </c>
      <c r="BA10" s="433">
        <v>227167949</v>
      </c>
      <c r="BB10" s="433">
        <v>208698442</v>
      </c>
      <c r="BC10" s="433">
        <v>189282798</v>
      </c>
      <c r="BD10" s="434">
        <v>1171620641</v>
      </c>
      <c r="BE10" s="436">
        <v>1278235796</v>
      </c>
      <c r="BF10" s="432">
        <v>2541655</v>
      </c>
      <c r="BG10" s="433">
        <v>12196202</v>
      </c>
      <c r="BH10" s="437">
        <v>14737857</v>
      </c>
      <c r="BI10" s="438">
        <v>0</v>
      </c>
      <c r="BJ10" s="433">
        <v>9600604</v>
      </c>
      <c r="BK10" s="433">
        <v>26635706</v>
      </c>
      <c r="BL10" s="433">
        <v>17160832</v>
      </c>
      <c r="BM10" s="433">
        <v>15205699</v>
      </c>
      <c r="BN10" s="433">
        <v>8424060</v>
      </c>
      <c r="BO10" s="434">
        <v>77026901</v>
      </c>
      <c r="BP10" s="436">
        <v>91764758</v>
      </c>
      <c r="BQ10" s="432">
        <v>14219100</v>
      </c>
      <c r="BR10" s="433">
        <v>20949971</v>
      </c>
      <c r="BS10" s="434">
        <v>35169071</v>
      </c>
      <c r="BT10" s="432">
        <v>0</v>
      </c>
      <c r="BU10" s="433">
        <v>95595633</v>
      </c>
      <c r="BV10" s="433">
        <v>133262767</v>
      </c>
      <c r="BW10" s="433">
        <v>112027058</v>
      </c>
      <c r="BX10" s="433">
        <v>111643024</v>
      </c>
      <c r="BY10" s="433">
        <v>85838697</v>
      </c>
      <c r="BZ10" s="434">
        <v>538367179</v>
      </c>
      <c r="CA10" s="436">
        <v>573536250</v>
      </c>
      <c r="CB10" s="432">
        <v>14973868</v>
      </c>
      <c r="CC10" s="433">
        <v>47148969</v>
      </c>
      <c r="CD10" s="434">
        <v>62122837</v>
      </c>
      <c r="CE10" s="432">
        <v>0</v>
      </c>
      <c r="CF10" s="433">
        <v>451448808</v>
      </c>
      <c r="CG10" s="433">
        <v>768640259</v>
      </c>
      <c r="CH10" s="433">
        <v>499425169</v>
      </c>
      <c r="CI10" s="433">
        <v>331607002</v>
      </c>
      <c r="CJ10" s="433">
        <v>167978338</v>
      </c>
      <c r="CK10" s="434">
        <v>2219099576</v>
      </c>
      <c r="CL10" s="436">
        <v>2281222413</v>
      </c>
      <c r="CM10" s="432">
        <v>0</v>
      </c>
      <c r="CN10" s="433">
        <v>0</v>
      </c>
      <c r="CO10" s="434">
        <v>0</v>
      </c>
      <c r="CP10" s="438">
        <v>0</v>
      </c>
      <c r="CQ10" s="433">
        <v>386653400</v>
      </c>
      <c r="CR10" s="433">
        <v>578619008</v>
      </c>
      <c r="CS10" s="433">
        <v>370315295</v>
      </c>
      <c r="CT10" s="433">
        <v>236507616</v>
      </c>
      <c r="CU10" s="433">
        <v>127840192</v>
      </c>
      <c r="CV10" s="434">
        <v>1699935511</v>
      </c>
      <c r="CW10" s="436">
        <v>1699935511</v>
      </c>
      <c r="CX10" s="432">
        <v>14973868</v>
      </c>
      <c r="CY10" s="433">
        <v>47148969</v>
      </c>
      <c r="CZ10" s="434">
        <v>62122837</v>
      </c>
      <c r="DA10" s="432">
        <v>0</v>
      </c>
      <c r="DB10" s="433">
        <v>64795408</v>
      </c>
      <c r="DC10" s="433">
        <v>190021251</v>
      </c>
      <c r="DD10" s="433">
        <v>129109874</v>
      </c>
      <c r="DE10" s="433">
        <v>95099386</v>
      </c>
      <c r="DF10" s="433">
        <v>40138146</v>
      </c>
      <c r="DG10" s="434">
        <v>519164065</v>
      </c>
      <c r="DH10" s="436">
        <v>581286902</v>
      </c>
      <c r="DI10" s="432">
        <v>672299</v>
      </c>
      <c r="DJ10" s="433">
        <v>4675552</v>
      </c>
      <c r="DK10" s="437">
        <v>5347851</v>
      </c>
      <c r="DL10" s="438">
        <v>0</v>
      </c>
      <c r="DM10" s="433">
        <v>42272618</v>
      </c>
      <c r="DN10" s="433">
        <v>111637337</v>
      </c>
      <c r="DO10" s="433">
        <v>208639079</v>
      </c>
      <c r="DP10" s="433">
        <v>179784581</v>
      </c>
      <c r="DQ10" s="433">
        <v>97044226</v>
      </c>
      <c r="DR10" s="434">
        <v>639377841</v>
      </c>
      <c r="DS10" s="436">
        <v>644725692</v>
      </c>
      <c r="DT10" s="432">
        <v>637288</v>
      </c>
      <c r="DU10" s="433">
        <v>3874020</v>
      </c>
      <c r="DV10" s="434">
        <v>4511308</v>
      </c>
      <c r="DW10" s="432">
        <v>0</v>
      </c>
      <c r="DX10" s="433">
        <v>35845320</v>
      </c>
      <c r="DY10" s="433">
        <v>95759348</v>
      </c>
      <c r="DZ10" s="433">
        <v>183719910</v>
      </c>
      <c r="EA10" s="433">
        <v>151671710</v>
      </c>
      <c r="EB10" s="433">
        <v>79245676</v>
      </c>
      <c r="EC10" s="434">
        <v>546241964</v>
      </c>
      <c r="ED10" s="436">
        <v>550753272</v>
      </c>
      <c r="EE10" s="432">
        <v>35011</v>
      </c>
      <c r="EF10" s="437">
        <v>801532</v>
      </c>
      <c r="EG10" s="434">
        <v>836543</v>
      </c>
      <c r="EH10" s="432">
        <v>0</v>
      </c>
      <c r="EI10" s="433">
        <v>6427298</v>
      </c>
      <c r="EJ10" s="433">
        <v>15877989</v>
      </c>
      <c r="EK10" s="433">
        <v>24919169</v>
      </c>
      <c r="EL10" s="433">
        <v>28112871</v>
      </c>
      <c r="EM10" s="433">
        <v>17798550</v>
      </c>
      <c r="EN10" s="437">
        <v>93135877</v>
      </c>
      <c r="EO10" s="436">
        <v>93972420</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33109326</v>
      </c>
      <c r="FM10" s="433">
        <v>77034788</v>
      </c>
      <c r="FN10" s="434">
        <v>110144114</v>
      </c>
      <c r="FO10" s="432">
        <v>0</v>
      </c>
      <c r="FP10" s="433">
        <v>67097376</v>
      </c>
      <c r="FQ10" s="433">
        <v>272241025</v>
      </c>
      <c r="FR10" s="433">
        <v>182495011</v>
      </c>
      <c r="FS10" s="433">
        <v>161641516</v>
      </c>
      <c r="FT10" s="433">
        <v>125466253</v>
      </c>
      <c r="FU10" s="434">
        <v>808941181</v>
      </c>
      <c r="FV10" s="436">
        <v>919085295</v>
      </c>
      <c r="FW10" s="440">
        <v>16607778</v>
      </c>
      <c r="FX10" s="433">
        <v>56930881</v>
      </c>
      <c r="FY10" s="437">
        <v>73538659</v>
      </c>
      <c r="FZ10" s="438">
        <v>0</v>
      </c>
      <c r="GA10" s="433">
        <v>51256504</v>
      </c>
      <c r="GB10" s="433">
        <v>251036861</v>
      </c>
      <c r="GC10" s="433">
        <v>167103506</v>
      </c>
      <c r="GD10" s="433">
        <v>149154452</v>
      </c>
      <c r="GE10" s="433">
        <v>119628974</v>
      </c>
      <c r="GF10" s="434">
        <v>738180297</v>
      </c>
      <c r="GG10" s="441">
        <v>811718956</v>
      </c>
      <c r="GH10" s="440">
        <v>2422530</v>
      </c>
      <c r="GI10" s="433">
        <v>4209732</v>
      </c>
      <c r="GJ10" s="437">
        <v>6632262</v>
      </c>
      <c r="GK10" s="438">
        <v>0</v>
      </c>
      <c r="GL10" s="433">
        <v>4356864</v>
      </c>
      <c r="GM10" s="433">
        <v>6811437</v>
      </c>
      <c r="GN10" s="433">
        <v>5015910</v>
      </c>
      <c r="GO10" s="433">
        <v>5411891</v>
      </c>
      <c r="GP10" s="433">
        <v>2200125</v>
      </c>
      <c r="GQ10" s="434">
        <v>23796227</v>
      </c>
      <c r="GR10" s="436">
        <v>30428489</v>
      </c>
      <c r="GS10" s="432">
        <v>14079018</v>
      </c>
      <c r="GT10" s="433">
        <v>15894175</v>
      </c>
      <c r="GU10" s="434">
        <v>29973193</v>
      </c>
      <c r="GV10" s="432">
        <v>0</v>
      </c>
      <c r="GW10" s="433">
        <v>11484008</v>
      </c>
      <c r="GX10" s="433">
        <v>14392727</v>
      </c>
      <c r="GY10" s="433">
        <v>10375595</v>
      </c>
      <c r="GZ10" s="433">
        <v>7075173</v>
      </c>
      <c r="HA10" s="433">
        <v>3637154</v>
      </c>
      <c r="HB10" s="437">
        <v>46964657</v>
      </c>
      <c r="HC10" s="436">
        <v>76937850</v>
      </c>
      <c r="HD10" s="432">
        <v>41705221</v>
      </c>
      <c r="HE10" s="433">
        <v>52977914</v>
      </c>
      <c r="HF10" s="437">
        <v>94683135</v>
      </c>
      <c r="HG10" s="438">
        <v>0</v>
      </c>
      <c r="HH10" s="433">
        <v>398099985</v>
      </c>
      <c r="HI10" s="433">
        <v>466798041</v>
      </c>
      <c r="HJ10" s="433">
        <v>420635062</v>
      </c>
      <c r="HK10" s="433">
        <v>538034608</v>
      </c>
      <c r="HL10" s="433">
        <v>327836371</v>
      </c>
      <c r="HM10" s="434">
        <v>2151404067</v>
      </c>
      <c r="HN10" s="435">
        <v>2246087202</v>
      </c>
      <c r="HO10" s="440">
        <v>25430956</v>
      </c>
      <c r="HP10" s="433">
        <v>59521035</v>
      </c>
      <c r="HQ10" s="434">
        <v>84951991</v>
      </c>
      <c r="HR10" s="432">
        <v>0</v>
      </c>
      <c r="HS10" s="433">
        <v>285054717</v>
      </c>
      <c r="HT10" s="433">
        <v>412328904</v>
      </c>
      <c r="HU10" s="433">
        <v>248842162</v>
      </c>
      <c r="HV10" s="433">
        <v>171543389</v>
      </c>
      <c r="HW10" s="433">
        <v>106481398</v>
      </c>
      <c r="HX10" s="437">
        <v>1224250570</v>
      </c>
      <c r="HY10" s="436">
        <v>1309202561</v>
      </c>
      <c r="HZ10" s="442">
        <v>3664546</v>
      </c>
      <c r="IA10" s="443">
        <v>14049664</v>
      </c>
      <c r="IB10" s="444">
        <v>17714210</v>
      </c>
      <c r="IC10" s="445">
        <v>0</v>
      </c>
      <c r="ID10" s="446">
        <v>625837902</v>
      </c>
      <c r="IE10" s="447">
        <v>945951377</v>
      </c>
      <c r="IF10" s="448">
        <v>952314379</v>
      </c>
      <c r="IG10" s="446">
        <v>681470187</v>
      </c>
      <c r="IH10" s="448">
        <v>541446933</v>
      </c>
      <c r="II10" s="449">
        <v>3747020778</v>
      </c>
      <c r="IJ10" s="450">
        <v>3764734988</v>
      </c>
      <c r="IK10" s="451">
        <v>0</v>
      </c>
      <c r="IL10" s="452">
        <v>0</v>
      </c>
      <c r="IM10" s="453">
        <v>0</v>
      </c>
      <c r="IN10" s="454">
        <v>0</v>
      </c>
      <c r="IO10" s="455">
        <v>9849523</v>
      </c>
      <c r="IP10" s="455">
        <v>19859755</v>
      </c>
      <c r="IQ10" s="455">
        <v>33903715</v>
      </c>
      <c r="IR10" s="455">
        <v>40968599</v>
      </c>
      <c r="IS10" s="455">
        <v>47561681</v>
      </c>
      <c r="IT10" s="456">
        <v>152143273</v>
      </c>
      <c r="IU10" s="457">
        <v>152143273</v>
      </c>
      <c r="IV10" s="458">
        <v>0</v>
      </c>
      <c r="IW10" s="455">
        <v>0</v>
      </c>
      <c r="IX10" s="459">
        <v>0</v>
      </c>
      <c r="IY10" s="460">
        <v>0</v>
      </c>
      <c r="IZ10" s="455">
        <v>2111603</v>
      </c>
      <c r="JA10" s="455">
        <v>7995416</v>
      </c>
      <c r="JB10" s="455">
        <v>9095419</v>
      </c>
      <c r="JC10" s="455">
        <v>11985043</v>
      </c>
      <c r="JD10" s="455">
        <v>12760101</v>
      </c>
      <c r="JE10" s="459">
        <v>43947582</v>
      </c>
      <c r="JF10" s="461">
        <v>43947582</v>
      </c>
      <c r="JG10" s="458">
        <v>0</v>
      </c>
      <c r="JH10" s="455">
        <v>0</v>
      </c>
      <c r="JI10" s="456">
        <v>0</v>
      </c>
      <c r="JJ10" s="462">
        <v>0</v>
      </c>
      <c r="JK10" s="455">
        <v>212235489</v>
      </c>
      <c r="JL10" s="455">
        <v>332120031</v>
      </c>
      <c r="JM10" s="455">
        <v>250237454</v>
      </c>
      <c r="JN10" s="455">
        <v>152675662</v>
      </c>
      <c r="JO10" s="455">
        <v>87573379</v>
      </c>
      <c r="JP10" s="459">
        <v>1034842015</v>
      </c>
      <c r="JQ10" s="457">
        <v>1034842015</v>
      </c>
      <c r="JR10" s="458">
        <v>129255</v>
      </c>
      <c r="JS10" s="455">
        <v>117249</v>
      </c>
      <c r="JT10" s="456">
        <v>246504</v>
      </c>
      <c r="JU10" s="462">
        <v>0</v>
      </c>
      <c r="JV10" s="455">
        <v>33690933</v>
      </c>
      <c r="JW10" s="455">
        <v>56357789</v>
      </c>
      <c r="JX10" s="455">
        <v>84534359</v>
      </c>
      <c r="JY10" s="455">
        <v>49100176</v>
      </c>
      <c r="JZ10" s="455">
        <v>46195690</v>
      </c>
      <c r="KA10" s="459">
        <v>269878947</v>
      </c>
      <c r="KB10" s="457">
        <v>270125451</v>
      </c>
      <c r="KC10" s="463">
        <v>3535291</v>
      </c>
      <c r="KD10" s="464">
        <v>9671093</v>
      </c>
      <c r="KE10" s="459">
        <v>13206384</v>
      </c>
      <c r="KF10" s="462">
        <v>0</v>
      </c>
      <c r="KG10" s="455">
        <v>67728293</v>
      </c>
      <c r="KH10" s="455">
        <v>125760367</v>
      </c>
      <c r="KI10" s="455">
        <v>147400700</v>
      </c>
      <c r="KJ10" s="455">
        <v>120263194</v>
      </c>
      <c r="KK10" s="455">
        <v>75088650</v>
      </c>
      <c r="KL10" s="459">
        <v>536241204</v>
      </c>
      <c r="KM10" s="465">
        <v>549447588</v>
      </c>
      <c r="KN10" s="451">
        <v>0</v>
      </c>
      <c r="KO10" s="452">
        <v>4261322</v>
      </c>
      <c r="KP10" s="453">
        <v>4261322</v>
      </c>
      <c r="KQ10" s="454"/>
      <c r="KR10" s="455">
        <v>293711369</v>
      </c>
      <c r="KS10" s="455">
        <v>383762031</v>
      </c>
      <c r="KT10" s="455">
        <v>396965382</v>
      </c>
      <c r="KU10" s="455">
        <v>266237784</v>
      </c>
      <c r="KV10" s="455">
        <v>205084511</v>
      </c>
      <c r="KW10" s="459">
        <v>1545761077</v>
      </c>
      <c r="KX10" s="457">
        <v>1550022399</v>
      </c>
      <c r="KY10" s="458">
        <v>0</v>
      </c>
      <c r="KZ10" s="455">
        <v>0</v>
      </c>
      <c r="LA10" s="459">
        <v>0</v>
      </c>
      <c r="LB10" s="466"/>
      <c r="LC10" s="455">
        <v>169736</v>
      </c>
      <c r="LD10" s="455">
        <v>190720</v>
      </c>
      <c r="LE10" s="455">
        <v>850564</v>
      </c>
      <c r="LF10" s="455">
        <v>232999</v>
      </c>
      <c r="LG10" s="455">
        <v>1273050</v>
      </c>
      <c r="LH10" s="459">
        <v>2717069</v>
      </c>
      <c r="LI10" s="461">
        <v>2717069</v>
      </c>
      <c r="LJ10" s="458">
        <v>0</v>
      </c>
      <c r="LK10" s="455">
        <v>0</v>
      </c>
      <c r="LL10" s="459">
        <v>0</v>
      </c>
      <c r="LM10" s="466"/>
      <c r="LN10" s="455">
        <v>1005309</v>
      </c>
      <c r="LO10" s="455">
        <v>2992406</v>
      </c>
      <c r="LP10" s="455">
        <v>8225791</v>
      </c>
      <c r="LQ10" s="455">
        <v>12113174</v>
      </c>
      <c r="LR10" s="455">
        <v>7620596</v>
      </c>
      <c r="LS10" s="459">
        <v>31957276</v>
      </c>
      <c r="LT10" s="457">
        <v>31957276</v>
      </c>
      <c r="LU10" s="458">
        <v>0</v>
      </c>
      <c r="LV10" s="455">
        <v>0</v>
      </c>
      <c r="LW10" s="459">
        <v>0</v>
      </c>
      <c r="LX10" s="466"/>
      <c r="LY10" s="455">
        <v>5335647</v>
      </c>
      <c r="LZ10" s="455">
        <v>16912862</v>
      </c>
      <c r="MA10" s="455">
        <v>21100995</v>
      </c>
      <c r="MB10" s="455">
        <v>27893556</v>
      </c>
      <c r="MC10" s="455">
        <v>58289275</v>
      </c>
      <c r="MD10" s="459">
        <v>129532335</v>
      </c>
      <c r="ME10" s="461">
        <v>129532335</v>
      </c>
      <c r="MF10" s="458">
        <v>0</v>
      </c>
      <c r="MG10" s="455">
        <v>0</v>
      </c>
      <c r="MH10" s="459">
        <v>0</v>
      </c>
      <c r="MI10" s="466"/>
      <c r="MJ10" s="455">
        <v>222558430</v>
      </c>
      <c r="MK10" s="455">
        <v>669495114</v>
      </c>
      <c r="ML10" s="455">
        <v>1701764645</v>
      </c>
      <c r="MM10" s="455">
        <v>2490877515</v>
      </c>
      <c r="MN10" s="455">
        <v>1848311184</v>
      </c>
      <c r="MO10" s="459">
        <v>6933006888</v>
      </c>
      <c r="MP10" s="465">
        <v>6933006888</v>
      </c>
      <c r="MQ10" s="458">
        <v>0</v>
      </c>
      <c r="MR10" s="455">
        <v>0</v>
      </c>
      <c r="MS10" s="459">
        <v>0</v>
      </c>
      <c r="MT10" s="466"/>
      <c r="MU10" s="455">
        <v>50139670</v>
      </c>
      <c r="MV10" s="455">
        <v>218443672</v>
      </c>
      <c r="MW10" s="455">
        <v>1065578927</v>
      </c>
      <c r="MX10" s="455">
        <v>1643665341</v>
      </c>
      <c r="MY10" s="455">
        <v>1294130946</v>
      </c>
      <c r="MZ10" s="459">
        <v>4271958556</v>
      </c>
      <c r="NA10" s="465">
        <v>4271958556</v>
      </c>
      <c r="NB10" s="458">
        <v>0</v>
      </c>
      <c r="NC10" s="455">
        <v>0</v>
      </c>
      <c r="ND10" s="459">
        <v>0</v>
      </c>
      <c r="NE10" s="466"/>
      <c r="NF10" s="455">
        <v>172192257</v>
      </c>
      <c r="NG10" s="455">
        <v>449760554</v>
      </c>
      <c r="NH10" s="455">
        <v>631151086</v>
      </c>
      <c r="NI10" s="455">
        <v>798432880</v>
      </c>
      <c r="NJ10" s="455">
        <v>480324440</v>
      </c>
      <c r="NK10" s="459">
        <v>2531861217</v>
      </c>
      <c r="NL10" s="457">
        <v>2531861217</v>
      </c>
      <c r="NM10" s="458">
        <v>0</v>
      </c>
      <c r="NN10" s="455">
        <v>0</v>
      </c>
      <c r="NO10" s="459">
        <v>0</v>
      </c>
      <c r="NP10" s="466">
        <v>0</v>
      </c>
      <c r="NQ10" s="455">
        <v>0</v>
      </c>
      <c r="NR10" s="455">
        <v>0</v>
      </c>
      <c r="NS10" s="455">
        <v>633721</v>
      </c>
      <c r="NT10" s="455">
        <v>17748564</v>
      </c>
      <c r="NU10" s="455">
        <v>35471628</v>
      </c>
      <c r="NV10" s="459">
        <v>53853913</v>
      </c>
      <c r="NW10" s="461">
        <v>53853913</v>
      </c>
      <c r="NX10" s="458">
        <v>0</v>
      </c>
      <c r="NY10" s="455">
        <v>0</v>
      </c>
      <c r="NZ10" s="459">
        <v>0</v>
      </c>
      <c r="OA10" s="466"/>
      <c r="OB10" s="455">
        <v>226503</v>
      </c>
      <c r="OC10" s="455">
        <v>1290888</v>
      </c>
      <c r="OD10" s="455">
        <v>4400911</v>
      </c>
      <c r="OE10" s="455">
        <v>31030730</v>
      </c>
      <c r="OF10" s="455">
        <v>38384170</v>
      </c>
      <c r="OG10" s="459">
        <v>75333202</v>
      </c>
      <c r="OH10" s="461">
        <v>75333202</v>
      </c>
      <c r="OI10" s="458">
        <v>158486834</v>
      </c>
      <c r="OJ10" s="455">
        <v>373312130</v>
      </c>
      <c r="OK10" s="456">
        <v>531798964</v>
      </c>
      <c r="OL10" s="462">
        <v>0</v>
      </c>
      <c r="OM10" s="455">
        <v>2622959226</v>
      </c>
      <c r="ON10" s="455">
        <v>4694959451</v>
      </c>
      <c r="OO10" s="455">
        <v>4999613227</v>
      </c>
      <c r="OP10" s="455">
        <v>5383913611</v>
      </c>
      <c r="OQ10" s="455">
        <v>4071893737</v>
      </c>
      <c r="OR10" s="459">
        <v>21773339252</v>
      </c>
      <c r="OS10" s="465">
        <v>22305138216</v>
      </c>
    </row>
    <row r="11" spans="1:409" ht="21" customHeight="1" x14ac:dyDescent="0.2">
      <c r="B11" s="62" t="s">
        <v>6</v>
      </c>
      <c r="C11" s="110">
        <v>51383933</v>
      </c>
      <c r="D11" s="114">
        <v>92580154</v>
      </c>
      <c r="E11" s="113">
        <v>143964087</v>
      </c>
      <c r="F11" s="109">
        <v>0</v>
      </c>
      <c r="G11" s="114">
        <v>845160212</v>
      </c>
      <c r="H11" s="114">
        <v>887843271</v>
      </c>
      <c r="I11" s="114">
        <v>826503594</v>
      </c>
      <c r="J11" s="114">
        <v>844374032</v>
      </c>
      <c r="K11" s="114">
        <v>654758040</v>
      </c>
      <c r="L11" s="109">
        <v>4058639149</v>
      </c>
      <c r="M11" s="116">
        <v>4202603236</v>
      </c>
      <c r="N11" s="110">
        <v>13726623</v>
      </c>
      <c r="O11" s="114">
        <v>28273405</v>
      </c>
      <c r="P11" s="113">
        <v>42000028</v>
      </c>
      <c r="Q11" s="110">
        <v>0</v>
      </c>
      <c r="R11" s="114">
        <v>269079120</v>
      </c>
      <c r="S11" s="114">
        <v>307677864</v>
      </c>
      <c r="T11" s="114">
        <v>297823166</v>
      </c>
      <c r="U11" s="114">
        <v>338374984</v>
      </c>
      <c r="V11" s="114">
        <v>346812605</v>
      </c>
      <c r="W11" s="113">
        <v>1559767739</v>
      </c>
      <c r="X11" s="116">
        <v>1601767767</v>
      </c>
      <c r="Y11" s="110">
        <v>0</v>
      </c>
      <c r="Z11" s="114">
        <v>0</v>
      </c>
      <c r="AA11" s="113">
        <v>0</v>
      </c>
      <c r="AB11" s="110">
        <v>0</v>
      </c>
      <c r="AC11" s="114">
        <v>132534543</v>
      </c>
      <c r="AD11" s="114">
        <v>158351654</v>
      </c>
      <c r="AE11" s="114">
        <v>174625107</v>
      </c>
      <c r="AF11" s="114">
        <v>202359269</v>
      </c>
      <c r="AG11" s="114">
        <v>209103213</v>
      </c>
      <c r="AH11" s="113">
        <v>876973786</v>
      </c>
      <c r="AI11" s="116">
        <v>876973786</v>
      </c>
      <c r="AJ11" s="110">
        <v>0</v>
      </c>
      <c r="AK11" s="114">
        <v>143642</v>
      </c>
      <c r="AL11" s="113">
        <v>143642</v>
      </c>
      <c r="AM11" s="110">
        <v>0</v>
      </c>
      <c r="AN11" s="114">
        <v>688422</v>
      </c>
      <c r="AO11" s="114">
        <v>2877733</v>
      </c>
      <c r="AP11" s="114">
        <v>6077110</v>
      </c>
      <c r="AQ11" s="114">
        <v>17774132</v>
      </c>
      <c r="AR11" s="114">
        <v>35319946</v>
      </c>
      <c r="AS11" s="113">
        <v>62737343</v>
      </c>
      <c r="AT11" s="116">
        <v>62880985</v>
      </c>
      <c r="AU11" s="110">
        <v>7218657</v>
      </c>
      <c r="AV11" s="114">
        <v>19878317</v>
      </c>
      <c r="AW11" s="113">
        <v>27096974</v>
      </c>
      <c r="AX11" s="110">
        <v>0</v>
      </c>
      <c r="AY11" s="114">
        <v>84180730</v>
      </c>
      <c r="AZ11" s="114">
        <v>90119599</v>
      </c>
      <c r="BA11" s="114">
        <v>66358335</v>
      </c>
      <c r="BB11" s="114">
        <v>66459031</v>
      </c>
      <c r="BC11" s="114">
        <v>62199194</v>
      </c>
      <c r="BD11" s="113">
        <v>369316889</v>
      </c>
      <c r="BE11" s="116">
        <v>396413863</v>
      </c>
      <c r="BF11" s="110">
        <v>466314</v>
      </c>
      <c r="BG11" s="114">
        <v>1663256</v>
      </c>
      <c r="BH11" s="112">
        <v>2129570</v>
      </c>
      <c r="BI11" s="111">
        <v>0</v>
      </c>
      <c r="BJ11" s="114">
        <v>6445483</v>
      </c>
      <c r="BK11" s="114">
        <v>7647578</v>
      </c>
      <c r="BL11" s="114">
        <v>5179119</v>
      </c>
      <c r="BM11" s="114">
        <v>5057904</v>
      </c>
      <c r="BN11" s="114">
        <v>3107220</v>
      </c>
      <c r="BO11" s="113">
        <v>27437304</v>
      </c>
      <c r="BP11" s="116">
        <v>29566874</v>
      </c>
      <c r="BQ11" s="110">
        <v>6041652</v>
      </c>
      <c r="BR11" s="114">
        <v>6588190</v>
      </c>
      <c r="BS11" s="113">
        <v>12629842</v>
      </c>
      <c r="BT11" s="110">
        <v>0</v>
      </c>
      <c r="BU11" s="114">
        <v>45229942</v>
      </c>
      <c r="BV11" s="114">
        <v>48681300</v>
      </c>
      <c r="BW11" s="114">
        <v>45583495</v>
      </c>
      <c r="BX11" s="114">
        <v>46724648</v>
      </c>
      <c r="BY11" s="114">
        <v>37083032</v>
      </c>
      <c r="BZ11" s="113">
        <v>223302417</v>
      </c>
      <c r="CA11" s="116">
        <v>235932259</v>
      </c>
      <c r="CB11" s="110">
        <v>2580326</v>
      </c>
      <c r="CC11" s="114">
        <v>8493336</v>
      </c>
      <c r="CD11" s="113">
        <v>11073662</v>
      </c>
      <c r="CE11" s="110">
        <v>0</v>
      </c>
      <c r="CF11" s="114">
        <v>236008703</v>
      </c>
      <c r="CG11" s="114">
        <v>228195506</v>
      </c>
      <c r="CH11" s="114">
        <v>188611612</v>
      </c>
      <c r="CI11" s="114">
        <v>139033376</v>
      </c>
      <c r="CJ11" s="114">
        <v>69357590</v>
      </c>
      <c r="CK11" s="113">
        <v>861206787</v>
      </c>
      <c r="CL11" s="116">
        <v>872280449</v>
      </c>
      <c r="CM11" s="110">
        <v>0</v>
      </c>
      <c r="CN11" s="114">
        <v>0</v>
      </c>
      <c r="CO11" s="113">
        <v>0</v>
      </c>
      <c r="CP11" s="111">
        <v>0</v>
      </c>
      <c r="CQ11" s="114">
        <v>204407995</v>
      </c>
      <c r="CR11" s="114">
        <v>184039159</v>
      </c>
      <c r="CS11" s="114">
        <v>146589906</v>
      </c>
      <c r="CT11" s="114">
        <v>108005210</v>
      </c>
      <c r="CU11" s="114">
        <v>57225501</v>
      </c>
      <c r="CV11" s="113">
        <v>700267771</v>
      </c>
      <c r="CW11" s="116">
        <v>700267771</v>
      </c>
      <c r="CX11" s="110">
        <v>2580326</v>
      </c>
      <c r="CY11" s="114">
        <v>8493336</v>
      </c>
      <c r="CZ11" s="113">
        <v>11073662</v>
      </c>
      <c r="DA11" s="110">
        <v>0</v>
      </c>
      <c r="DB11" s="114">
        <v>31600708</v>
      </c>
      <c r="DC11" s="114">
        <v>44156347</v>
      </c>
      <c r="DD11" s="114">
        <v>42021706</v>
      </c>
      <c r="DE11" s="114">
        <v>31028166</v>
      </c>
      <c r="DF11" s="114">
        <v>12132089</v>
      </c>
      <c r="DG11" s="113">
        <v>160939016</v>
      </c>
      <c r="DH11" s="116">
        <v>172012678</v>
      </c>
      <c r="DI11" s="110">
        <v>119757</v>
      </c>
      <c r="DJ11" s="114">
        <v>1328381</v>
      </c>
      <c r="DK11" s="112">
        <v>1448138</v>
      </c>
      <c r="DL11" s="111">
        <v>0</v>
      </c>
      <c r="DM11" s="114">
        <v>17664882</v>
      </c>
      <c r="DN11" s="114">
        <v>31437961</v>
      </c>
      <c r="DO11" s="114">
        <v>52939758</v>
      </c>
      <c r="DP11" s="114">
        <v>49859882</v>
      </c>
      <c r="DQ11" s="114">
        <v>28401100</v>
      </c>
      <c r="DR11" s="113">
        <v>180303583</v>
      </c>
      <c r="DS11" s="116">
        <v>181751721</v>
      </c>
      <c r="DT11" s="110">
        <v>119757</v>
      </c>
      <c r="DU11" s="114">
        <v>1328381</v>
      </c>
      <c r="DV11" s="113">
        <v>1448138</v>
      </c>
      <c r="DW11" s="110">
        <v>0</v>
      </c>
      <c r="DX11" s="114">
        <v>16216548</v>
      </c>
      <c r="DY11" s="114">
        <v>28824886</v>
      </c>
      <c r="DZ11" s="114">
        <v>47873273</v>
      </c>
      <c r="EA11" s="114">
        <v>43200318</v>
      </c>
      <c r="EB11" s="114">
        <v>24865505</v>
      </c>
      <c r="EC11" s="113">
        <v>160980530</v>
      </c>
      <c r="ED11" s="116">
        <v>162428668</v>
      </c>
      <c r="EE11" s="110">
        <v>0</v>
      </c>
      <c r="EF11" s="112">
        <v>0</v>
      </c>
      <c r="EG11" s="113">
        <v>0</v>
      </c>
      <c r="EH11" s="110">
        <v>0</v>
      </c>
      <c r="EI11" s="114">
        <v>1448334</v>
      </c>
      <c r="EJ11" s="114">
        <v>2613075</v>
      </c>
      <c r="EK11" s="114">
        <v>5066485</v>
      </c>
      <c r="EL11" s="114">
        <v>6659564</v>
      </c>
      <c r="EM11" s="114">
        <v>3535595</v>
      </c>
      <c r="EN11" s="112">
        <v>19323053</v>
      </c>
      <c r="EO11" s="116">
        <v>19323053</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11038831</v>
      </c>
      <c r="FM11" s="114">
        <v>21322048</v>
      </c>
      <c r="FN11" s="113">
        <v>32360879</v>
      </c>
      <c r="FO11" s="110">
        <v>0</v>
      </c>
      <c r="FP11" s="114">
        <v>44308566</v>
      </c>
      <c r="FQ11" s="114">
        <v>79667215</v>
      </c>
      <c r="FR11" s="114">
        <v>67373693</v>
      </c>
      <c r="FS11" s="114">
        <v>66215064</v>
      </c>
      <c r="FT11" s="114">
        <v>50130319</v>
      </c>
      <c r="FU11" s="113">
        <v>307694857</v>
      </c>
      <c r="FV11" s="116">
        <v>340055736</v>
      </c>
      <c r="FW11" s="115">
        <v>7241822</v>
      </c>
      <c r="FX11" s="114">
        <v>17024371</v>
      </c>
      <c r="FY11" s="112">
        <v>24266193</v>
      </c>
      <c r="FZ11" s="111">
        <v>0</v>
      </c>
      <c r="GA11" s="114">
        <v>38672640</v>
      </c>
      <c r="GB11" s="114">
        <v>74474598</v>
      </c>
      <c r="GC11" s="114">
        <v>62725988</v>
      </c>
      <c r="GD11" s="114">
        <v>62573665</v>
      </c>
      <c r="GE11" s="114">
        <v>47189189</v>
      </c>
      <c r="GF11" s="113">
        <v>285636080</v>
      </c>
      <c r="GG11" s="318">
        <v>309902273</v>
      </c>
      <c r="GH11" s="115">
        <v>947037</v>
      </c>
      <c r="GI11" s="114">
        <v>1170416</v>
      </c>
      <c r="GJ11" s="112">
        <v>2117453</v>
      </c>
      <c r="GK11" s="111">
        <v>0</v>
      </c>
      <c r="GL11" s="114">
        <v>2194168</v>
      </c>
      <c r="GM11" s="114">
        <v>2132671</v>
      </c>
      <c r="GN11" s="114">
        <v>2223179</v>
      </c>
      <c r="GO11" s="114">
        <v>1939653</v>
      </c>
      <c r="GP11" s="114">
        <v>1375552</v>
      </c>
      <c r="GQ11" s="113">
        <v>9865223</v>
      </c>
      <c r="GR11" s="116">
        <v>11982676</v>
      </c>
      <c r="GS11" s="110">
        <v>2849972</v>
      </c>
      <c r="GT11" s="114">
        <v>3127261</v>
      </c>
      <c r="GU11" s="113">
        <v>5977233</v>
      </c>
      <c r="GV11" s="110">
        <v>0</v>
      </c>
      <c r="GW11" s="114">
        <v>3441758</v>
      </c>
      <c r="GX11" s="114">
        <v>3059946</v>
      </c>
      <c r="GY11" s="114">
        <v>2424526</v>
      </c>
      <c r="GZ11" s="114">
        <v>1701746</v>
      </c>
      <c r="HA11" s="114">
        <v>1565578</v>
      </c>
      <c r="HB11" s="112">
        <v>12193554</v>
      </c>
      <c r="HC11" s="116">
        <v>18170787</v>
      </c>
      <c r="HD11" s="110">
        <v>14374566</v>
      </c>
      <c r="HE11" s="114">
        <v>16736441</v>
      </c>
      <c r="HF11" s="112">
        <v>31111007</v>
      </c>
      <c r="HG11" s="111">
        <v>0</v>
      </c>
      <c r="HH11" s="114">
        <v>138334250</v>
      </c>
      <c r="HI11" s="114">
        <v>133224139</v>
      </c>
      <c r="HJ11" s="114">
        <v>137624757</v>
      </c>
      <c r="HK11" s="114">
        <v>186684092</v>
      </c>
      <c r="HL11" s="114">
        <v>120932929</v>
      </c>
      <c r="HM11" s="113">
        <v>716800167</v>
      </c>
      <c r="HN11" s="109">
        <v>747911174</v>
      </c>
      <c r="HO11" s="115">
        <v>9543830</v>
      </c>
      <c r="HP11" s="114">
        <v>16426543</v>
      </c>
      <c r="HQ11" s="113">
        <v>25970373</v>
      </c>
      <c r="HR11" s="110">
        <v>0</v>
      </c>
      <c r="HS11" s="114">
        <v>139764691</v>
      </c>
      <c r="HT11" s="114">
        <v>107640586</v>
      </c>
      <c r="HU11" s="114">
        <v>82130608</v>
      </c>
      <c r="HV11" s="114">
        <v>64206634</v>
      </c>
      <c r="HW11" s="114">
        <v>39123497</v>
      </c>
      <c r="HX11" s="112">
        <v>432866016</v>
      </c>
      <c r="HY11" s="116">
        <v>458836389</v>
      </c>
      <c r="HZ11" s="131">
        <v>1180588</v>
      </c>
      <c r="IA11" s="132">
        <v>4022079</v>
      </c>
      <c r="IB11" s="133">
        <v>5202667</v>
      </c>
      <c r="IC11" s="146">
        <v>0</v>
      </c>
      <c r="ID11" s="132">
        <v>277134237</v>
      </c>
      <c r="IE11" s="147">
        <v>325222177</v>
      </c>
      <c r="IF11" s="133">
        <v>349632253</v>
      </c>
      <c r="IG11" s="132">
        <v>292754904</v>
      </c>
      <c r="IH11" s="133">
        <v>217126388</v>
      </c>
      <c r="II11" s="148">
        <v>1461869959</v>
      </c>
      <c r="IJ11" s="139">
        <v>1467072626</v>
      </c>
      <c r="IK11" s="232">
        <v>170265</v>
      </c>
      <c r="IL11" s="236">
        <v>0</v>
      </c>
      <c r="IM11" s="237">
        <v>170265</v>
      </c>
      <c r="IN11" s="140">
        <v>0</v>
      </c>
      <c r="IO11" s="119">
        <v>5883501</v>
      </c>
      <c r="IP11" s="119">
        <v>9735799</v>
      </c>
      <c r="IQ11" s="119">
        <v>11799109</v>
      </c>
      <c r="IR11" s="119">
        <v>25334516</v>
      </c>
      <c r="IS11" s="119">
        <v>30044422</v>
      </c>
      <c r="IT11" s="141">
        <v>82797347</v>
      </c>
      <c r="IU11" s="320">
        <v>82967612</v>
      </c>
      <c r="IV11" s="142">
        <v>0</v>
      </c>
      <c r="IW11" s="119">
        <v>0</v>
      </c>
      <c r="IX11" s="120">
        <v>0</v>
      </c>
      <c r="IY11" s="144">
        <v>0</v>
      </c>
      <c r="IZ11" s="119">
        <v>1346509</v>
      </c>
      <c r="JA11" s="119">
        <v>2005000</v>
      </c>
      <c r="JB11" s="119">
        <v>2402215</v>
      </c>
      <c r="JC11" s="119">
        <v>3382022</v>
      </c>
      <c r="JD11" s="119">
        <v>3200823</v>
      </c>
      <c r="JE11" s="120">
        <v>12336569</v>
      </c>
      <c r="JF11" s="121">
        <v>12336569</v>
      </c>
      <c r="JG11" s="142">
        <v>0</v>
      </c>
      <c r="JH11" s="119">
        <v>0</v>
      </c>
      <c r="JI11" s="141">
        <v>0</v>
      </c>
      <c r="JJ11" s="118">
        <v>0</v>
      </c>
      <c r="JK11" s="119">
        <v>92006949</v>
      </c>
      <c r="JL11" s="119">
        <v>83042354</v>
      </c>
      <c r="JM11" s="119">
        <v>66768877</v>
      </c>
      <c r="JN11" s="119">
        <v>44466750</v>
      </c>
      <c r="JO11" s="119">
        <v>25104722</v>
      </c>
      <c r="JP11" s="120">
        <v>311389652</v>
      </c>
      <c r="JQ11" s="320">
        <v>311389652</v>
      </c>
      <c r="JR11" s="142">
        <v>84757</v>
      </c>
      <c r="JS11" s="119">
        <v>44279</v>
      </c>
      <c r="JT11" s="141">
        <v>129036</v>
      </c>
      <c r="JU11" s="118">
        <v>0</v>
      </c>
      <c r="JV11" s="119">
        <v>16259897</v>
      </c>
      <c r="JW11" s="119">
        <v>20844059</v>
      </c>
      <c r="JX11" s="119">
        <v>29408956</v>
      </c>
      <c r="JY11" s="119">
        <v>20250989</v>
      </c>
      <c r="JZ11" s="119">
        <v>13914329</v>
      </c>
      <c r="KA11" s="120">
        <v>100678230</v>
      </c>
      <c r="KB11" s="320">
        <v>100807266</v>
      </c>
      <c r="KC11" s="234">
        <v>925566</v>
      </c>
      <c r="KD11" s="230">
        <v>2742136</v>
      </c>
      <c r="KE11" s="120">
        <v>3667702</v>
      </c>
      <c r="KF11" s="118">
        <v>0</v>
      </c>
      <c r="KG11" s="119">
        <v>31726576</v>
      </c>
      <c r="KH11" s="119">
        <v>47431057</v>
      </c>
      <c r="KI11" s="119">
        <v>45300353</v>
      </c>
      <c r="KJ11" s="119">
        <v>36037341</v>
      </c>
      <c r="KK11" s="119">
        <v>19809162</v>
      </c>
      <c r="KL11" s="120">
        <v>180304489</v>
      </c>
      <c r="KM11" s="143">
        <v>183972191</v>
      </c>
      <c r="KN11" s="232">
        <v>0</v>
      </c>
      <c r="KO11" s="236">
        <v>1235664</v>
      </c>
      <c r="KP11" s="237">
        <v>1235664</v>
      </c>
      <c r="KQ11" s="140"/>
      <c r="KR11" s="119">
        <v>120839125</v>
      </c>
      <c r="KS11" s="119">
        <v>143316529</v>
      </c>
      <c r="KT11" s="119">
        <v>154894637</v>
      </c>
      <c r="KU11" s="119">
        <v>107038712</v>
      </c>
      <c r="KV11" s="119">
        <v>70515800</v>
      </c>
      <c r="KW11" s="120">
        <v>596604803</v>
      </c>
      <c r="KX11" s="320">
        <v>597840467</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139516</v>
      </c>
      <c r="LO11" s="119">
        <v>1223363</v>
      </c>
      <c r="LP11" s="119">
        <v>18171313</v>
      </c>
      <c r="LQ11" s="119">
        <v>29012354</v>
      </c>
      <c r="LR11" s="119">
        <v>20311863</v>
      </c>
      <c r="LS11" s="120">
        <v>69858409</v>
      </c>
      <c r="LT11" s="320">
        <v>69858409</v>
      </c>
      <c r="LU11" s="142">
        <v>0</v>
      </c>
      <c r="LV11" s="119">
        <v>0</v>
      </c>
      <c r="LW11" s="120">
        <v>0</v>
      </c>
      <c r="LX11" s="145"/>
      <c r="LY11" s="119">
        <v>7932164</v>
      </c>
      <c r="LZ11" s="119">
        <v>17624016</v>
      </c>
      <c r="MA11" s="119">
        <v>20886793</v>
      </c>
      <c r="MB11" s="119">
        <v>27232220</v>
      </c>
      <c r="MC11" s="119">
        <v>34225267</v>
      </c>
      <c r="MD11" s="120">
        <v>107900460</v>
      </c>
      <c r="ME11" s="121">
        <v>107900460</v>
      </c>
      <c r="MF11" s="142">
        <v>0</v>
      </c>
      <c r="MG11" s="119">
        <v>0</v>
      </c>
      <c r="MH11" s="120">
        <v>0</v>
      </c>
      <c r="MI11" s="145"/>
      <c r="MJ11" s="119">
        <v>69923461</v>
      </c>
      <c r="MK11" s="119">
        <v>132098580</v>
      </c>
      <c r="ML11" s="119">
        <v>461922442</v>
      </c>
      <c r="MM11" s="119">
        <v>737417980</v>
      </c>
      <c r="MN11" s="119">
        <v>522950580</v>
      </c>
      <c r="MO11" s="120">
        <v>1924313043</v>
      </c>
      <c r="MP11" s="143">
        <v>1924313043</v>
      </c>
      <c r="MQ11" s="142">
        <v>0</v>
      </c>
      <c r="MR11" s="119">
        <v>0</v>
      </c>
      <c r="MS11" s="120">
        <v>0</v>
      </c>
      <c r="MT11" s="145"/>
      <c r="MU11" s="119">
        <v>17026046</v>
      </c>
      <c r="MV11" s="119">
        <v>40130817</v>
      </c>
      <c r="MW11" s="119">
        <v>320000904</v>
      </c>
      <c r="MX11" s="119">
        <v>480421115</v>
      </c>
      <c r="MY11" s="119">
        <v>370672762</v>
      </c>
      <c r="MZ11" s="120">
        <v>1228251644</v>
      </c>
      <c r="NA11" s="143">
        <v>1228251644</v>
      </c>
      <c r="NB11" s="142">
        <v>0</v>
      </c>
      <c r="NC11" s="119">
        <v>0</v>
      </c>
      <c r="ND11" s="120">
        <v>0</v>
      </c>
      <c r="NE11" s="145"/>
      <c r="NF11" s="119">
        <v>52897415</v>
      </c>
      <c r="NG11" s="119">
        <v>91714827</v>
      </c>
      <c r="NH11" s="119">
        <v>137503878</v>
      </c>
      <c r="NI11" s="119">
        <v>223182263</v>
      </c>
      <c r="NJ11" s="119">
        <v>96497253</v>
      </c>
      <c r="NK11" s="120">
        <v>601795636</v>
      </c>
      <c r="NL11" s="320">
        <v>601795636</v>
      </c>
      <c r="NM11" s="142">
        <v>0</v>
      </c>
      <c r="NN11" s="119">
        <v>0</v>
      </c>
      <c r="NO11" s="120">
        <v>0</v>
      </c>
      <c r="NP11" s="145">
        <v>0</v>
      </c>
      <c r="NQ11" s="119">
        <v>0</v>
      </c>
      <c r="NR11" s="119">
        <v>0</v>
      </c>
      <c r="NS11" s="119">
        <v>3017035</v>
      </c>
      <c r="NT11" s="119">
        <v>19600530</v>
      </c>
      <c r="NU11" s="119">
        <v>32052171</v>
      </c>
      <c r="NV11" s="120">
        <v>54669736</v>
      </c>
      <c r="NW11" s="121">
        <v>54669736</v>
      </c>
      <c r="NX11" s="142">
        <v>0</v>
      </c>
      <c r="NY11" s="119">
        <v>0</v>
      </c>
      <c r="NZ11" s="120">
        <v>0</v>
      </c>
      <c r="OA11" s="145"/>
      <c r="OB11" s="119">
        <v>0</v>
      </c>
      <c r="OC11" s="119">
        <v>252936</v>
      </c>
      <c r="OD11" s="119">
        <v>1400625</v>
      </c>
      <c r="OE11" s="119">
        <v>14214072</v>
      </c>
      <c r="OF11" s="119">
        <v>23728394</v>
      </c>
      <c r="OG11" s="120">
        <v>39596027</v>
      </c>
      <c r="OH11" s="121">
        <v>39596027</v>
      </c>
      <c r="OI11" s="142">
        <v>52564521</v>
      </c>
      <c r="OJ11" s="119">
        <v>96602233</v>
      </c>
      <c r="OK11" s="141">
        <v>149166754</v>
      </c>
      <c r="OL11" s="118">
        <v>0</v>
      </c>
      <c r="OM11" s="119">
        <v>1192217910</v>
      </c>
      <c r="ON11" s="119">
        <v>1345164028</v>
      </c>
      <c r="OO11" s="119">
        <v>1638058289</v>
      </c>
      <c r="OP11" s="119">
        <v>1874546916</v>
      </c>
      <c r="OQ11" s="119">
        <v>1394835008</v>
      </c>
      <c r="OR11" s="120">
        <v>7444822151</v>
      </c>
      <c r="OS11" s="143">
        <v>7593988905</v>
      </c>
    </row>
    <row r="12" spans="1:409" ht="21" customHeight="1" x14ac:dyDescent="0.2">
      <c r="B12" s="62" t="s">
        <v>14</v>
      </c>
      <c r="C12" s="110">
        <v>27417143</v>
      </c>
      <c r="D12" s="114">
        <v>70671074</v>
      </c>
      <c r="E12" s="113">
        <v>98088217</v>
      </c>
      <c r="F12" s="109">
        <v>0</v>
      </c>
      <c r="G12" s="114">
        <v>327497780</v>
      </c>
      <c r="H12" s="114">
        <v>501212783</v>
      </c>
      <c r="I12" s="114">
        <v>456856819</v>
      </c>
      <c r="J12" s="114">
        <v>399230423</v>
      </c>
      <c r="K12" s="114">
        <v>294677565</v>
      </c>
      <c r="L12" s="112">
        <v>1979475370</v>
      </c>
      <c r="M12" s="116">
        <v>2077563587</v>
      </c>
      <c r="N12" s="110">
        <v>5395375</v>
      </c>
      <c r="O12" s="114">
        <v>17287659</v>
      </c>
      <c r="P12" s="113">
        <v>22683034</v>
      </c>
      <c r="Q12" s="110">
        <v>0</v>
      </c>
      <c r="R12" s="114">
        <v>92827814</v>
      </c>
      <c r="S12" s="114">
        <v>157354361</v>
      </c>
      <c r="T12" s="114">
        <v>146704255</v>
      </c>
      <c r="U12" s="114">
        <v>147410506</v>
      </c>
      <c r="V12" s="114">
        <v>145295258</v>
      </c>
      <c r="W12" s="113">
        <v>689592194</v>
      </c>
      <c r="X12" s="116">
        <v>712275228</v>
      </c>
      <c r="Y12" s="110">
        <v>0</v>
      </c>
      <c r="Z12" s="114">
        <v>0</v>
      </c>
      <c r="AA12" s="113">
        <v>0</v>
      </c>
      <c r="AB12" s="110">
        <v>0</v>
      </c>
      <c r="AC12" s="114">
        <v>48581771</v>
      </c>
      <c r="AD12" s="114">
        <v>85065984</v>
      </c>
      <c r="AE12" s="114">
        <v>84471966</v>
      </c>
      <c r="AF12" s="114">
        <v>87503732</v>
      </c>
      <c r="AG12" s="114">
        <v>84401633</v>
      </c>
      <c r="AH12" s="113">
        <v>390025086</v>
      </c>
      <c r="AI12" s="116">
        <v>390025086</v>
      </c>
      <c r="AJ12" s="110">
        <v>0</v>
      </c>
      <c r="AK12" s="114">
        <v>109971</v>
      </c>
      <c r="AL12" s="113">
        <v>109971</v>
      </c>
      <c r="AM12" s="110">
        <v>0</v>
      </c>
      <c r="AN12" s="114">
        <v>306484</v>
      </c>
      <c r="AO12" s="114">
        <v>1058673</v>
      </c>
      <c r="AP12" s="114">
        <v>3511246</v>
      </c>
      <c r="AQ12" s="114">
        <v>7319751</v>
      </c>
      <c r="AR12" s="114">
        <v>15487569</v>
      </c>
      <c r="AS12" s="113">
        <v>27683723</v>
      </c>
      <c r="AT12" s="116">
        <v>27793694</v>
      </c>
      <c r="AU12" s="110">
        <v>2695729</v>
      </c>
      <c r="AV12" s="114">
        <v>12482079</v>
      </c>
      <c r="AW12" s="113">
        <v>15177808</v>
      </c>
      <c r="AX12" s="110">
        <v>0</v>
      </c>
      <c r="AY12" s="114">
        <v>25296048</v>
      </c>
      <c r="AZ12" s="114">
        <v>45177477</v>
      </c>
      <c r="BA12" s="114">
        <v>33775332</v>
      </c>
      <c r="BB12" s="114">
        <v>31118170</v>
      </c>
      <c r="BC12" s="114">
        <v>29232506</v>
      </c>
      <c r="BD12" s="113">
        <v>164599533</v>
      </c>
      <c r="BE12" s="116">
        <v>179777341</v>
      </c>
      <c r="BF12" s="110">
        <v>248326</v>
      </c>
      <c r="BG12" s="114">
        <v>1366608</v>
      </c>
      <c r="BH12" s="112">
        <v>1614934</v>
      </c>
      <c r="BI12" s="111">
        <v>0</v>
      </c>
      <c r="BJ12" s="114">
        <v>937598</v>
      </c>
      <c r="BK12" s="114">
        <v>3482231</v>
      </c>
      <c r="BL12" s="114">
        <v>1801029</v>
      </c>
      <c r="BM12" s="114">
        <v>1974850</v>
      </c>
      <c r="BN12" s="114">
        <v>1063617</v>
      </c>
      <c r="BO12" s="113">
        <v>9259325</v>
      </c>
      <c r="BP12" s="116">
        <v>10874259</v>
      </c>
      <c r="BQ12" s="110">
        <v>2451320</v>
      </c>
      <c r="BR12" s="114">
        <v>3329001</v>
      </c>
      <c r="BS12" s="113">
        <v>5780321</v>
      </c>
      <c r="BT12" s="110">
        <v>0</v>
      </c>
      <c r="BU12" s="114">
        <v>17705913</v>
      </c>
      <c r="BV12" s="114">
        <v>22569996</v>
      </c>
      <c r="BW12" s="114">
        <v>23144682</v>
      </c>
      <c r="BX12" s="114">
        <v>19494003</v>
      </c>
      <c r="BY12" s="114">
        <v>15109933</v>
      </c>
      <c r="BZ12" s="113">
        <v>98024527</v>
      </c>
      <c r="CA12" s="116">
        <v>103804848</v>
      </c>
      <c r="CB12" s="110">
        <v>1704951</v>
      </c>
      <c r="CC12" s="114">
        <v>7368753</v>
      </c>
      <c r="CD12" s="113">
        <v>9073704</v>
      </c>
      <c r="CE12" s="110">
        <v>0</v>
      </c>
      <c r="CF12" s="114">
        <v>98445776</v>
      </c>
      <c r="CG12" s="114">
        <v>148149552</v>
      </c>
      <c r="CH12" s="114">
        <v>126079839</v>
      </c>
      <c r="CI12" s="114">
        <v>85633034</v>
      </c>
      <c r="CJ12" s="114">
        <v>43700304</v>
      </c>
      <c r="CK12" s="113">
        <v>502008505</v>
      </c>
      <c r="CL12" s="116">
        <v>511082209</v>
      </c>
      <c r="CM12" s="110">
        <v>0</v>
      </c>
      <c r="CN12" s="114">
        <v>0</v>
      </c>
      <c r="CO12" s="113">
        <v>0</v>
      </c>
      <c r="CP12" s="111">
        <v>0</v>
      </c>
      <c r="CQ12" s="114">
        <v>91454454</v>
      </c>
      <c r="CR12" s="114">
        <v>125895899</v>
      </c>
      <c r="CS12" s="114">
        <v>108035367</v>
      </c>
      <c r="CT12" s="114">
        <v>71181067</v>
      </c>
      <c r="CU12" s="114">
        <v>38787269</v>
      </c>
      <c r="CV12" s="113">
        <v>435354056</v>
      </c>
      <c r="CW12" s="116">
        <v>435354056</v>
      </c>
      <c r="CX12" s="110">
        <v>1704951</v>
      </c>
      <c r="CY12" s="114">
        <v>7368753</v>
      </c>
      <c r="CZ12" s="113">
        <v>9073704</v>
      </c>
      <c r="DA12" s="110">
        <v>0</v>
      </c>
      <c r="DB12" s="114">
        <v>6991322</v>
      </c>
      <c r="DC12" s="114">
        <v>22253653</v>
      </c>
      <c r="DD12" s="114">
        <v>18044472</v>
      </c>
      <c r="DE12" s="114">
        <v>14451967</v>
      </c>
      <c r="DF12" s="114">
        <v>4913035</v>
      </c>
      <c r="DG12" s="113">
        <v>66654449</v>
      </c>
      <c r="DH12" s="116">
        <v>75728153</v>
      </c>
      <c r="DI12" s="110">
        <v>21848</v>
      </c>
      <c r="DJ12" s="114">
        <v>466197</v>
      </c>
      <c r="DK12" s="112">
        <v>488045</v>
      </c>
      <c r="DL12" s="111">
        <v>0</v>
      </c>
      <c r="DM12" s="114">
        <v>6503641</v>
      </c>
      <c r="DN12" s="114">
        <v>19717627</v>
      </c>
      <c r="DO12" s="114">
        <v>43005160</v>
      </c>
      <c r="DP12" s="114">
        <v>36112429</v>
      </c>
      <c r="DQ12" s="114">
        <v>20191120</v>
      </c>
      <c r="DR12" s="113">
        <v>125529977</v>
      </c>
      <c r="DS12" s="116">
        <v>126018022</v>
      </c>
      <c r="DT12" s="110">
        <v>21848</v>
      </c>
      <c r="DU12" s="114">
        <v>466197</v>
      </c>
      <c r="DV12" s="113">
        <v>488045</v>
      </c>
      <c r="DW12" s="110">
        <v>0</v>
      </c>
      <c r="DX12" s="114">
        <v>6503641</v>
      </c>
      <c r="DY12" s="114">
        <v>19355940</v>
      </c>
      <c r="DZ12" s="114">
        <v>42181530</v>
      </c>
      <c r="EA12" s="114">
        <v>35376260</v>
      </c>
      <c r="EB12" s="114">
        <v>19558019</v>
      </c>
      <c r="EC12" s="113">
        <v>122975390</v>
      </c>
      <c r="ED12" s="116">
        <v>123463435</v>
      </c>
      <c r="EE12" s="110">
        <v>0</v>
      </c>
      <c r="EF12" s="112">
        <v>0</v>
      </c>
      <c r="EG12" s="113">
        <v>0</v>
      </c>
      <c r="EH12" s="110">
        <v>0</v>
      </c>
      <c r="EI12" s="114">
        <v>0</v>
      </c>
      <c r="EJ12" s="114">
        <v>361687</v>
      </c>
      <c r="EK12" s="114">
        <v>823630</v>
      </c>
      <c r="EL12" s="114">
        <v>736169</v>
      </c>
      <c r="EM12" s="114">
        <v>633101</v>
      </c>
      <c r="EN12" s="112">
        <v>2554587</v>
      </c>
      <c r="EO12" s="116">
        <v>2554587</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7860600</v>
      </c>
      <c r="FM12" s="114">
        <v>21806173</v>
      </c>
      <c r="FN12" s="113">
        <v>29666773</v>
      </c>
      <c r="FO12" s="110">
        <v>0</v>
      </c>
      <c r="FP12" s="114">
        <v>18706175</v>
      </c>
      <c r="FQ12" s="114">
        <v>52305418</v>
      </c>
      <c r="FR12" s="114">
        <v>38692330</v>
      </c>
      <c r="FS12" s="114">
        <v>34148608</v>
      </c>
      <c r="FT12" s="114">
        <v>24271172</v>
      </c>
      <c r="FU12" s="113">
        <v>168123703</v>
      </c>
      <c r="FV12" s="116">
        <v>197790476</v>
      </c>
      <c r="FW12" s="115">
        <v>4587127</v>
      </c>
      <c r="FX12" s="114">
        <v>17086438</v>
      </c>
      <c r="FY12" s="112">
        <v>21673565</v>
      </c>
      <c r="FZ12" s="111">
        <v>0</v>
      </c>
      <c r="GA12" s="114">
        <v>14691297</v>
      </c>
      <c r="GB12" s="114">
        <v>47508342</v>
      </c>
      <c r="GC12" s="114">
        <v>35991832</v>
      </c>
      <c r="GD12" s="114">
        <v>31603479</v>
      </c>
      <c r="GE12" s="114">
        <v>23220100</v>
      </c>
      <c r="GF12" s="113">
        <v>153015050</v>
      </c>
      <c r="GG12" s="318">
        <v>174688615</v>
      </c>
      <c r="GH12" s="115">
        <v>355818</v>
      </c>
      <c r="GI12" s="114">
        <v>1302871</v>
      </c>
      <c r="GJ12" s="112">
        <v>1658689</v>
      </c>
      <c r="GK12" s="111">
        <v>0</v>
      </c>
      <c r="GL12" s="114">
        <v>596385</v>
      </c>
      <c r="GM12" s="114">
        <v>1360862</v>
      </c>
      <c r="GN12" s="114">
        <v>1009173</v>
      </c>
      <c r="GO12" s="114">
        <v>1287013</v>
      </c>
      <c r="GP12" s="114">
        <v>403882</v>
      </c>
      <c r="GQ12" s="113">
        <v>4657315</v>
      </c>
      <c r="GR12" s="116">
        <v>6316004</v>
      </c>
      <c r="GS12" s="110">
        <v>2917655</v>
      </c>
      <c r="GT12" s="114">
        <v>3416864</v>
      </c>
      <c r="GU12" s="113">
        <v>6334519</v>
      </c>
      <c r="GV12" s="110">
        <v>0</v>
      </c>
      <c r="GW12" s="114">
        <v>3418493</v>
      </c>
      <c r="GX12" s="114">
        <v>3436214</v>
      </c>
      <c r="GY12" s="114">
        <v>1691325</v>
      </c>
      <c r="GZ12" s="114">
        <v>1258116</v>
      </c>
      <c r="HA12" s="114">
        <v>647190</v>
      </c>
      <c r="HB12" s="112">
        <v>10451338</v>
      </c>
      <c r="HC12" s="116">
        <v>16785857</v>
      </c>
      <c r="HD12" s="110">
        <v>7616796</v>
      </c>
      <c r="HE12" s="114">
        <v>11025273</v>
      </c>
      <c r="HF12" s="112">
        <v>18642069</v>
      </c>
      <c r="HG12" s="111">
        <v>0</v>
      </c>
      <c r="HH12" s="114">
        <v>56117003</v>
      </c>
      <c r="HI12" s="114">
        <v>54443896</v>
      </c>
      <c r="HJ12" s="114">
        <v>53172333</v>
      </c>
      <c r="HK12" s="114">
        <v>63561892</v>
      </c>
      <c r="HL12" s="114">
        <v>42504347</v>
      </c>
      <c r="HM12" s="113">
        <v>269799471</v>
      </c>
      <c r="HN12" s="109">
        <v>288441540</v>
      </c>
      <c r="HO12" s="115">
        <v>4817573</v>
      </c>
      <c r="HP12" s="114">
        <v>12717019</v>
      </c>
      <c r="HQ12" s="113">
        <v>17534592</v>
      </c>
      <c r="HR12" s="110">
        <v>0</v>
      </c>
      <c r="HS12" s="114">
        <v>54897371</v>
      </c>
      <c r="HT12" s="114">
        <v>69241929</v>
      </c>
      <c r="HU12" s="114">
        <v>49202902</v>
      </c>
      <c r="HV12" s="114">
        <v>32363954</v>
      </c>
      <c r="HW12" s="114">
        <v>18715364</v>
      </c>
      <c r="HX12" s="112">
        <v>224421520</v>
      </c>
      <c r="HY12" s="116">
        <v>241956112</v>
      </c>
      <c r="HZ12" s="131">
        <v>807782</v>
      </c>
      <c r="IA12" s="132">
        <v>3532342</v>
      </c>
      <c r="IB12" s="133">
        <v>4340124</v>
      </c>
      <c r="IC12" s="134">
        <v>0</v>
      </c>
      <c r="ID12" s="135">
        <v>124064298</v>
      </c>
      <c r="IE12" s="136">
        <v>176062991</v>
      </c>
      <c r="IF12" s="137">
        <v>190948739</v>
      </c>
      <c r="IG12" s="135">
        <v>133684727</v>
      </c>
      <c r="IH12" s="137">
        <v>81925152</v>
      </c>
      <c r="II12" s="138">
        <v>706685907</v>
      </c>
      <c r="IJ12" s="139">
        <v>711026031</v>
      </c>
      <c r="IK12" s="232">
        <v>0</v>
      </c>
      <c r="IL12" s="236">
        <v>0</v>
      </c>
      <c r="IM12" s="237">
        <v>0</v>
      </c>
      <c r="IN12" s="140">
        <v>0</v>
      </c>
      <c r="IO12" s="119">
        <v>1480670</v>
      </c>
      <c r="IP12" s="119">
        <v>1685441</v>
      </c>
      <c r="IQ12" s="119">
        <v>4461780</v>
      </c>
      <c r="IR12" s="119">
        <v>3590580</v>
      </c>
      <c r="IS12" s="119">
        <v>3665644</v>
      </c>
      <c r="IT12" s="141">
        <v>14884115</v>
      </c>
      <c r="IU12" s="320">
        <v>14884115</v>
      </c>
      <c r="IV12" s="142">
        <v>0</v>
      </c>
      <c r="IW12" s="119">
        <v>0</v>
      </c>
      <c r="IX12" s="120">
        <v>0</v>
      </c>
      <c r="IY12" s="144">
        <v>0</v>
      </c>
      <c r="IZ12" s="119">
        <v>0</v>
      </c>
      <c r="JA12" s="119">
        <v>11365</v>
      </c>
      <c r="JB12" s="119">
        <v>34095</v>
      </c>
      <c r="JC12" s="119">
        <v>27980</v>
      </c>
      <c r="JD12" s="119">
        <v>114650</v>
      </c>
      <c r="JE12" s="120">
        <v>188090</v>
      </c>
      <c r="JF12" s="121">
        <v>188090</v>
      </c>
      <c r="JG12" s="142">
        <v>0</v>
      </c>
      <c r="JH12" s="119">
        <v>0</v>
      </c>
      <c r="JI12" s="141">
        <v>0</v>
      </c>
      <c r="JJ12" s="118">
        <v>0</v>
      </c>
      <c r="JK12" s="119">
        <v>45007231</v>
      </c>
      <c r="JL12" s="119">
        <v>63188365</v>
      </c>
      <c r="JM12" s="119">
        <v>48750707</v>
      </c>
      <c r="JN12" s="119">
        <v>32617109</v>
      </c>
      <c r="JO12" s="119">
        <v>16322947</v>
      </c>
      <c r="JP12" s="120">
        <v>205886359</v>
      </c>
      <c r="JQ12" s="320">
        <v>205886359</v>
      </c>
      <c r="JR12" s="142">
        <v>33847</v>
      </c>
      <c r="JS12" s="119">
        <v>0</v>
      </c>
      <c r="JT12" s="141">
        <v>33847</v>
      </c>
      <c r="JU12" s="118">
        <v>0</v>
      </c>
      <c r="JV12" s="119">
        <v>1388914</v>
      </c>
      <c r="JW12" s="119">
        <v>3525380</v>
      </c>
      <c r="JX12" s="119">
        <v>4432576</v>
      </c>
      <c r="JY12" s="119">
        <v>2756938</v>
      </c>
      <c r="JZ12" s="119">
        <v>3982505</v>
      </c>
      <c r="KA12" s="120">
        <v>16086313</v>
      </c>
      <c r="KB12" s="320">
        <v>16120160</v>
      </c>
      <c r="KC12" s="234">
        <v>773935</v>
      </c>
      <c r="KD12" s="230">
        <v>3170121</v>
      </c>
      <c r="KE12" s="120">
        <v>3944056</v>
      </c>
      <c r="KF12" s="118">
        <v>0</v>
      </c>
      <c r="KG12" s="119">
        <v>16437623</v>
      </c>
      <c r="KH12" s="119">
        <v>28046912</v>
      </c>
      <c r="KI12" s="119">
        <v>31324395</v>
      </c>
      <c r="KJ12" s="119">
        <v>24605208</v>
      </c>
      <c r="KK12" s="119">
        <v>6996823</v>
      </c>
      <c r="KL12" s="120">
        <v>107410961</v>
      </c>
      <c r="KM12" s="143">
        <v>111355017</v>
      </c>
      <c r="KN12" s="232">
        <v>0</v>
      </c>
      <c r="KO12" s="236">
        <v>362221</v>
      </c>
      <c r="KP12" s="237">
        <v>362221</v>
      </c>
      <c r="KQ12" s="140"/>
      <c r="KR12" s="119">
        <v>58127298</v>
      </c>
      <c r="KS12" s="119">
        <v>76412592</v>
      </c>
      <c r="KT12" s="119">
        <v>92310159</v>
      </c>
      <c r="KU12" s="119">
        <v>56078877</v>
      </c>
      <c r="KV12" s="119">
        <v>42915967</v>
      </c>
      <c r="KW12" s="120">
        <v>325844893</v>
      </c>
      <c r="KX12" s="320">
        <v>326207114</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02711</v>
      </c>
      <c r="LP12" s="119">
        <v>4389295</v>
      </c>
      <c r="LQ12" s="119">
        <v>8579532</v>
      </c>
      <c r="LR12" s="119">
        <v>3209748</v>
      </c>
      <c r="LS12" s="120">
        <v>16581286</v>
      </c>
      <c r="LT12" s="320">
        <v>16581286</v>
      </c>
      <c r="LU12" s="142">
        <v>0</v>
      </c>
      <c r="LV12" s="119">
        <v>0</v>
      </c>
      <c r="LW12" s="120">
        <v>0</v>
      </c>
      <c r="LX12" s="145"/>
      <c r="LY12" s="119">
        <v>1622562</v>
      </c>
      <c r="LZ12" s="119">
        <v>2790225</v>
      </c>
      <c r="MA12" s="119">
        <v>5245732</v>
      </c>
      <c r="MB12" s="119">
        <v>5428503</v>
      </c>
      <c r="MC12" s="119">
        <v>4716868</v>
      </c>
      <c r="MD12" s="120">
        <v>19803890</v>
      </c>
      <c r="ME12" s="121">
        <v>19803890</v>
      </c>
      <c r="MF12" s="142">
        <v>0</v>
      </c>
      <c r="MG12" s="119">
        <v>0</v>
      </c>
      <c r="MH12" s="120">
        <v>0</v>
      </c>
      <c r="MI12" s="145"/>
      <c r="MJ12" s="119">
        <v>22989292</v>
      </c>
      <c r="MK12" s="119">
        <v>64747461</v>
      </c>
      <c r="ML12" s="119">
        <v>299764634</v>
      </c>
      <c r="MM12" s="119">
        <v>479081768</v>
      </c>
      <c r="MN12" s="119">
        <v>330362977</v>
      </c>
      <c r="MO12" s="120">
        <v>1196946132</v>
      </c>
      <c r="MP12" s="143">
        <v>1196946132</v>
      </c>
      <c r="MQ12" s="142">
        <v>0</v>
      </c>
      <c r="MR12" s="119">
        <v>0</v>
      </c>
      <c r="MS12" s="120">
        <v>0</v>
      </c>
      <c r="MT12" s="145"/>
      <c r="MU12" s="119">
        <v>2067997</v>
      </c>
      <c r="MV12" s="119">
        <v>12830556</v>
      </c>
      <c r="MW12" s="119">
        <v>208412365</v>
      </c>
      <c r="MX12" s="119">
        <v>333771456</v>
      </c>
      <c r="MY12" s="119">
        <v>229903164</v>
      </c>
      <c r="MZ12" s="120">
        <v>786985538</v>
      </c>
      <c r="NA12" s="143">
        <v>786985538</v>
      </c>
      <c r="NB12" s="142">
        <v>0</v>
      </c>
      <c r="NC12" s="119">
        <v>0</v>
      </c>
      <c r="ND12" s="120">
        <v>0</v>
      </c>
      <c r="NE12" s="145"/>
      <c r="NF12" s="119">
        <v>20921295</v>
      </c>
      <c r="NG12" s="119">
        <v>51908962</v>
      </c>
      <c r="NH12" s="119">
        <v>89140282</v>
      </c>
      <c r="NI12" s="119">
        <v>109796353</v>
      </c>
      <c r="NJ12" s="119">
        <v>62240304</v>
      </c>
      <c r="NK12" s="120">
        <v>334007196</v>
      </c>
      <c r="NL12" s="320">
        <v>334007196</v>
      </c>
      <c r="NM12" s="142">
        <v>0</v>
      </c>
      <c r="NN12" s="119">
        <v>0</v>
      </c>
      <c r="NO12" s="120">
        <v>0</v>
      </c>
      <c r="NP12" s="145">
        <v>0</v>
      </c>
      <c r="NQ12" s="119">
        <v>0</v>
      </c>
      <c r="NR12" s="119">
        <v>7943</v>
      </c>
      <c r="NS12" s="119">
        <v>289811</v>
      </c>
      <c r="NT12" s="119">
        <v>7292175</v>
      </c>
      <c r="NU12" s="119">
        <v>8373191</v>
      </c>
      <c r="NV12" s="120">
        <v>15963120</v>
      </c>
      <c r="NW12" s="121">
        <v>15963120</v>
      </c>
      <c r="NX12" s="142">
        <v>0</v>
      </c>
      <c r="NY12" s="119">
        <v>0</v>
      </c>
      <c r="NZ12" s="120">
        <v>0</v>
      </c>
      <c r="OA12" s="145"/>
      <c r="OB12" s="119">
        <v>0</v>
      </c>
      <c r="OC12" s="119">
        <v>0</v>
      </c>
      <c r="OD12" s="119">
        <v>1922176</v>
      </c>
      <c r="OE12" s="119">
        <v>28221784</v>
      </c>
      <c r="OF12" s="119">
        <v>29846318</v>
      </c>
      <c r="OG12" s="120">
        <v>59990278</v>
      </c>
      <c r="OH12" s="121">
        <v>59990278</v>
      </c>
      <c r="OI12" s="142">
        <v>28224925</v>
      </c>
      <c r="OJ12" s="119">
        <v>74203416</v>
      </c>
      <c r="OK12" s="141">
        <v>102428341</v>
      </c>
      <c r="OL12" s="118">
        <v>0</v>
      </c>
      <c r="OM12" s="119">
        <v>474551370</v>
      </c>
      <c r="ON12" s="119">
        <v>742023235</v>
      </c>
      <c r="OO12" s="119">
        <v>947570192</v>
      </c>
      <c r="OP12" s="119">
        <v>1011996918</v>
      </c>
      <c r="OQ12" s="119">
        <v>706965694</v>
      </c>
      <c r="OR12" s="120">
        <v>3883107409</v>
      </c>
      <c r="OS12" s="143">
        <v>3985535750</v>
      </c>
    </row>
    <row r="13" spans="1:409" ht="21" customHeight="1" x14ac:dyDescent="0.2">
      <c r="B13" s="62" t="s">
        <v>7</v>
      </c>
      <c r="C13" s="110">
        <v>14266455</v>
      </c>
      <c r="D13" s="114">
        <v>18156402</v>
      </c>
      <c r="E13" s="113">
        <v>32422857</v>
      </c>
      <c r="F13" s="109">
        <v>0</v>
      </c>
      <c r="G13" s="114">
        <v>348969535</v>
      </c>
      <c r="H13" s="114">
        <v>324717433</v>
      </c>
      <c r="I13" s="114">
        <v>271559628</v>
      </c>
      <c r="J13" s="114">
        <v>281779421</v>
      </c>
      <c r="K13" s="114">
        <v>196509497</v>
      </c>
      <c r="L13" s="109">
        <v>1423535514</v>
      </c>
      <c r="M13" s="116">
        <v>1455958371</v>
      </c>
      <c r="N13" s="110">
        <v>2142476</v>
      </c>
      <c r="O13" s="114">
        <v>2143994</v>
      </c>
      <c r="P13" s="113">
        <v>4286470</v>
      </c>
      <c r="Q13" s="110">
        <v>0</v>
      </c>
      <c r="R13" s="114">
        <v>81250037</v>
      </c>
      <c r="S13" s="114">
        <v>93061032</v>
      </c>
      <c r="T13" s="114">
        <v>87767695</v>
      </c>
      <c r="U13" s="114">
        <v>122044025</v>
      </c>
      <c r="V13" s="114">
        <v>110003380</v>
      </c>
      <c r="W13" s="113">
        <v>494126169</v>
      </c>
      <c r="X13" s="116">
        <v>498412639</v>
      </c>
      <c r="Y13" s="110">
        <v>0</v>
      </c>
      <c r="Z13" s="114">
        <v>0</v>
      </c>
      <c r="AA13" s="113">
        <v>0</v>
      </c>
      <c r="AB13" s="110">
        <v>0</v>
      </c>
      <c r="AC13" s="114">
        <v>45115757</v>
      </c>
      <c r="AD13" s="114">
        <v>49998113</v>
      </c>
      <c r="AE13" s="114">
        <v>53456091</v>
      </c>
      <c r="AF13" s="114">
        <v>79296426</v>
      </c>
      <c r="AG13" s="114">
        <v>71431523</v>
      </c>
      <c r="AH13" s="113">
        <v>299297910</v>
      </c>
      <c r="AI13" s="116">
        <v>299297910</v>
      </c>
      <c r="AJ13" s="110">
        <v>0</v>
      </c>
      <c r="AK13" s="114">
        <v>0</v>
      </c>
      <c r="AL13" s="113">
        <v>0</v>
      </c>
      <c r="AM13" s="110">
        <v>0</v>
      </c>
      <c r="AN13" s="114">
        <v>723800</v>
      </c>
      <c r="AO13" s="114">
        <v>2794469</v>
      </c>
      <c r="AP13" s="114">
        <v>3682700</v>
      </c>
      <c r="AQ13" s="114">
        <v>8461536</v>
      </c>
      <c r="AR13" s="114">
        <v>11976335</v>
      </c>
      <c r="AS13" s="113">
        <v>27638840</v>
      </c>
      <c r="AT13" s="116">
        <v>27638840</v>
      </c>
      <c r="AU13" s="110">
        <v>545436</v>
      </c>
      <c r="AV13" s="114">
        <v>685601</v>
      </c>
      <c r="AW13" s="113">
        <v>1231037</v>
      </c>
      <c r="AX13" s="110">
        <v>0</v>
      </c>
      <c r="AY13" s="114">
        <v>18671269</v>
      </c>
      <c r="AZ13" s="114">
        <v>24441546</v>
      </c>
      <c r="BA13" s="114">
        <v>16166078</v>
      </c>
      <c r="BB13" s="114">
        <v>18891574</v>
      </c>
      <c r="BC13" s="114">
        <v>16161576</v>
      </c>
      <c r="BD13" s="113">
        <v>94332043</v>
      </c>
      <c r="BE13" s="116">
        <v>95563080</v>
      </c>
      <c r="BF13" s="110">
        <v>88305</v>
      </c>
      <c r="BG13" s="114">
        <v>307585</v>
      </c>
      <c r="BH13" s="112">
        <v>395890</v>
      </c>
      <c r="BI13" s="111">
        <v>0</v>
      </c>
      <c r="BJ13" s="114">
        <v>1966180</v>
      </c>
      <c r="BK13" s="114">
        <v>2742177</v>
      </c>
      <c r="BL13" s="114">
        <v>1742194</v>
      </c>
      <c r="BM13" s="114">
        <v>1908288</v>
      </c>
      <c r="BN13" s="114">
        <v>1222453</v>
      </c>
      <c r="BO13" s="113">
        <v>9581292</v>
      </c>
      <c r="BP13" s="116">
        <v>9977182</v>
      </c>
      <c r="BQ13" s="110">
        <v>1508735</v>
      </c>
      <c r="BR13" s="114">
        <v>1150808</v>
      </c>
      <c r="BS13" s="113">
        <v>2659543</v>
      </c>
      <c r="BT13" s="110">
        <v>0</v>
      </c>
      <c r="BU13" s="114">
        <v>14773031</v>
      </c>
      <c r="BV13" s="114">
        <v>13084727</v>
      </c>
      <c r="BW13" s="114">
        <v>12720632</v>
      </c>
      <c r="BX13" s="114">
        <v>13486201</v>
      </c>
      <c r="BY13" s="114">
        <v>9211493</v>
      </c>
      <c r="BZ13" s="113">
        <v>63276084</v>
      </c>
      <c r="CA13" s="116">
        <v>65935627</v>
      </c>
      <c r="CB13" s="110">
        <v>839000</v>
      </c>
      <c r="CC13" s="114">
        <v>2021344</v>
      </c>
      <c r="CD13" s="113">
        <v>2860344</v>
      </c>
      <c r="CE13" s="110">
        <v>0</v>
      </c>
      <c r="CF13" s="114">
        <v>96171710</v>
      </c>
      <c r="CG13" s="114">
        <v>83014693</v>
      </c>
      <c r="CH13" s="114">
        <v>58464536</v>
      </c>
      <c r="CI13" s="114">
        <v>36734372</v>
      </c>
      <c r="CJ13" s="114">
        <v>14522627</v>
      </c>
      <c r="CK13" s="113">
        <v>288907938</v>
      </c>
      <c r="CL13" s="116">
        <v>291768282</v>
      </c>
      <c r="CM13" s="110">
        <v>0</v>
      </c>
      <c r="CN13" s="114">
        <v>0</v>
      </c>
      <c r="CO13" s="113">
        <v>0</v>
      </c>
      <c r="CP13" s="111">
        <v>0</v>
      </c>
      <c r="CQ13" s="114">
        <v>82835968</v>
      </c>
      <c r="CR13" s="114">
        <v>68756814</v>
      </c>
      <c r="CS13" s="114">
        <v>48302344</v>
      </c>
      <c r="CT13" s="114">
        <v>31223090</v>
      </c>
      <c r="CU13" s="114">
        <v>12649171</v>
      </c>
      <c r="CV13" s="113">
        <v>243767387</v>
      </c>
      <c r="CW13" s="116">
        <v>243767387</v>
      </c>
      <c r="CX13" s="110">
        <v>839000</v>
      </c>
      <c r="CY13" s="114">
        <v>2021344</v>
      </c>
      <c r="CZ13" s="113">
        <v>2860344</v>
      </c>
      <c r="DA13" s="110">
        <v>0</v>
      </c>
      <c r="DB13" s="114">
        <v>13335742</v>
      </c>
      <c r="DC13" s="114">
        <v>14257879</v>
      </c>
      <c r="DD13" s="114">
        <v>10162192</v>
      </c>
      <c r="DE13" s="114">
        <v>5511282</v>
      </c>
      <c r="DF13" s="114">
        <v>1873456</v>
      </c>
      <c r="DG13" s="113">
        <v>45140551</v>
      </c>
      <c r="DH13" s="116">
        <v>48000895</v>
      </c>
      <c r="DI13" s="110">
        <v>32605</v>
      </c>
      <c r="DJ13" s="114">
        <v>135139</v>
      </c>
      <c r="DK13" s="112">
        <v>167744</v>
      </c>
      <c r="DL13" s="111">
        <v>0</v>
      </c>
      <c r="DM13" s="114">
        <v>11634619</v>
      </c>
      <c r="DN13" s="114">
        <v>19977558</v>
      </c>
      <c r="DO13" s="114">
        <v>24303386</v>
      </c>
      <c r="DP13" s="114">
        <v>19590464</v>
      </c>
      <c r="DQ13" s="114">
        <v>9769035</v>
      </c>
      <c r="DR13" s="113">
        <v>85275062</v>
      </c>
      <c r="DS13" s="116">
        <v>85442806</v>
      </c>
      <c r="DT13" s="110">
        <v>32605</v>
      </c>
      <c r="DU13" s="114">
        <v>135139</v>
      </c>
      <c r="DV13" s="113">
        <v>167744</v>
      </c>
      <c r="DW13" s="110">
        <v>0</v>
      </c>
      <c r="DX13" s="114">
        <v>11032944</v>
      </c>
      <c r="DY13" s="114">
        <v>19024370</v>
      </c>
      <c r="DZ13" s="114">
        <v>22641248</v>
      </c>
      <c r="EA13" s="114">
        <v>18613358</v>
      </c>
      <c r="EB13" s="114">
        <v>8990891</v>
      </c>
      <c r="EC13" s="113">
        <v>80302811</v>
      </c>
      <c r="ED13" s="116">
        <v>80470555</v>
      </c>
      <c r="EE13" s="110">
        <v>0</v>
      </c>
      <c r="EF13" s="112">
        <v>0</v>
      </c>
      <c r="EG13" s="113">
        <v>0</v>
      </c>
      <c r="EH13" s="110">
        <v>0</v>
      </c>
      <c r="EI13" s="114">
        <v>601675</v>
      </c>
      <c r="EJ13" s="114">
        <v>953188</v>
      </c>
      <c r="EK13" s="114">
        <v>1662138</v>
      </c>
      <c r="EL13" s="114">
        <v>977106</v>
      </c>
      <c r="EM13" s="114">
        <v>778144</v>
      </c>
      <c r="EN13" s="112">
        <v>4972251</v>
      </c>
      <c r="EO13" s="116">
        <v>4972251</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3651686</v>
      </c>
      <c r="FM13" s="114">
        <v>5828373</v>
      </c>
      <c r="FN13" s="113">
        <v>9480059</v>
      </c>
      <c r="FO13" s="110">
        <v>0</v>
      </c>
      <c r="FP13" s="114">
        <v>14219681</v>
      </c>
      <c r="FQ13" s="114">
        <v>32530184</v>
      </c>
      <c r="FR13" s="114">
        <v>22393472</v>
      </c>
      <c r="FS13" s="114">
        <v>20174394</v>
      </c>
      <c r="FT13" s="114">
        <v>12407182</v>
      </c>
      <c r="FU13" s="113">
        <v>101724913</v>
      </c>
      <c r="FV13" s="116">
        <v>111204972</v>
      </c>
      <c r="FW13" s="115">
        <v>1366412</v>
      </c>
      <c r="FX13" s="114">
        <v>3107403</v>
      </c>
      <c r="FY13" s="112">
        <v>4473815</v>
      </c>
      <c r="FZ13" s="111">
        <v>0</v>
      </c>
      <c r="GA13" s="114">
        <v>11091440</v>
      </c>
      <c r="GB13" s="114">
        <v>29499615</v>
      </c>
      <c r="GC13" s="114">
        <v>19689681</v>
      </c>
      <c r="GD13" s="114">
        <v>18386147</v>
      </c>
      <c r="GE13" s="114">
        <v>12202752</v>
      </c>
      <c r="GF13" s="113">
        <v>90869635</v>
      </c>
      <c r="GG13" s="318">
        <v>95343450</v>
      </c>
      <c r="GH13" s="115">
        <v>235467</v>
      </c>
      <c r="GI13" s="114">
        <v>422391</v>
      </c>
      <c r="GJ13" s="112">
        <v>657858</v>
      </c>
      <c r="GK13" s="111">
        <v>0</v>
      </c>
      <c r="GL13" s="114">
        <v>738317</v>
      </c>
      <c r="GM13" s="114">
        <v>920616</v>
      </c>
      <c r="GN13" s="114">
        <v>485594</v>
      </c>
      <c r="GO13" s="114">
        <v>475117</v>
      </c>
      <c r="GP13" s="114">
        <v>204430</v>
      </c>
      <c r="GQ13" s="113">
        <v>2824074</v>
      </c>
      <c r="GR13" s="116">
        <v>3481932</v>
      </c>
      <c r="GS13" s="110">
        <v>2049807</v>
      </c>
      <c r="GT13" s="114">
        <v>2298579</v>
      </c>
      <c r="GU13" s="113">
        <v>4348386</v>
      </c>
      <c r="GV13" s="110">
        <v>0</v>
      </c>
      <c r="GW13" s="114">
        <v>2389924</v>
      </c>
      <c r="GX13" s="114">
        <v>2109953</v>
      </c>
      <c r="GY13" s="114">
        <v>2218197</v>
      </c>
      <c r="GZ13" s="114">
        <v>1313130</v>
      </c>
      <c r="HA13" s="114">
        <v>0</v>
      </c>
      <c r="HB13" s="112">
        <v>8031204</v>
      </c>
      <c r="HC13" s="116">
        <v>12379590</v>
      </c>
      <c r="HD13" s="110">
        <v>5647954</v>
      </c>
      <c r="HE13" s="114">
        <v>4537718</v>
      </c>
      <c r="HF13" s="112">
        <v>10185672</v>
      </c>
      <c r="HG13" s="111">
        <v>0</v>
      </c>
      <c r="HH13" s="114">
        <v>80527968</v>
      </c>
      <c r="HI13" s="114">
        <v>50124372</v>
      </c>
      <c r="HJ13" s="114">
        <v>48708495</v>
      </c>
      <c r="HK13" s="114">
        <v>61912195</v>
      </c>
      <c r="HL13" s="114">
        <v>37716263</v>
      </c>
      <c r="HM13" s="113">
        <v>278989293</v>
      </c>
      <c r="HN13" s="109">
        <v>289174965</v>
      </c>
      <c r="HO13" s="115">
        <v>1952734</v>
      </c>
      <c r="HP13" s="114">
        <v>3489834</v>
      </c>
      <c r="HQ13" s="113">
        <v>5442568</v>
      </c>
      <c r="HR13" s="110">
        <v>0</v>
      </c>
      <c r="HS13" s="114">
        <v>65165520</v>
      </c>
      <c r="HT13" s="114">
        <v>46009594</v>
      </c>
      <c r="HU13" s="114">
        <v>29922044</v>
      </c>
      <c r="HV13" s="114">
        <v>21323971</v>
      </c>
      <c r="HW13" s="114">
        <v>12091010</v>
      </c>
      <c r="HX13" s="112">
        <v>174512139</v>
      </c>
      <c r="HY13" s="116">
        <v>179954707</v>
      </c>
      <c r="HZ13" s="131">
        <v>357793</v>
      </c>
      <c r="IA13" s="132">
        <v>1125570</v>
      </c>
      <c r="IB13" s="133">
        <v>1483363</v>
      </c>
      <c r="IC13" s="146">
        <v>0</v>
      </c>
      <c r="ID13" s="132">
        <v>92870193</v>
      </c>
      <c r="IE13" s="147">
        <v>96923797</v>
      </c>
      <c r="IF13" s="133">
        <v>108388646</v>
      </c>
      <c r="IG13" s="132">
        <v>67986282</v>
      </c>
      <c r="IH13" s="133">
        <v>42146545</v>
      </c>
      <c r="II13" s="148">
        <v>408315463</v>
      </c>
      <c r="IJ13" s="139">
        <v>409798826</v>
      </c>
      <c r="IK13" s="232">
        <v>0</v>
      </c>
      <c r="IL13" s="236">
        <v>0</v>
      </c>
      <c r="IM13" s="237">
        <v>0</v>
      </c>
      <c r="IN13" s="140">
        <v>0</v>
      </c>
      <c r="IO13" s="119">
        <v>208611</v>
      </c>
      <c r="IP13" s="119">
        <v>1361366</v>
      </c>
      <c r="IQ13" s="119">
        <v>1202951</v>
      </c>
      <c r="IR13" s="119">
        <v>1456053</v>
      </c>
      <c r="IS13" s="119">
        <v>1757989</v>
      </c>
      <c r="IT13" s="141">
        <v>5986970</v>
      </c>
      <c r="IU13" s="320">
        <v>5986970</v>
      </c>
      <c r="IV13" s="142">
        <v>0</v>
      </c>
      <c r="IW13" s="119">
        <v>0</v>
      </c>
      <c r="IX13" s="120">
        <v>0</v>
      </c>
      <c r="IY13" s="144">
        <v>0</v>
      </c>
      <c r="IZ13" s="119">
        <v>0</v>
      </c>
      <c r="JA13" s="119">
        <v>0</v>
      </c>
      <c r="JB13" s="119">
        <v>0</v>
      </c>
      <c r="JC13" s="119">
        <v>0</v>
      </c>
      <c r="JD13" s="119">
        <v>0</v>
      </c>
      <c r="JE13" s="120">
        <v>0</v>
      </c>
      <c r="JF13" s="121">
        <v>0</v>
      </c>
      <c r="JG13" s="142">
        <v>0</v>
      </c>
      <c r="JH13" s="119">
        <v>0</v>
      </c>
      <c r="JI13" s="141">
        <v>0</v>
      </c>
      <c r="JJ13" s="118">
        <v>0</v>
      </c>
      <c r="JK13" s="119">
        <v>48316643</v>
      </c>
      <c r="JL13" s="119">
        <v>39531439</v>
      </c>
      <c r="JM13" s="119">
        <v>27607429</v>
      </c>
      <c r="JN13" s="119">
        <v>12920705</v>
      </c>
      <c r="JO13" s="119">
        <v>5605986</v>
      </c>
      <c r="JP13" s="120">
        <v>133982202</v>
      </c>
      <c r="JQ13" s="320">
        <v>133982202</v>
      </c>
      <c r="JR13" s="142">
        <v>0</v>
      </c>
      <c r="JS13" s="119">
        <v>0</v>
      </c>
      <c r="JT13" s="141">
        <v>0</v>
      </c>
      <c r="JU13" s="118">
        <v>0</v>
      </c>
      <c r="JV13" s="119">
        <v>8419513</v>
      </c>
      <c r="JW13" s="119">
        <v>10395406</v>
      </c>
      <c r="JX13" s="119">
        <v>15653908</v>
      </c>
      <c r="JY13" s="119">
        <v>5925040</v>
      </c>
      <c r="JZ13" s="119">
        <v>3121212</v>
      </c>
      <c r="KA13" s="120">
        <v>43515079</v>
      </c>
      <c r="KB13" s="320">
        <v>43515079</v>
      </c>
      <c r="KC13" s="234">
        <v>357793</v>
      </c>
      <c r="KD13" s="230">
        <v>1125570</v>
      </c>
      <c r="KE13" s="120">
        <v>1483363</v>
      </c>
      <c r="KF13" s="118">
        <v>0</v>
      </c>
      <c r="KG13" s="119">
        <v>6355943</v>
      </c>
      <c r="KH13" s="119">
        <v>6857390</v>
      </c>
      <c r="KI13" s="119">
        <v>8733194</v>
      </c>
      <c r="KJ13" s="119">
        <v>6341576</v>
      </c>
      <c r="KK13" s="119">
        <v>1209290</v>
      </c>
      <c r="KL13" s="120">
        <v>29497393</v>
      </c>
      <c r="KM13" s="143">
        <v>30980756</v>
      </c>
      <c r="KN13" s="232">
        <v>0</v>
      </c>
      <c r="KO13" s="236">
        <v>0</v>
      </c>
      <c r="KP13" s="237">
        <v>0</v>
      </c>
      <c r="KQ13" s="140"/>
      <c r="KR13" s="119">
        <v>28123845</v>
      </c>
      <c r="KS13" s="119">
        <v>35734751</v>
      </c>
      <c r="KT13" s="119">
        <v>51312668</v>
      </c>
      <c r="KU13" s="119">
        <v>38098481</v>
      </c>
      <c r="KV13" s="119">
        <v>22955921</v>
      </c>
      <c r="KW13" s="120">
        <v>176225666</v>
      </c>
      <c r="KX13" s="320">
        <v>176225666</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445638</v>
      </c>
      <c r="LZ13" s="119">
        <v>3043445</v>
      </c>
      <c r="MA13" s="119">
        <v>3878496</v>
      </c>
      <c r="MB13" s="119">
        <v>3244427</v>
      </c>
      <c r="MC13" s="119">
        <v>7496147</v>
      </c>
      <c r="MD13" s="120">
        <v>19108153</v>
      </c>
      <c r="ME13" s="121">
        <v>19108153</v>
      </c>
      <c r="MF13" s="142">
        <v>0</v>
      </c>
      <c r="MG13" s="119">
        <v>0</v>
      </c>
      <c r="MH13" s="120">
        <v>0</v>
      </c>
      <c r="MI13" s="145"/>
      <c r="MJ13" s="119">
        <v>43388728</v>
      </c>
      <c r="MK13" s="119">
        <v>70466991</v>
      </c>
      <c r="ML13" s="119">
        <v>213792402</v>
      </c>
      <c r="MM13" s="119">
        <v>345090680</v>
      </c>
      <c r="MN13" s="119">
        <v>202721856</v>
      </c>
      <c r="MO13" s="120">
        <v>875460657</v>
      </c>
      <c r="MP13" s="143">
        <v>875460657</v>
      </c>
      <c r="MQ13" s="142">
        <v>0</v>
      </c>
      <c r="MR13" s="119">
        <v>0</v>
      </c>
      <c r="MS13" s="120">
        <v>0</v>
      </c>
      <c r="MT13" s="145"/>
      <c r="MU13" s="119">
        <v>4469588</v>
      </c>
      <c r="MV13" s="119">
        <v>10436779</v>
      </c>
      <c r="MW13" s="119">
        <v>141743241</v>
      </c>
      <c r="MX13" s="119">
        <v>246757014</v>
      </c>
      <c r="MY13" s="119">
        <v>169314996</v>
      </c>
      <c r="MZ13" s="120">
        <v>572721618</v>
      </c>
      <c r="NA13" s="143">
        <v>572721618</v>
      </c>
      <c r="NB13" s="142">
        <v>0</v>
      </c>
      <c r="NC13" s="119">
        <v>0</v>
      </c>
      <c r="ND13" s="120">
        <v>0</v>
      </c>
      <c r="NE13" s="145"/>
      <c r="NF13" s="119">
        <v>38919140</v>
      </c>
      <c r="NG13" s="119">
        <v>60030212</v>
      </c>
      <c r="NH13" s="119">
        <v>71364851</v>
      </c>
      <c r="NI13" s="119">
        <v>97306320</v>
      </c>
      <c r="NJ13" s="119">
        <v>30850071</v>
      </c>
      <c r="NK13" s="120">
        <v>298470594</v>
      </c>
      <c r="NL13" s="320">
        <v>298470594</v>
      </c>
      <c r="NM13" s="142">
        <v>0</v>
      </c>
      <c r="NN13" s="119">
        <v>0</v>
      </c>
      <c r="NO13" s="120">
        <v>0</v>
      </c>
      <c r="NP13" s="145">
        <v>0</v>
      </c>
      <c r="NQ13" s="119">
        <v>0</v>
      </c>
      <c r="NR13" s="119">
        <v>0</v>
      </c>
      <c r="NS13" s="119">
        <v>0</v>
      </c>
      <c r="NT13" s="119">
        <v>649584</v>
      </c>
      <c r="NU13" s="119">
        <v>1405305</v>
      </c>
      <c r="NV13" s="120">
        <v>2054889</v>
      </c>
      <c r="NW13" s="121">
        <v>2054889</v>
      </c>
      <c r="NX13" s="142">
        <v>0</v>
      </c>
      <c r="NY13" s="119">
        <v>0</v>
      </c>
      <c r="NZ13" s="120">
        <v>0</v>
      </c>
      <c r="OA13" s="145"/>
      <c r="OB13" s="119">
        <v>0</v>
      </c>
      <c r="OC13" s="119">
        <v>0</v>
      </c>
      <c r="OD13" s="119">
        <v>684310</v>
      </c>
      <c r="OE13" s="119">
        <v>377762</v>
      </c>
      <c r="OF13" s="119">
        <v>1151484</v>
      </c>
      <c r="OG13" s="120">
        <v>2213556</v>
      </c>
      <c r="OH13" s="121">
        <v>2213556</v>
      </c>
      <c r="OI13" s="142">
        <v>14624248</v>
      </c>
      <c r="OJ13" s="119">
        <v>19281972</v>
      </c>
      <c r="OK13" s="141">
        <v>33906220</v>
      </c>
      <c r="OL13" s="118">
        <v>0</v>
      </c>
      <c r="OM13" s="119">
        <v>485228456</v>
      </c>
      <c r="ON13" s="119">
        <v>492108221</v>
      </c>
      <c r="OO13" s="119">
        <v>593740676</v>
      </c>
      <c r="OP13" s="119">
        <v>694856383</v>
      </c>
      <c r="OQ13" s="119">
        <v>441377898</v>
      </c>
      <c r="OR13" s="120">
        <v>2707311634</v>
      </c>
      <c r="OS13" s="143">
        <v>2741217854</v>
      </c>
    </row>
    <row r="14" spans="1:409" ht="21" customHeight="1" x14ac:dyDescent="0.2">
      <c r="B14" s="62" t="s">
        <v>8</v>
      </c>
      <c r="C14" s="110">
        <v>12300881</v>
      </c>
      <c r="D14" s="114">
        <v>14738384</v>
      </c>
      <c r="E14" s="113">
        <v>27039265</v>
      </c>
      <c r="F14" s="109">
        <v>0</v>
      </c>
      <c r="G14" s="114">
        <v>143389975</v>
      </c>
      <c r="H14" s="114">
        <v>200029943</v>
      </c>
      <c r="I14" s="114">
        <v>185732018</v>
      </c>
      <c r="J14" s="114">
        <v>153071747</v>
      </c>
      <c r="K14" s="114">
        <v>133084791</v>
      </c>
      <c r="L14" s="109">
        <v>815308474</v>
      </c>
      <c r="M14" s="116">
        <v>842347739</v>
      </c>
      <c r="N14" s="110">
        <v>2295120</v>
      </c>
      <c r="O14" s="114">
        <v>2975668</v>
      </c>
      <c r="P14" s="113">
        <v>5270788</v>
      </c>
      <c r="Q14" s="110">
        <v>0</v>
      </c>
      <c r="R14" s="114">
        <v>37193056</v>
      </c>
      <c r="S14" s="114">
        <v>61120014</v>
      </c>
      <c r="T14" s="114">
        <v>59267678</v>
      </c>
      <c r="U14" s="114">
        <v>60285555</v>
      </c>
      <c r="V14" s="114">
        <v>70139505</v>
      </c>
      <c r="W14" s="113">
        <v>288005808</v>
      </c>
      <c r="X14" s="116">
        <v>293276596</v>
      </c>
      <c r="Y14" s="110">
        <v>0</v>
      </c>
      <c r="Z14" s="114">
        <v>0</v>
      </c>
      <c r="AA14" s="113">
        <v>0</v>
      </c>
      <c r="AB14" s="110">
        <v>0</v>
      </c>
      <c r="AC14" s="114">
        <v>19708788</v>
      </c>
      <c r="AD14" s="114">
        <v>35169647</v>
      </c>
      <c r="AE14" s="114">
        <v>37971379</v>
      </c>
      <c r="AF14" s="114">
        <v>38830610</v>
      </c>
      <c r="AG14" s="114">
        <v>45184545</v>
      </c>
      <c r="AH14" s="113">
        <v>176864969</v>
      </c>
      <c r="AI14" s="116">
        <v>176864969</v>
      </c>
      <c r="AJ14" s="110">
        <v>0</v>
      </c>
      <c r="AK14" s="114">
        <v>10048</v>
      </c>
      <c r="AL14" s="113">
        <v>10048</v>
      </c>
      <c r="AM14" s="110">
        <v>0</v>
      </c>
      <c r="AN14" s="114">
        <v>89442</v>
      </c>
      <c r="AO14" s="114">
        <v>686995</v>
      </c>
      <c r="AP14" s="114">
        <v>1852688</v>
      </c>
      <c r="AQ14" s="114">
        <v>3518982</v>
      </c>
      <c r="AR14" s="114">
        <v>7146035</v>
      </c>
      <c r="AS14" s="113">
        <v>13294142</v>
      </c>
      <c r="AT14" s="116">
        <v>13304190</v>
      </c>
      <c r="AU14" s="110">
        <v>1100824</v>
      </c>
      <c r="AV14" s="114">
        <v>2056474</v>
      </c>
      <c r="AW14" s="113">
        <v>3157298</v>
      </c>
      <c r="AX14" s="110">
        <v>0</v>
      </c>
      <c r="AY14" s="114">
        <v>10295534</v>
      </c>
      <c r="AZ14" s="114">
        <v>15571409</v>
      </c>
      <c r="BA14" s="114">
        <v>11296225</v>
      </c>
      <c r="BB14" s="114">
        <v>9834140</v>
      </c>
      <c r="BC14" s="114">
        <v>11864905</v>
      </c>
      <c r="BD14" s="113">
        <v>58862213</v>
      </c>
      <c r="BE14" s="116">
        <v>62019511</v>
      </c>
      <c r="BF14" s="110">
        <v>235807</v>
      </c>
      <c r="BG14" s="114">
        <v>467184</v>
      </c>
      <c r="BH14" s="112">
        <v>702991</v>
      </c>
      <c r="BI14" s="111">
        <v>0</v>
      </c>
      <c r="BJ14" s="114">
        <v>1734940</v>
      </c>
      <c r="BK14" s="114">
        <v>2890962</v>
      </c>
      <c r="BL14" s="114">
        <v>2158324</v>
      </c>
      <c r="BM14" s="114">
        <v>1755381</v>
      </c>
      <c r="BN14" s="114">
        <v>937185</v>
      </c>
      <c r="BO14" s="113">
        <v>9476792</v>
      </c>
      <c r="BP14" s="116">
        <v>10179783</v>
      </c>
      <c r="BQ14" s="110">
        <v>958489</v>
      </c>
      <c r="BR14" s="114">
        <v>441962</v>
      </c>
      <c r="BS14" s="113">
        <v>1400451</v>
      </c>
      <c r="BT14" s="110">
        <v>0</v>
      </c>
      <c r="BU14" s="114">
        <v>5364352</v>
      </c>
      <c r="BV14" s="114">
        <v>6801001</v>
      </c>
      <c r="BW14" s="114">
        <v>5989062</v>
      </c>
      <c r="BX14" s="114">
        <v>6346442</v>
      </c>
      <c r="BY14" s="114">
        <v>5006835</v>
      </c>
      <c r="BZ14" s="113">
        <v>29507692</v>
      </c>
      <c r="CA14" s="116">
        <v>30908143</v>
      </c>
      <c r="CB14" s="110">
        <v>1255919</v>
      </c>
      <c r="CC14" s="114">
        <v>2407990</v>
      </c>
      <c r="CD14" s="113">
        <v>3663909</v>
      </c>
      <c r="CE14" s="110">
        <v>0</v>
      </c>
      <c r="CF14" s="114">
        <v>43074993</v>
      </c>
      <c r="CG14" s="114">
        <v>58186565</v>
      </c>
      <c r="CH14" s="114">
        <v>44447933</v>
      </c>
      <c r="CI14" s="114">
        <v>27677034</v>
      </c>
      <c r="CJ14" s="114">
        <v>17188335</v>
      </c>
      <c r="CK14" s="113">
        <v>190574860</v>
      </c>
      <c r="CL14" s="116">
        <v>194238769</v>
      </c>
      <c r="CM14" s="110">
        <v>0</v>
      </c>
      <c r="CN14" s="114">
        <v>0</v>
      </c>
      <c r="CO14" s="113">
        <v>0</v>
      </c>
      <c r="CP14" s="111">
        <v>0</v>
      </c>
      <c r="CQ14" s="114">
        <v>37325758</v>
      </c>
      <c r="CR14" s="114">
        <v>46773303</v>
      </c>
      <c r="CS14" s="114">
        <v>37003672</v>
      </c>
      <c r="CT14" s="114">
        <v>22211102</v>
      </c>
      <c r="CU14" s="114">
        <v>15735372</v>
      </c>
      <c r="CV14" s="113">
        <v>159049207</v>
      </c>
      <c r="CW14" s="116">
        <v>159049207</v>
      </c>
      <c r="CX14" s="110">
        <v>1255919</v>
      </c>
      <c r="CY14" s="114">
        <v>2407990</v>
      </c>
      <c r="CZ14" s="113">
        <v>3663909</v>
      </c>
      <c r="DA14" s="110">
        <v>0</v>
      </c>
      <c r="DB14" s="114">
        <v>5749235</v>
      </c>
      <c r="DC14" s="114">
        <v>11413262</v>
      </c>
      <c r="DD14" s="114">
        <v>7444261</v>
      </c>
      <c r="DE14" s="114">
        <v>5465932</v>
      </c>
      <c r="DF14" s="114">
        <v>1452963</v>
      </c>
      <c r="DG14" s="113">
        <v>31525653</v>
      </c>
      <c r="DH14" s="116">
        <v>35189562</v>
      </c>
      <c r="DI14" s="110">
        <v>50405</v>
      </c>
      <c r="DJ14" s="114">
        <v>174685</v>
      </c>
      <c r="DK14" s="112">
        <v>225090</v>
      </c>
      <c r="DL14" s="111">
        <v>0</v>
      </c>
      <c r="DM14" s="114">
        <v>3999511</v>
      </c>
      <c r="DN14" s="114">
        <v>10321122</v>
      </c>
      <c r="DO14" s="114">
        <v>26527139</v>
      </c>
      <c r="DP14" s="114">
        <v>14868045</v>
      </c>
      <c r="DQ14" s="114">
        <v>9935569</v>
      </c>
      <c r="DR14" s="113">
        <v>65651386</v>
      </c>
      <c r="DS14" s="116">
        <v>65876476</v>
      </c>
      <c r="DT14" s="110">
        <v>50405</v>
      </c>
      <c r="DU14" s="114">
        <v>174685</v>
      </c>
      <c r="DV14" s="113">
        <v>225090</v>
      </c>
      <c r="DW14" s="110">
        <v>0</v>
      </c>
      <c r="DX14" s="114">
        <v>3964920</v>
      </c>
      <c r="DY14" s="114">
        <v>10023853</v>
      </c>
      <c r="DZ14" s="114">
        <v>26165229</v>
      </c>
      <c r="EA14" s="114">
        <v>14377105</v>
      </c>
      <c r="EB14" s="114">
        <v>9909449</v>
      </c>
      <c r="EC14" s="113">
        <v>64440556</v>
      </c>
      <c r="ED14" s="116">
        <v>64665646</v>
      </c>
      <c r="EE14" s="110">
        <v>0</v>
      </c>
      <c r="EF14" s="112">
        <v>0</v>
      </c>
      <c r="EG14" s="113">
        <v>0</v>
      </c>
      <c r="EH14" s="110">
        <v>0</v>
      </c>
      <c r="EI14" s="114">
        <v>34591</v>
      </c>
      <c r="EJ14" s="114">
        <v>297269</v>
      </c>
      <c r="EK14" s="114">
        <v>361910</v>
      </c>
      <c r="EL14" s="114">
        <v>490940</v>
      </c>
      <c r="EM14" s="114">
        <v>26120</v>
      </c>
      <c r="EN14" s="112">
        <v>1210830</v>
      </c>
      <c r="EO14" s="116">
        <v>121083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3253971</v>
      </c>
      <c r="FM14" s="114">
        <v>4241092</v>
      </c>
      <c r="FN14" s="113">
        <v>7495063</v>
      </c>
      <c r="FO14" s="110">
        <v>0</v>
      </c>
      <c r="FP14" s="114">
        <v>8197657</v>
      </c>
      <c r="FQ14" s="114">
        <v>21527110</v>
      </c>
      <c r="FR14" s="114">
        <v>15078066</v>
      </c>
      <c r="FS14" s="114">
        <v>11687644</v>
      </c>
      <c r="FT14" s="114">
        <v>9160789</v>
      </c>
      <c r="FU14" s="113">
        <v>65651266</v>
      </c>
      <c r="FV14" s="116">
        <v>73146329</v>
      </c>
      <c r="FW14" s="115">
        <v>2023746</v>
      </c>
      <c r="FX14" s="114">
        <v>3581488</v>
      </c>
      <c r="FY14" s="112">
        <v>5605234</v>
      </c>
      <c r="FZ14" s="111">
        <v>0</v>
      </c>
      <c r="GA14" s="114">
        <v>6942944</v>
      </c>
      <c r="GB14" s="114">
        <v>19862805</v>
      </c>
      <c r="GC14" s="114">
        <v>14121326</v>
      </c>
      <c r="GD14" s="114">
        <v>11174463</v>
      </c>
      <c r="GE14" s="114">
        <v>9009715</v>
      </c>
      <c r="GF14" s="113">
        <v>61111253</v>
      </c>
      <c r="GG14" s="318">
        <v>66716487</v>
      </c>
      <c r="GH14" s="115">
        <v>158762</v>
      </c>
      <c r="GI14" s="114">
        <v>113634</v>
      </c>
      <c r="GJ14" s="112">
        <v>272396</v>
      </c>
      <c r="GK14" s="111">
        <v>0</v>
      </c>
      <c r="GL14" s="114">
        <v>243118</v>
      </c>
      <c r="GM14" s="114">
        <v>564357</v>
      </c>
      <c r="GN14" s="114">
        <v>440755</v>
      </c>
      <c r="GO14" s="114">
        <v>272101</v>
      </c>
      <c r="GP14" s="114">
        <v>151074</v>
      </c>
      <c r="GQ14" s="113">
        <v>1671405</v>
      </c>
      <c r="GR14" s="116">
        <v>1943801</v>
      </c>
      <c r="GS14" s="110">
        <v>1071463</v>
      </c>
      <c r="GT14" s="114">
        <v>545970</v>
      </c>
      <c r="GU14" s="113">
        <v>1617433</v>
      </c>
      <c r="GV14" s="110">
        <v>0</v>
      </c>
      <c r="GW14" s="114">
        <v>1011595</v>
      </c>
      <c r="GX14" s="114">
        <v>1099948</v>
      </c>
      <c r="GY14" s="114">
        <v>515985</v>
      </c>
      <c r="GZ14" s="114">
        <v>241080</v>
      </c>
      <c r="HA14" s="114">
        <v>0</v>
      </c>
      <c r="HB14" s="112">
        <v>2868608</v>
      </c>
      <c r="HC14" s="116">
        <v>4486041</v>
      </c>
      <c r="HD14" s="110">
        <v>3111705</v>
      </c>
      <c r="HE14" s="114">
        <v>1863941</v>
      </c>
      <c r="HF14" s="112">
        <v>4975646</v>
      </c>
      <c r="HG14" s="111">
        <v>0</v>
      </c>
      <c r="HH14" s="114">
        <v>24189481</v>
      </c>
      <c r="HI14" s="114">
        <v>20564851</v>
      </c>
      <c r="HJ14" s="114">
        <v>20854129</v>
      </c>
      <c r="HK14" s="114">
        <v>27013202</v>
      </c>
      <c r="HL14" s="114">
        <v>19011294</v>
      </c>
      <c r="HM14" s="113">
        <v>111632957</v>
      </c>
      <c r="HN14" s="109">
        <v>116608603</v>
      </c>
      <c r="HO14" s="115">
        <v>2333761</v>
      </c>
      <c r="HP14" s="114">
        <v>3075008</v>
      </c>
      <c r="HQ14" s="113">
        <v>5408769</v>
      </c>
      <c r="HR14" s="110">
        <v>0</v>
      </c>
      <c r="HS14" s="114">
        <v>26735277</v>
      </c>
      <c r="HT14" s="114">
        <v>28310281</v>
      </c>
      <c r="HU14" s="114">
        <v>19557073</v>
      </c>
      <c r="HV14" s="114">
        <v>11540267</v>
      </c>
      <c r="HW14" s="114">
        <v>7649299</v>
      </c>
      <c r="HX14" s="112">
        <v>93792197</v>
      </c>
      <c r="HY14" s="116">
        <v>99200966</v>
      </c>
      <c r="HZ14" s="131">
        <v>521215</v>
      </c>
      <c r="IA14" s="132">
        <v>1163117</v>
      </c>
      <c r="IB14" s="133">
        <v>1684332</v>
      </c>
      <c r="IC14" s="134">
        <v>0</v>
      </c>
      <c r="ID14" s="135">
        <v>57816325</v>
      </c>
      <c r="IE14" s="136">
        <v>71390621</v>
      </c>
      <c r="IF14" s="137">
        <v>70876894</v>
      </c>
      <c r="IG14" s="135">
        <v>49338137</v>
      </c>
      <c r="IH14" s="137">
        <v>25196384</v>
      </c>
      <c r="II14" s="138">
        <v>274618361</v>
      </c>
      <c r="IJ14" s="139">
        <v>276302693</v>
      </c>
      <c r="IK14" s="232">
        <v>0</v>
      </c>
      <c r="IL14" s="236">
        <v>0</v>
      </c>
      <c r="IM14" s="237">
        <v>0</v>
      </c>
      <c r="IN14" s="140">
        <v>0</v>
      </c>
      <c r="IO14" s="119">
        <v>241479</v>
      </c>
      <c r="IP14" s="119">
        <v>1123237</v>
      </c>
      <c r="IQ14" s="119">
        <v>800321</v>
      </c>
      <c r="IR14" s="119">
        <v>1270533</v>
      </c>
      <c r="IS14" s="119">
        <v>598965</v>
      </c>
      <c r="IT14" s="141">
        <v>4034535</v>
      </c>
      <c r="IU14" s="320">
        <v>4034535</v>
      </c>
      <c r="IV14" s="142">
        <v>0</v>
      </c>
      <c r="IW14" s="119">
        <v>0</v>
      </c>
      <c r="IX14" s="120">
        <v>0</v>
      </c>
      <c r="IY14" s="144">
        <v>0</v>
      </c>
      <c r="IZ14" s="119">
        <v>37132</v>
      </c>
      <c r="JA14" s="119">
        <v>18566</v>
      </c>
      <c r="JB14" s="119">
        <v>0</v>
      </c>
      <c r="JC14" s="119">
        <v>0</v>
      </c>
      <c r="JD14" s="119">
        <v>122837</v>
      </c>
      <c r="JE14" s="120">
        <v>178535</v>
      </c>
      <c r="JF14" s="121">
        <v>178535</v>
      </c>
      <c r="JG14" s="142">
        <v>0</v>
      </c>
      <c r="JH14" s="119">
        <v>0</v>
      </c>
      <c r="JI14" s="141">
        <v>0</v>
      </c>
      <c r="JJ14" s="118">
        <v>0</v>
      </c>
      <c r="JK14" s="119">
        <v>29440915</v>
      </c>
      <c r="JL14" s="119">
        <v>34560118</v>
      </c>
      <c r="JM14" s="119">
        <v>24907408</v>
      </c>
      <c r="JN14" s="119">
        <v>12695030</v>
      </c>
      <c r="JO14" s="119">
        <v>4830339</v>
      </c>
      <c r="JP14" s="120">
        <v>106433810</v>
      </c>
      <c r="JQ14" s="320">
        <v>106433810</v>
      </c>
      <c r="JR14" s="142">
        <v>0</v>
      </c>
      <c r="JS14" s="119">
        <v>0</v>
      </c>
      <c r="JT14" s="141">
        <v>0</v>
      </c>
      <c r="JU14" s="118">
        <v>0</v>
      </c>
      <c r="JV14" s="119">
        <v>645043</v>
      </c>
      <c r="JW14" s="119">
        <v>855820</v>
      </c>
      <c r="JX14" s="119">
        <v>1258051</v>
      </c>
      <c r="JY14" s="119">
        <v>955468</v>
      </c>
      <c r="JZ14" s="119">
        <v>1446348</v>
      </c>
      <c r="KA14" s="120">
        <v>5160730</v>
      </c>
      <c r="KB14" s="320">
        <v>5160730</v>
      </c>
      <c r="KC14" s="234">
        <v>521215</v>
      </c>
      <c r="KD14" s="230">
        <v>1163117</v>
      </c>
      <c r="KE14" s="120">
        <v>1684332</v>
      </c>
      <c r="KF14" s="118">
        <v>0</v>
      </c>
      <c r="KG14" s="119">
        <v>9799052</v>
      </c>
      <c r="KH14" s="119">
        <v>9722564</v>
      </c>
      <c r="KI14" s="119">
        <v>14880085</v>
      </c>
      <c r="KJ14" s="119">
        <v>8574397</v>
      </c>
      <c r="KK14" s="119">
        <v>1283748</v>
      </c>
      <c r="KL14" s="120">
        <v>44259846</v>
      </c>
      <c r="KM14" s="143">
        <v>45944178</v>
      </c>
      <c r="KN14" s="232">
        <v>0</v>
      </c>
      <c r="KO14" s="236">
        <v>0</v>
      </c>
      <c r="KP14" s="237">
        <v>0</v>
      </c>
      <c r="KQ14" s="140"/>
      <c r="KR14" s="119">
        <v>16006662</v>
      </c>
      <c r="KS14" s="119">
        <v>19516125</v>
      </c>
      <c r="KT14" s="119">
        <v>18911963</v>
      </c>
      <c r="KU14" s="119">
        <v>14956534</v>
      </c>
      <c r="KV14" s="119">
        <v>9622097</v>
      </c>
      <c r="KW14" s="120">
        <v>79013381</v>
      </c>
      <c r="KX14" s="320">
        <v>79013381</v>
      </c>
      <c r="KY14" s="142">
        <v>0</v>
      </c>
      <c r="KZ14" s="119">
        <v>0</v>
      </c>
      <c r="LA14" s="120">
        <v>0</v>
      </c>
      <c r="LB14" s="145"/>
      <c r="LC14" s="119">
        <v>163111</v>
      </c>
      <c r="LD14" s="119">
        <v>1745872</v>
      </c>
      <c r="LE14" s="119">
        <v>2124949</v>
      </c>
      <c r="LF14" s="119">
        <v>2789755</v>
      </c>
      <c r="LG14" s="119">
        <v>766730</v>
      </c>
      <c r="LH14" s="120">
        <v>7590417</v>
      </c>
      <c r="LI14" s="121">
        <v>7590417</v>
      </c>
      <c r="LJ14" s="142">
        <v>0</v>
      </c>
      <c r="LK14" s="119">
        <v>0</v>
      </c>
      <c r="LL14" s="120">
        <v>0</v>
      </c>
      <c r="LM14" s="145"/>
      <c r="LN14" s="119">
        <v>0</v>
      </c>
      <c r="LO14" s="119">
        <v>446134</v>
      </c>
      <c r="LP14" s="119">
        <v>3654793</v>
      </c>
      <c r="LQ14" s="119">
        <v>5272840</v>
      </c>
      <c r="LR14" s="119">
        <v>3920465</v>
      </c>
      <c r="LS14" s="120">
        <v>13294232</v>
      </c>
      <c r="LT14" s="320">
        <v>13294232</v>
      </c>
      <c r="LU14" s="142">
        <v>0</v>
      </c>
      <c r="LV14" s="119">
        <v>0</v>
      </c>
      <c r="LW14" s="120">
        <v>0</v>
      </c>
      <c r="LX14" s="145"/>
      <c r="LY14" s="119">
        <v>1482931</v>
      </c>
      <c r="LZ14" s="119">
        <v>3402185</v>
      </c>
      <c r="MA14" s="119">
        <v>4339324</v>
      </c>
      <c r="MB14" s="119">
        <v>2823580</v>
      </c>
      <c r="MC14" s="119">
        <v>2604855</v>
      </c>
      <c r="MD14" s="120">
        <v>14652875</v>
      </c>
      <c r="ME14" s="121">
        <v>14652875</v>
      </c>
      <c r="MF14" s="142">
        <v>0</v>
      </c>
      <c r="MG14" s="119">
        <v>0</v>
      </c>
      <c r="MH14" s="120">
        <v>0</v>
      </c>
      <c r="MI14" s="145"/>
      <c r="MJ14" s="119">
        <v>15822683</v>
      </c>
      <c r="MK14" s="119">
        <v>42729679</v>
      </c>
      <c r="ML14" s="119">
        <v>139317064</v>
      </c>
      <c r="MM14" s="119">
        <v>150757647</v>
      </c>
      <c r="MN14" s="119">
        <v>94902439</v>
      </c>
      <c r="MO14" s="120">
        <v>443529512</v>
      </c>
      <c r="MP14" s="143">
        <v>443529512</v>
      </c>
      <c r="MQ14" s="142">
        <v>0</v>
      </c>
      <c r="MR14" s="119">
        <v>0</v>
      </c>
      <c r="MS14" s="120">
        <v>0</v>
      </c>
      <c r="MT14" s="145"/>
      <c r="MU14" s="119">
        <v>4317080</v>
      </c>
      <c r="MV14" s="119">
        <v>14858074</v>
      </c>
      <c r="MW14" s="119">
        <v>90674106</v>
      </c>
      <c r="MX14" s="119">
        <v>104745507</v>
      </c>
      <c r="MY14" s="119">
        <v>68625718</v>
      </c>
      <c r="MZ14" s="120">
        <v>283220485</v>
      </c>
      <c r="NA14" s="143">
        <v>283220485</v>
      </c>
      <c r="NB14" s="142">
        <v>0</v>
      </c>
      <c r="NC14" s="119">
        <v>0</v>
      </c>
      <c r="ND14" s="120">
        <v>0</v>
      </c>
      <c r="NE14" s="145"/>
      <c r="NF14" s="119">
        <v>11289063</v>
      </c>
      <c r="NG14" s="119">
        <v>27871605</v>
      </c>
      <c r="NH14" s="119">
        <v>47680854</v>
      </c>
      <c r="NI14" s="119">
        <v>42847124</v>
      </c>
      <c r="NJ14" s="119">
        <v>21887726</v>
      </c>
      <c r="NK14" s="120">
        <v>151576372</v>
      </c>
      <c r="NL14" s="320">
        <v>151576372</v>
      </c>
      <c r="NM14" s="142">
        <v>0</v>
      </c>
      <c r="NN14" s="119">
        <v>0</v>
      </c>
      <c r="NO14" s="120">
        <v>0</v>
      </c>
      <c r="NP14" s="145">
        <v>0</v>
      </c>
      <c r="NQ14" s="119">
        <v>0</v>
      </c>
      <c r="NR14" s="119">
        <v>0</v>
      </c>
      <c r="NS14" s="119">
        <v>0</v>
      </c>
      <c r="NT14" s="119">
        <v>360253</v>
      </c>
      <c r="NU14" s="119">
        <v>0</v>
      </c>
      <c r="NV14" s="120">
        <v>360253</v>
      </c>
      <c r="NW14" s="121">
        <v>360253</v>
      </c>
      <c r="NX14" s="142">
        <v>0</v>
      </c>
      <c r="NY14" s="119">
        <v>0</v>
      </c>
      <c r="NZ14" s="120">
        <v>0</v>
      </c>
      <c r="OA14" s="145"/>
      <c r="OB14" s="119">
        <v>216540</v>
      </c>
      <c r="OC14" s="119">
        <v>0</v>
      </c>
      <c r="OD14" s="119">
        <v>962104</v>
      </c>
      <c r="OE14" s="119">
        <v>2804763</v>
      </c>
      <c r="OF14" s="119">
        <v>4388995</v>
      </c>
      <c r="OG14" s="120">
        <v>8372402</v>
      </c>
      <c r="OH14" s="121">
        <v>8372402</v>
      </c>
      <c r="OI14" s="142">
        <v>12822096</v>
      </c>
      <c r="OJ14" s="119">
        <v>15901501</v>
      </c>
      <c r="OK14" s="141">
        <v>28723597</v>
      </c>
      <c r="OL14" s="118">
        <v>0</v>
      </c>
      <c r="OM14" s="119">
        <v>217028983</v>
      </c>
      <c r="ON14" s="119">
        <v>314150243</v>
      </c>
      <c r="OO14" s="119">
        <v>395925976</v>
      </c>
      <c r="OP14" s="119">
        <v>353167531</v>
      </c>
      <c r="OQ14" s="119">
        <v>253183614</v>
      </c>
      <c r="OR14" s="120">
        <v>1533456347</v>
      </c>
      <c r="OS14" s="143">
        <v>1562179944</v>
      </c>
    </row>
    <row r="15" spans="1:409" ht="21" customHeight="1" x14ac:dyDescent="0.2">
      <c r="B15" s="62" t="s">
        <v>9</v>
      </c>
      <c r="C15" s="110">
        <v>9972618</v>
      </c>
      <c r="D15" s="114">
        <v>13998949</v>
      </c>
      <c r="E15" s="113">
        <v>23971567</v>
      </c>
      <c r="F15" s="111">
        <v>0</v>
      </c>
      <c r="G15" s="114">
        <v>144096148</v>
      </c>
      <c r="H15" s="114">
        <v>152099578</v>
      </c>
      <c r="I15" s="114">
        <v>142626672</v>
      </c>
      <c r="J15" s="114">
        <v>153030476</v>
      </c>
      <c r="K15" s="114">
        <v>127253876</v>
      </c>
      <c r="L15" s="109">
        <v>719106750</v>
      </c>
      <c r="M15" s="116">
        <v>743078317</v>
      </c>
      <c r="N15" s="110">
        <v>1534186</v>
      </c>
      <c r="O15" s="114">
        <v>3355048</v>
      </c>
      <c r="P15" s="113">
        <v>4889234</v>
      </c>
      <c r="Q15" s="110">
        <v>0</v>
      </c>
      <c r="R15" s="114">
        <v>43001518</v>
      </c>
      <c r="S15" s="114">
        <v>50452699</v>
      </c>
      <c r="T15" s="114">
        <v>50068257</v>
      </c>
      <c r="U15" s="114">
        <v>63395107</v>
      </c>
      <c r="V15" s="114">
        <v>70319545</v>
      </c>
      <c r="W15" s="113">
        <v>277237126</v>
      </c>
      <c r="X15" s="116">
        <v>282126360</v>
      </c>
      <c r="Y15" s="110">
        <v>0</v>
      </c>
      <c r="Z15" s="114">
        <v>0</v>
      </c>
      <c r="AA15" s="113">
        <v>0</v>
      </c>
      <c r="AB15" s="110">
        <v>0</v>
      </c>
      <c r="AC15" s="114">
        <v>20107447</v>
      </c>
      <c r="AD15" s="114">
        <v>27428915</v>
      </c>
      <c r="AE15" s="114">
        <v>29545283</v>
      </c>
      <c r="AF15" s="114">
        <v>39154659</v>
      </c>
      <c r="AG15" s="114">
        <v>44393716</v>
      </c>
      <c r="AH15" s="113">
        <v>160630020</v>
      </c>
      <c r="AI15" s="116">
        <v>160630020</v>
      </c>
      <c r="AJ15" s="110">
        <v>0</v>
      </c>
      <c r="AK15" s="114">
        <v>0</v>
      </c>
      <c r="AL15" s="113">
        <v>0</v>
      </c>
      <c r="AM15" s="110">
        <v>0</v>
      </c>
      <c r="AN15" s="114">
        <v>177780</v>
      </c>
      <c r="AO15" s="114">
        <v>326860</v>
      </c>
      <c r="AP15" s="114">
        <v>1077471</v>
      </c>
      <c r="AQ15" s="114">
        <v>3304465</v>
      </c>
      <c r="AR15" s="114">
        <v>6732658</v>
      </c>
      <c r="AS15" s="113">
        <v>11619234</v>
      </c>
      <c r="AT15" s="116">
        <v>11619234</v>
      </c>
      <c r="AU15" s="110">
        <v>574274</v>
      </c>
      <c r="AV15" s="114">
        <v>2256453</v>
      </c>
      <c r="AW15" s="113">
        <v>2830727</v>
      </c>
      <c r="AX15" s="110">
        <v>0</v>
      </c>
      <c r="AY15" s="114">
        <v>14253564</v>
      </c>
      <c r="AZ15" s="114">
        <v>13461213</v>
      </c>
      <c r="BA15" s="114">
        <v>10142679</v>
      </c>
      <c r="BB15" s="114">
        <v>11173871</v>
      </c>
      <c r="BC15" s="114">
        <v>11884798</v>
      </c>
      <c r="BD15" s="113">
        <v>60916125</v>
      </c>
      <c r="BE15" s="116">
        <v>63746852</v>
      </c>
      <c r="BF15" s="110">
        <v>42710</v>
      </c>
      <c r="BG15" s="114">
        <v>441608</v>
      </c>
      <c r="BH15" s="112">
        <v>484318</v>
      </c>
      <c r="BI15" s="111">
        <v>0</v>
      </c>
      <c r="BJ15" s="114">
        <v>1563786</v>
      </c>
      <c r="BK15" s="114">
        <v>1865458</v>
      </c>
      <c r="BL15" s="114">
        <v>1635082</v>
      </c>
      <c r="BM15" s="114">
        <v>1657452</v>
      </c>
      <c r="BN15" s="114">
        <v>1319318</v>
      </c>
      <c r="BO15" s="113">
        <v>8041096</v>
      </c>
      <c r="BP15" s="116">
        <v>8525414</v>
      </c>
      <c r="BQ15" s="110">
        <v>917202</v>
      </c>
      <c r="BR15" s="114">
        <v>656987</v>
      </c>
      <c r="BS15" s="113">
        <v>1574189</v>
      </c>
      <c r="BT15" s="110">
        <v>0</v>
      </c>
      <c r="BU15" s="114">
        <v>6898941</v>
      </c>
      <c r="BV15" s="114">
        <v>7370253</v>
      </c>
      <c r="BW15" s="114">
        <v>7667742</v>
      </c>
      <c r="BX15" s="114">
        <v>8104660</v>
      </c>
      <c r="BY15" s="114">
        <v>5989055</v>
      </c>
      <c r="BZ15" s="113">
        <v>36030651</v>
      </c>
      <c r="CA15" s="116">
        <v>37604840</v>
      </c>
      <c r="CB15" s="110">
        <v>864729</v>
      </c>
      <c r="CC15" s="114">
        <v>2383530</v>
      </c>
      <c r="CD15" s="113">
        <v>3248259</v>
      </c>
      <c r="CE15" s="110">
        <v>0</v>
      </c>
      <c r="CF15" s="114">
        <v>32470740</v>
      </c>
      <c r="CG15" s="114">
        <v>32096625</v>
      </c>
      <c r="CH15" s="114">
        <v>26491751</v>
      </c>
      <c r="CI15" s="114">
        <v>20542354</v>
      </c>
      <c r="CJ15" s="114">
        <v>7599066</v>
      </c>
      <c r="CK15" s="113">
        <v>119200536</v>
      </c>
      <c r="CL15" s="116">
        <v>122448795</v>
      </c>
      <c r="CM15" s="110">
        <v>0</v>
      </c>
      <c r="CN15" s="114">
        <v>0</v>
      </c>
      <c r="CO15" s="113">
        <v>0</v>
      </c>
      <c r="CP15" s="111">
        <v>0</v>
      </c>
      <c r="CQ15" s="114">
        <v>26953232</v>
      </c>
      <c r="CR15" s="114">
        <v>25059943</v>
      </c>
      <c r="CS15" s="114">
        <v>20935976</v>
      </c>
      <c r="CT15" s="114">
        <v>14897679</v>
      </c>
      <c r="CU15" s="114">
        <v>5908634</v>
      </c>
      <c r="CV15" s="113">
        <v>93755464</v>
      </c>
      <c r="CW15" s="116">
        <v>93755464</v>
      </c>
      <c r="CX15" s="110">
        <v>864729</v>
      </c>
      <c r="CY15" s="114">
        <v>2383530</v>
      </c>
      <c r="CZ15" s="113">
        <v>3248259</v>
      </c>
      <c r="DA15" s="110">
        <v>0</v>
      </c>
      <c r="DB15" s="114">
        <v>5517508</v>
      </c>
      <c r="DC15" s="114">
        <v>7036682</v>
      </c>
      <c r="DD15" s="114">
        <v>5555775</v>
      </c>
      <c r="DE15" s="114">
        <v>5644675</v>
      </c>
      <c r="DF15" s="114">
        <v>1690432</v>
      </c>
      <c r="DG15" s="113">
        <v>25445072</v>
      </c>
      <c r="DH15" s="116">
        <v>28693331</v>
      </c>
      <c r="DI15" s="110">
        <v>74368</v>
      </c>
      <c r="DJ15" s="114">
        <v>107162</v>
      </c>
      <c r="DK15" s="112">
        <v>181530</v>
      </c>
      <c r="DL15" s="111">
        <v>0</v>
      </c>
      <c r="DM15" s="114">
        <v>3210193</v>
      </c>
      <c r="DN15" s="114">
        <v>8015209</v>
      </c>
      <c r="DO15" s="114">
        <v>13900416</v>
      </c>
      <c r="DP15" s="114">
        <v>11669667</v>
      </c>
      <c r="DQ15" s="114">
        <v>6123063</v>
      </c>
      <c r="DR15" s="113">
        <v>42918548</v>
      </c>
      <c r="DS15" s="116">
        <v>43100078</v>
      </c>
      <c r="DT15" s="110">
        <v>74368</v>
      </c>
      <c r="DU15" s="114">
        <v>107162</v>
      </c>
      <c r="DV15" s="113">
        <v>181530</v>
      </c>
      <c r="DW15" s="110">
        <v>0</v>
      </c>
      <c r="DX15" s="114">
        <v>2998037</v>
      </c>
      <c r="DY15" s="114">
        <v>7413506</v>
      </c>
      <c r="DZ15" s="114">
        <v>13014336</v>
      </c>
      <c r="EA15" s="114">
        <v>10661329</v>
      </c>
      <c r="EB15" s="114">
        <v>5354623</v>
      </c>
      <c r="EC15" s="113">
        <v>39441831</v>
      </c>
      <c r="ED15" s="116">
        <v>39623361</v>
      </c>
      <c r="EE15" s="110">
        <v>0</v>
      </c>
      <c r="EF15" s="112">
        <v>0</v>
      </c>
      <c r="EG15" s="113">
        <v>0</v>
      </c>
      <c r="EH15" s="110">
        <v>0</v>
      </c>
      <c r="EI15" s="114">
        <v>212156</v>
      </c>
      <c r="EJ15" s="114">
        <v>601703</v>
      </c>
      <c r="EK15" s="114">
        <v>886080</v>
      </c>
      <c r="EL15" s="114">
        <v>1008338</v>
      </c>
      <c r="EM15" s="114">
        <v>768440</v>
      </c>
      <c r="EN15" s="112">
        <v>3476717</v>
      </c>
      <c r="EO15" s="116">
        <v>3476717</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2902101</v>
      </c>
      <c r="FM15" s="114">
        <v>3119512</v>
      </c>
      <c r="FN15" s="113">
        <v>6021613</v>
      </c>
      <c r="FO15" s="110">
        <v>0</v>
      </c>
      <c r="FP15" s="114">
        <v>9165105</v>
      </c>
      <c r="FQ15" s="114">
        <v>12395494</v>
      </c>
      <c r="FR15" s="114">
        <v>10636556</v>
      </c>
      <c r="FS15" s="114">
        <v>11461093</v>
      </c>
      <c r="FT15" s="114">
        <v>8788414</v>
      </c>
      <c r="FU15" s="113">
        <v>52446662</v>
      </c>
      <c r="FV15" s="116">
        <v>58468275</v>
      </c>
      <c r="FW15" s="115">
        <v>1858569</v>
      </c>
      <c r="FX15" s="114">
        <v>2613254</v>
      </c>
      <c r="FY15" s="112">
        <v>4471823</v>
      </c>
      <c r="FZ15" s="111">
        <v>0</v>
      </c>
      <c r="GA15" s="114">
        <v>7460158</v>
      </c>
      <c r="GB15" s="114">
        <v>12073383</v>
      </c>
      <c r="GC15" s="114">
        <v>10344458</v>
      </c>
      <c r="GD15" s="114">
        <v>11148681</v>
      </c>
      <c r="GE15" s="114">
        <v>8463997</v>
      </c>
      <c r="GF15" s="113">
        <v>49490677</v>
      </c>
      <c r="GG15" s="318">
        <v>53962500</v>
      </c>
      <c r="GH15" s="115">
        <v>149382</v>
      </c>
      <c r="GI15" s="114">
        <v>123148</v>
      </c>
      <c r="GJ15" s="112">
        <v>272530</v>
      </c>
      <c r="GK15" s="111">
        <v>0</v>
      </c>
      <c r="GL15" s="114">
        <v>443807</v>
      </c>
      <c r="GM15" s="114">
        <v>229411</v>
      </c>
      <c r="GN15" s="114">
        <v>84768</v>
      </c>
      <c r="GO15" s="114">
        <v>281612</v>
      </c>
      <c r="GP15" s="114">
        <v>184417</v>
      </c>
      <c r="GQ15" s="113">
        <v>1224015</v>
      </c>
      <c r="GR15" s="116">
        <v>1496545</v>
      </c>
      <c r="GS15" s="110">
        <v>894150</v>
      </c>
      <c r="GT15" s="114">
        <v>383110</v>
      </c>
      <c r="GU15" s="113">
        <v>1277260</v>
      </c>
      <c r="GV15" s="110">
        <v>0</v>
      </c>
      <c r="GW15" s="114">
        <v>1261140</v>
      </c>
      <c r="GX15" s="114">
        <v>92700</v>
      </c>
      <c r="GY15" s="114">
        <v>207330</v>
      </c>
      <c r="GZ15" s="114">
        <v>30800</v>
      </c>
      <c r="HA15" s="114">
        <v>140000</v>
      </c>
      <c r="HB15" s="112">
        <v>1731970</v>
      </c>
      <c r="HC15" s="116">
        <v>3009230</v>
      </c>
      <c r="HD15" s="110">
        <v>2542122</v>
      </c>
      <c r="HE15" s="114">
        <v>2300632</v>
      </c>
      <c r="HF15" s="112">
        <v>4842754</v>
      </c>
      <c r="HG15" s="111">
        <v>0</v>
      </c>
      <c r="HH15" s="114">
        <v>30340327</v>
      </c>
      <c r="HI15" s="114">
        <v>30003238</v>
      </c>
      <c r="HJ15" s="114">
        <v>28041172</v>
      </c>
      <c r="HK15" s="114">
        <v>35053895</v>
      </c>
      <c r="HL15" s="114">
        <v>27304541</v>
      </c>
      <c r="HM15" s="113">
        <v>150743173</v>
      </c>
      <c r="HN15" s="109">
        <v>155585927</v>
      </c>
      <c r="HO15" s="115">
        <v>2055112</v>
      </c>
      <c r="HP15" s="114">
        <v>2733065</v>
      </c>
      <c r="HQ15" s="113">
        <v>4788177</v>
      </c>
      <c r="HR15" s="110">
        <v>0</v>
      </c>
      <c r="HS15" s="114">
        <v>25908265</v>
      </c>
      <c r="HT15" s="114">
        <v>19136313</v>
      </c>
      <c r="HU15" s="114">
        <v>13488520</v>
      </c>
      <c r="HV15" s="114">
        <v>10908360</v>
      </c>
      <c r="HW15" s="114">
        <v>7119247</v>
      </c>
      <c r="HX15" s="112">
        <v>76560705</v>
      </c>
      <c r="HY15" s="116">
        <v>81348882</v>
      </c>
      <c r="HZ15" s="128">
        <v>177470</v>
      </c>
      <c r="IA15" s="149">
        <v>664319</v>
      </c>
      <c r="IB15" s="129">
        <v>841789</v>
      </c>
      <c r="IC15" s="146">
        <v>0</v>
      </c>
      <c r="ID15" s="132">
        <v>34140887</v>
      </c>
      <c r="IE15" s="147">
        <v>39683280</v>
      </c>
      <c r="IF15" s="133">
        <v>49323990</v>
      </c>
      <c r="IG15" s="132">
        <v>36358654</v>
      </c>
      <c r="IH15" s="133">
        <v>21147902</v>
      </c>
      <c r="II15" s="148">
        <v>180654713</v>
      </c>
      <c r="IJ15" s="130">
        <v>181496502</v>
      </c>
      <c r="IK15" s="232">
        <v>0</v>
      </c>
      <c r="IL15" s="236">
        <v>0</v>
      </c>
      <c r="IM15" s="237">
        <v>0</v>
      </c>
      <c r="IN15" s="140">
        <v>0</v>
      </c>
      <c r="IO15" s="119">
        <v>213628</v>
      </c>
      <c r="IP15" s="119">
        <v>756415</v>
      </c>
      <c r="IQ15" s="119">
        <v>598185</v>
      </c>
      <c r="IR15" s="119">
        <v>1993058</v>
      </c>
      <c r="IS15" s="119">
        <v>2715463</v>
      </c>
      <c r="IT15" s="141">
        <v>6276749</v>
      </c>
      <c r="IU15" s="320">
        <v>6276749</v>
      </c>
      <c r="IV15" s="142">
        <v>0</v>
      </c>
      <c r="IW15" s="119">
        <v>0</v>
      </c>
      <c r="IX15" s="120">
        <v>0</v>
      </c>
      <c r="IY15" s="144">
        <v>0</v>
      </c>
      <c r="IZ15" s="119">
        <v>0</v>
      </c>
      <c r="JA15" s="119">
        <v>0</v>
      </c>
      <c r="JB15" s="119">
        <v>0</v>
      </c>
      <c r="JC15" s="119">
        <v>0</v>
      </c>
      <c r="JD15" s="119">
        <v>0</v>
      </c>
      <c r="JE15" s="120">
        <v>0</v>
      </c>
      <c r="JF15" s="121">
        <v>0</v>
      </c>
      <c r="JG15" s="142">
        <v>0</v>
      </c>
      <c r="JH15" s="119">
        <v>9434</v>
      </c>
      <c r="JI15" s="141">
        <v>9434</v>
      </c>
      <c r="JJ15" s="118">
        <v>0</v>
      </c>
      <c r="JK15" s="119">
        <v>18219933</v>
      </c>
      <c r="JL15" s="119">
        <v>16833327</v>
      </c>
      <c r="JM15" s="119">
        <v>15165328</v>
      </c>
      <c r="JN15" s="119">
        <v>9135211</v>
      </c>
      <c r="JO15" s="119">
        <v>3099180</v>
      </c>
      <c r="JP15" s="120">
        <v>62452979</v>
      </c>
      <c r="JQ15" s="320">
        <v>62462413</v>
      </c>
      <c r="JR15" s="142">
        <v>0</v>
      </c>
      <c r="JS15" s="119">
        <v>0</v>
      </c>
      <c r="JT15" s="141">
        <v>0</v>
      </c>
      <c r="JU15" s="118">
        <v>0</v>
      </c>
      <c r="JV15" s="119">
        <v>642268</v>
      </c>
      <c r="JW15" s="119">
        <v>629126</v>
      </c>
      <c r="JX15" s="119">
        <v>990531</v>
      </c>
      <c r="JY15" s="119">
        <v>862916</v>
      </c>
      <c r="JZ15" s="119">
        <v>692123</v>
      </c>
      <c r="KA15" s="120">
        <v>3816964</v>
      </c>
      <c r="KB15" s="320">
        <v>3816964</v>
      </c>
      <c r="KC15" s="234">
        <v>177470</v>
      </c>
      <c r="KD15" s="230">
        <v>409520</v>
      </c>
      <c r="KE15" s="120">
        <v>586990</v>
      </c>
      <c r="KF15" s="118">
        <v>0</v>
      </c>
      <c r="KG15" s="119">
        <v>4420288</v>
      </c>
      <c r="KH15" s="119">
        <v>6909884</v>
      </c>
      <c r="KI15" s="119">
        <v>5405366</v>
      </c>
      <c r="KJ15" s="119">
        <v>6252914</v>
      </c>
      <c r="KK15" s="119">
        <v>1829396</v>
      </c>
      <c r="KL15" s="120">
        <v>24817848</v>
      </c>
      <c r="KM15" s="143">
        <v>25404838</v>
      </c>
      <c r="KN15" s="232">
        <v>0</v>
      </c>
      <c r="KO15" s="236">
        <v>245365</v>
      </c>
      <c r="KP15" s="237">
        <v>245365</v>
      </c>
      <c r="KQ15" s="140"/>
      <c r="KR15" s="119">
        <v>8582958</v>
      </c>
      <c r="KS15" s="119">
        <v>13121937</v>
      </c>
      <c r="KT15" s="119">
        <v>23307797</v>
      </c>
      <c r="KU15" s="119">
        <v>12590695</v>
      </c>
      <c r="KV15" s="119">
        <v>7035881</v>
      </c>
      <c r="KW15" s="120">
        <v>64639268</v>
      </c>
      <c r="KX15" s="320">
        <v>64884633</v>
      </c>
      <c r="KY15" s="142">
        <v>0</v>
      </c>
      <c r="KZ15" s="119">
        <v>0</v>
      </c>
      <c r="LA15" s="120">
        <v>0</v>
      </c>
      <c r="LB15" s="145"/>
      <c r="LC15" s="119">
        <v>857506</v>
      </c>
      <c r="LD15" s="119">
        <v>1048188</v>
      </c>
      <c r="LE15" s="119">
        <v>859971</v>
      </c>
      <c r="LF15" s="119">
        <v>1628679</v>
      </c>
      <c r="LG15" s="119">
        <v>1299360</v>
      </c>
      <c r="LH15" s="120">
        <v>5693704</v>
      </c>
      <c r="LI15" s="121">
        <v>5693704</v>
      </c>
      <c r="LJ15" s="142">
        <v>0</v>
      </c>
      <c r="LK15" s="119">
        <v>0</v>
      </c>
      <c r="LL15" s="120">
        <v>0</v>
      </c>
      <c r="LM15" s="145"/>
      <c r="LN15" s="119">
        <v>0</v>
      </c>
      <c r="LO15" s="119">
        <v>0</v>
      </c>
      <c r="LP15" s="119">
        <v>0</v>
      </c>
      <c r="LQ15" s="119">
        <v>314649</v>
      </c>
      <c r="LR15" s="119">
        <v>0</v>
      </c>
      <c r="LS15" s="120">
        <v>314649</v>
      </c>
      <c r="LT15" s="320">
        <v>314649</v>
      </c>
      <c r="LU15" s="142">
        <v>0</v>
      </c>
      <c r="LV15" s="119">
        <v>0</v>
      </c>
      <c r="LW15" s="120">
        <v>0</v>
      </c>
      <c r="LX15" s="145"/>
      <c r="LY15" s="119">
        <v>1204306</v>
      </c>
      <c r="LZ15" s="119">
        <v>384403</v>
      </c>
      <c r="MA15" s="119">
        <v>2996812</v>
      </c>
      <c r="MB15" s="119">
        <v>3580532</v>
      </c>
      <c r="MC15" s="119">
        <v>4476499</v>
      </c>
      <c r="MD15" s="120">
        <v>12642552</v>
      </c>
      <c r="ME15" s="121">
        <v>12642552</v>
      </c>
      <c r="MF15" s="142">
        <v>0</v>
      </c>
      <c r="MG15" s="119">
        <v>0</v>
      </c>
      <c r="MH15" s="120">
        <v>0</v>
      </c>
      <c r="MI15" s="145"/>
      <c r="MJ15" s="119">
        <v>7582028</v>
      </c>
      <c r="MK15" s="119">
        <v>21289636</v>
      </c>
      <c r="ML15" s="119">
        <v>73553859</v>
      </c>
      <c r="MM15" s="119">
        <v>147088043</v>
      </c>
      <c r="MN15" s="119">
        <v>104102353</v>
      </c>
      <c r="MO15" s="120">
        <v>353615919</v>
      </c>
      <c r="MP15" s="143">
        <v>353615919</v>
      </c>
      <c r="MQ15" s="142">
        <v>0</v>
      </c>
      <c r="MR15" s="119">
        <v>0</v>
      </c>
      <c r="MS15" s="120">
        <v>0</v>
      </c>
      <c r="MT15" s="145"/>
      <c r="MU15" s="119">
        <v>1746107</v>
      </c>
      <c r="MV15" s="119">
        <v>457262</v>
      </c>
      <c r="MW15" s="119">
        <v>49255673</v>
      </c>
      <c r="MX15" s="119">
        <v>103995322</v>
      </c>
      <c r="MY15" s="119">
        <v>80809574</v>
      </c>
      <c r="MZ15" s="120">
        <v>236263938</v>
      </c>
      <c r="NA15" s="143">
        <v>236263938</v>
      </c>
      <c r="NB15" s="142">
        <v>0</v>
      </c>
      <c r="NC15" s="119">
        <v>0</v>
      </c>
      <c r="ND15" s="120">
        <v>0</v>
      </c>
      <c r="NE15" s="145"/>
      <c r="NF15" s="119">
        <v>5835921</v>
      </c>
      <c r="NG15" s="119">
        <v>20529470</v>
      </c>
      <c r="NH15" s="119">
        <v>23949407</v>
      </c>
      <c r="NI15" s="119">
        <v>41680052</v>
      </c>
      <c r="NJ15" s="119">
        <v>20956258</v>
      </c>
      <c r="NK15" s="120">
        <v>112951108</v>
      </c>
      <c r="NL15" s="320">
        <v>112951108</v>
      </c>
      <c r="NM15" s="142">
        <v>0</v>
      </c>
      <c r="NN15" s="119">
        <v>0</v>
      </c>
      <c r="NO15" s="120">
        <v>0</v>
      </c>
      <c r="NP15" s="145">
        <v>0</v>
      </c>
      <c r="NQ15" s="119">
        <v>0</v>
      </c>
      <c r="NR15" s="119">
        <v>0</v>
      </c>
      <c r="NS15" s="119">
        <v>0</v>
      </c>
      <c r="NT15" s="119">
        <v>348676</v>
      </c>
      <c r="NU15" s="119">
        <v>0</v>
      </c>
      <c r="NV15" s="120">
        <v>348676</v>
      </c>
      <c r="NW15" s="121">
        <v>348676</v>
      </c>
      <c r="NX15" s="142">
        <v>0</v>
      </c>
      <c r="NY15" s="119">
        <v>0</v>
      </c>
      <c r="NZ15" s="120">
        <v>0</v>
      </c>
      <c r="OA15" s="145"/>
      <c r="OB15" s="119">
        <v>0</v>
      </c>
      <c r="OC15" s="119">
        <v>302904</v>
      </c>
      <c r="OD15" s="119">
        <v>348779</v>
      </c>
      <c r="OE15" s="119">
        <v>1063993</v>
      </c>
      <c r="OF15" s="119">
        <v>2336521</v>
      </c>
      <c r="OG15" s="120">
        <v>4052197</v>
      </c>
      <c r="OH15" s="121">
        <v>4052197</v>
      </c>
      <c r="OI15" s="142">
        <v>10150088</v>
      </c>
      <c r="OJ15" s="119">
        <v>14663268</v>
      </c>
      <c r="OK15" s="141">
        <v>24813356</v>
      </c>
      <c r="OL15" s="118">
        <v>0</v>
      </c>
      <c r="OM15" s="119">
        <v>185819063</v>
      </c>
      <c r="ON15" s="119">
        <v>213072494</v>
      </c>
      <c r="OO15" s="119">
        <v>265504521</v>
      </c>
      <c r="OP15" s="119">
        <v>336477173</v>
      </c>
      <c r="OQ15" s="119">
        <v>252504131</v>
      </c>
      <c r="OR15" s="120">
        <v>1253377382</v>
      </c>
      <c r="OS15" s="143">
        <v>1278190738</v>
      </c>
    </row>
    <row r="16" spans="1:409" ht="21" customHeight="1" x14ac:dyDescent="0.2">
      <c r="B16" s="62" t="s">
        <v>10</v>
      </c>
      <c r="C16" s="110">
        <v>24039498</v>
      </c>
      <c r="D16" s="114">
        <v>40979063</v>
      </c>
      <c r="E16" s="113">
        <v>65018561</v>
      </c>
      <c r="F16" s="172">
        <v>0</v>
      </c>
      <c r="G16" s="114">
        <v>329927302</v>
      </c>
      <c r="H16" s="114">
        <v>262576470</v>
      </c>
      <c r="I16" s="114">
        <v>240522484</v>
      </c>
      <c r="J16" s="114">
        <v>239110588</v>
      </c>
      <c r="K16" s="114">
        <v>187893407</v>
      </c>
      <c r="L16" s="109">
        <v>1260030251</v>
      </c>
      <c r="M16" s="116">
        <v>1325048812</v>
      </c>
      <c r="N16" s="110">
        <v>5861288</v>
      </c>
      <c r="O16" s="114">
        <v>13131003</v>
      </c>
      <c r="P16" s="113">
        <v>18992291</v>
      </c>
      <c r="Q16" s="110">
        <v>0</v>
      </c>
      <c r="R16" s="114">
        <v>104484504</v>
      </c>
      <c r="S16" s="114">
        <v>88491169</v>
      </c>
      <c r="T16" s="114">
        <v>82488902</v>
      </c>
      <c r="U16" s="114">
        <v>106428183</v>
      </c>
      <c r="V16" s="114">
        <v>101897247</v>
      </c>
      <c r="W16" s="113">
        <v>483790005</v>
      </c>
      <c r="X16" s="116">
        <v>502782296</v>
      </c>
      <c r="Y16" s="110">
        <v>0</v>
      </c>
      <c r="Z16" s="114">
        <v>0</v>
      </c>
      <c r="AA16" s="113">
        <v>0</v>
      </c>
      <c r="AB16" s="110">
        <v>0</v>
      </c>
      <c r="AC16" s="114">
        <v>53296800</v>
      </c>
      <c r="AD16" s="114">
        <v>46304747</v>
      </c>
      <c r="AE16" s="114">
        <v>51246624</v>
      </c>
      <c r="AF16" s="114">
        <v>71049109</v>
      </c>
      <c r="AG16" s="114">
        <v>62424463</v>
      </c>
      <c r="AH16" s="113">
        <v>284321743</v>
      </c>
      <c r="AI16" s="116">
        <v>284321743</v>
      </c>
      <c r="AJ16" s="110">
        <v>0</v>
      </c>
      <c r="AK16" s="114">
        <v>26750</v>
      </c>
      <c r="AL16" s="113">
        <v>26750</v>
      </c>
      <c r="AM16" s="110">
        <v>0</v>
      </c>
      <c r="AN16" s="114">
        <v>234284</v>
      </c>
      <c r="AO16" s="114">
        <v>1330359</v>
      </c>
      <c r="AP16" s="114">
        <v>1803076</v>
      </c>
      <c r="AQ16" s="114">
        <v>4934476</v>
      </c>
      <c r="AR16" s="114">
        <v>9914594</v>
      </c>
      <c r="AS16" s="113">
        <v>18216789</v>
      </c>
      <c r="AT16" s="116">
        <v>18243539</v>
      </c>
      <c r="AU16" s="110">
        <v>3253120</v>
      </c>
      <c r="AV16" s="114">
        <v>9251400</v>
      </c>
      <c r="AW16" s="113">
        <v>12504520</v>
      </c>
      <c r="AX16" s="110">
        <v>0</v>
      </c>
      <c r="AY16" s="114">
        <v>30898193</v>
      </c>
      <c r="AZ16" s="114">
        <v>22863313</v>
      </c>
      <c r="BA16" s="114">
        <v>16008936</v>
      </c>
      <c r="BB16" s="114">
        <v>15149923</v>
      </c>
      <c r="BC16" s="114">
        <v>17063167</v>
      </c>
      <c r="BD16" s="113">
        <v>101983532</v>
      </c>
      <c r="BE16" s="116">
        <v>114488052</v>
      </c>
      <c r="BF16" s="110">
        <v>570690</v>
      </c>
      <c r="BG16" s="114">
        <v>1191084</v>
      </c>
      <c r="BH16" s="112">
        <v>1761774</v>
      </c>
      <c r="BI16" s="111">
        <v>0</v>
      </c>
      <c r="BJ16" s="114">
        <v>3463725</v>
      </c>
      <c r="BK16" s="114">
        <v>3238190</v>
      </c>
      <c r="BL16" s="114">
        <v>1772832</v>
      </c>
      <c r="BM16" s="114">
        <v>1491018</v>
      </c>
      <c r="BN16" s="114">
        <v>1372763</v>
      </c>
      <c r="BO16" s="113">
        <v>11338528</v>
      </c>
      <c r="BP16" s="116">
        <v>13100302</v>
      </c>
      <c r="BQ16" s="110">
        <v>2037478</v>
      </c>
      <c r="BR16" s="114">
        <v>2661769</v>
      </c>
      <c r="BS16" s="113">
        <v>4699247</v>
      </c>
      <c r="BT16" s="110">
        <v>0</v>
      </c>
      <c r="BU16" s="114">
        <v>16591502</v>
      </c>
      <c r="BV16" s="114">
        <v>14754560</v>
      </c>
      <c r="BW16" s="114">
        <v>11657434</v>
      </c>
      <c r="BX16" s="114">
        <v>13803657</v>
      </c>
      <c r="BY16" s="114">
        <v>11122260</v>
      </c>
      <c r="BZ16" s="113">
        <v>67929413</v>
      </c>
      <c r="CA16" s="116">
        <v>72628660</v>
      </c>
      <c r="CB16" s="110">
        <v>1399329</v>
      </c>
      <c r="CC16" s="114">
        <v>3694826</v>
      </c>
      <c r="CD16" s="113">
        <v>5094155</v>
      </c>
      <c r="CE16" s="110">
        <v>0</v>
      </c>
      <c r="CF16" s="114">
        <v>97765065</v>
      </c>
      <c r="CG16" s="114">
        <v>70294114</v>
      </c>
      <c r="CH16" s="114">
        <v>53783565</v>
      </c>
      <c r="CI16" s="114">
        <v>34075329</v>
      </c>
      <c r="CJ16" s="114">
        <v>17797973</v>
      </c>
      <c r="CK16" s="113">
        <v>273716046</v>
      </c>
      <c r="CL16" s="116">
        <v>278810201</v>
      </c>
      <c r="CM16" s="110">
        <v>0</v>
      </c>
      <c r="CN16" s="114">
        <v>0</v>
      </c>
      <c r="CO16" s="113">
        <v>0</v>
      </c>
      <c r="CP16" s="111">
        <v>0</v>
      </c>
      <c r="CQ16" s="114">
        <v>83696648</v>
      </c>
      <c r="CR16" s="114">
        <v>59033244</v>
      </c>
      <c r="CS16" s="114">
        <v>46555010</v>
      </c>
      <c r="CT16" s="114">
        <v>29043674</v>
      </c>
      <c r="CU16" s="114">
        <v>15857970</v>
      </c>
      <c r="CV16" s="113">
        <v>234186546</v>
      </c>
      <c r="CW16" s="116">
        <v>234186546</v>
      </c>
      <c r="CX16" s="110">
        <v>1399329</v>
      </c>
      <c r="CY16" s="114">
        <v>3694826</v>
      </c>
      <c r="CZ16" s="113">
        <v>5094155</v>
      </c>
      <c r="DA16" s="110">
        <v>0</v>
      </c>
      <c r="DB16" s="114">
        <v>14068417</v>
      </c>
      <c r="DC16" s="114">
        <v>11260870</v>
      </c>
      <c r="DD16" s="114">
        <v>7228555</v>
      </c>
      <c r="DE16" s="114">
        <v>5031655</v>
      </c>
      <c r="DF16" s="114">
        <v>1940003</v>
      </c>
      <c r="DG16" s="113">
        <v>39529500</v>
      </c>
      <c r="DH16" s="116">
        <v>44623655</v>
      </c>
      <c r="DI16" s="110">
        <v>227134</v>
      </c>
      <c r="DJ16" s="114">
        <v>862155</v>
      </c>
      <c r="DK16" s="112">
        <v>1089289</v>
      </c>
      <c r="DL16" s="111">
        <v>0</v>
      </c>
      <c r="DM16" s="114">
        <v>10577244</v>
      </c>
      <c r="DN16" s="114">
        <v>13298226</v>
      </c>
      <c r="DO16" s="114">
        <v>24791327</v>
      </c>
      <c r="DP16" s="114">
        <v>19157297</v>
      </c>
      <c r="DQ16" s="114">
        <v>11331881</v>
      </c>
      <c r="DR16" s="113">
        <v>79155975</v>
      </c>
      <c r="DS16" s="116">
        <v>80245264</v>
      </c>
      <c r="DT16" s="110">
        <v>227134</v>
      </c>
      <c r="DU16" s="114">
        <v>619292</v>
      </c>
      <c r="DV16" s="113">
        <v>846426</v>
      </c>
      <c r="DW16" s="110">
        <v>0</v>
      </c>
      <c r="DX16" s="114">
        <v>10135903</v>
      </c>
      <c r="DY16" s="114">
        <v>12234439</v>
      </c>
      <c r="DZ16" s="114">
        <v>23490832</v>
      </c>
      <c r="EA16" s="114">
        <v>17978922</v>
      </c>
      <c r="EB16" s="114">
        <v>10614109</v>
      </c>
      <c r="EC16" s="113">
        <v>74454205</v>
      </c>
      <c r="ED16" s="116">
        <v>75300631</v>
      </c>
      <c r="EE16" s="110">
        <v>0</v>
      </c>
      <c r="EF16" s="112">
        <v>242863</v>
      </c>
      <c r="EG16" s="113">
        <v>242863</v>
      </c>
      <c r="EH16" s="110">
        <v>0</v>
      </c>
      <c r="EI16" s="114">
        <v>441341</v>
      </c>
      <c r="EJ16" s="114">
        <v>1063787</v>
      </c>
      <c r="EK16" s="114">
        <v>1300495</v>
      </c>
      <c r="EL16" s="114">
        <v>1178375</v>
      </c>
      <c r="EM16" s="114">
        <v>717772</v>
      </c>
      <c r="EN16" s="112">
        <v>4701770</v>
      </c>
      <c r="EO16" s="116">
        <v>4944633</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7385145</v>
      </c>
      <c r="FM16" s="114">
        <v>10100883</v>
      </c>
      <c r="FN16" s="113">
        <v>17486028</v>
      </c>
      <c r="FO16" s="110">
        <v>0</v>
      </c>
      <c r="FP16" s="114">
        <v>19339576</v>
      </c>
      <c r="FQ16" s="114">
        <v>23228786</v>
      </c>
      <c r="FR16" s="114">
        <v>18979003</v>
      </c>
      <c r="FS16" s="114">
        <v>16858175</v>
      </c>
      <c r="FT16" s="114">
        <v>13872371</v>
      </c>
      <c r="FU16" s="113">
        <v>92277911</v>
      </c>
      <c r="FV16" s="116">
        <v>109763939</v>
      </c>
      <c r="FW16" s="115">
        <v>4236549</v>
      </c>
      <c r="FX16" s="114">
        <v>8109961</v>
      </c>
      <c r="FY16" s="112">
        <v>12346510</v>
      </c>
      <c r="FZ16" s="111">
        <v>0</v>
      </c>
      <c r="GA16" s="114">
        <v>16263628</v>
      </c>
      <c r="GB16" s="114">
        <v>22472673</v>
      </c>
      <c r="GC16" s="114">
        <v>17570886</v>
      </c>
      <c r="GD16" s="114">
        <v>16404788</v>
      </c>
      <c r="GE16" s="114">
        <v>13282046</v>
      </c>
      <c r="GF16" s="113">
        <v>85994021</v>
      </c>
      <c r="GG16" s="318">
        <v>98340531</v>
      </c>
      <c r="GH16" s="115">
        <v>352819</v>
      </c>
      <c r="GI16" s="114">
        <v>492930</v>
      </c>
      <c r="GJ16" s="112">
        <v>845749</v>
      </c>
      <c r="GK16" s="111">
        <v>0</v>
      </c>
      <c r="GL16" s="114">
        <v>1384649</v>
      </c>
      <c r="GM16" s="114">
        <v>648669</v>
      </c>
      <c r="GN16" s="114">
        <v>346802</v>
      </c>
      <c r="GO16" s="114">
        <v>249429</v>
      </c>
      <c r="GP16" s="114">
        <v>367131</v>
      </c>
      <c r="GQ16" s="113">
        <v>2996680</v>
      </c>
      <c r="GR16" s="116">
        <v>3842429</v>
      </c>
      <c r="GS16" s="110">
        <v>2795777</v>
      </c>
      <c r="GT16" s="114">
        <v>1497992</v>
      </c>
      <c r="GU16" s="113">
        <v>4293769</v>
      </c>
      <c r="GV16" s="110">
        <v>0</v>
      </c>
      <c r="GW16" s="114">
        <v>1691299</v>
      </c>
      <c r="GX16" s="114">
        <v>107444</v>
      </c>
      <c r="GY16" s="114">
        <v>1061315</v>
      </c>
      <c r="GZ16" s="114">
        <v>203958</v>
      </c>
      <c r="HA16" s="114">
        <v>223194</v>
      </c>
      <c r="HB16" s="112">
        <v>3287210</v>
      </c>
      <c r="HC16" s="116">
        <v>7580979</v>
      </c>
      <c r="HD16" s="110">
        <v>3790912</v>
      </c>
      <c r="HE16" s="114">
        <v>6112616</v>
      </c>
      <c r="HF16" s="112">
        <v>9903528</v>
      </c>
      <c r="HG16" s="111">
        <v>0</v>
      </c>
      <c r="HH16" s="114">
        <v>46053592</v>
      </c>
      <c r="HI16" s="114">
        <v>38363473</v>
      </c>
      <c r="HJ16" s="114">
        <v>39219700</v>
      </c>
      <c r="HK16" s="114">
        <v>46821319</v>
      </c>
      <c r="HL16" s="114">
        <v>32241505</v>
      </c>
      <c r="HM16" s="113">
        <v>202699589</v>
      </c>
      <c r="HN16" s="109">
        <v>212603117</v>
      </c>
      <c r="HO16" s="115">
        <v>5375690</v>
      </c>
      <c r="HP16" s="114">
        <v>7077580</v>
      </c>
      <c r="HQ16" s="113">
        <v>12453270</v>
      </c>
      <c r="HR16" s="110">
        <v>0</v>
      </c>
      <c r="HS16" s="114">
        <v>51707321</v>
      </c>
      <c r="HT16" s="114">
        <v>28900702</v>
      </c>
      <c r="HU16" s="114">
        <v>21259987</v>
      </c>
      <c r="HV16" s="114">
        <v>15770285</v>
      </c>
      <c r="HW16" s="114">
        <v>10752430</v>
      </c>
      <c r="HX16" s="112">
        <v>128390725</v>
      </c>
      <c r="HY16" s="116">
        <v>140843995</v>
      </c>
      <c r="HZ16" s="150">
        <v>379486</v>
      </c>
      <c r="IA16" s="135">
        <v>2817851</v>
      </c>
      <c r="IB16" s="150">
        <v>3197337</v>
      </c>
      <c r="IC16" s="134">
        <v>0</v>
      </c>
      <c r="ID16" s="135">
        <v>77366376</v>
      </c>
      <c r="IE16" s="136">
        <v>84687829</v>
      </c>
      <c r="IF16" s="137">
        <v>81571328</v>
      </c>
      <c r="IG16" s="135">
        <v>71835662</v>
      </c>
      <c r="IH16" s="137">
        <v>67077069</v>
      </c>
      <c r="II16" s="138">
        <v>382538264</v>
      </c>
      <c r="IJ16" s="150">
        <v>385735601</v>
      </c>
      <c r="IK16" s="232">
        <v>0</v>
      </c>
      <c r="IL16" s="236">
        <v>0</v>
      </c>
      <c r="IM16" s="237">
        <v>0</v>
      </c>
      <c r="IN16" s="140">
        <v>0</v>
      </c>
      <c r="IO16" s="119">
        <v>1852158</v>
      </c>
      <c r="IP16" s="119">
        <v>2017060</v>
      </c>
      <c r="IQ16" s="119">
        <v>2439974</v>
      </c>
      <c r="IR16" s="119">
        <v>4678942</v>
      </c>
      <c r="IS16" s="119">
        <v>4790132</v>
      </c>
      <c r="IT16" s="141">
        <v>15778266</v>
      </c>
      <c r="IU16" s="320">
        <v>15778266</v>
      </c>
      <c r="IV16" s="142">
        <v>0</v>
      </c>
      <c r="IW16" s="119">
        <v>0</v>
      </c>
      <c r="IX16" s="120">
        <v>0</v>
      </c>
      <c r="IY16" s="144">
        <v>0</v>
      </c>
      <c r="IZ16" s="119">
        <v>146913</v>
      </c>
      <c r="JA16" s="119">
        <v>151883</v>
      </c>
      <c r="JB16" s="119">
        <v>347335</v>
      </c>
      <c r="JC16" s="119">
        <v>305439</v>
      </c>
      <c r="JD16" s="119">
        <v>70704</v>
      </c>
      <c r="JE16" s="120">
        <v>1022274</v>
      </c>
      <c r="JF16" s="121">
        <v>1022274</v>
      </c>
      <c r="JG16" s="142">
        <v>0</v>
      </c>
      <c r="JH16" s="119">
        <v>0</v>
      </c>
      <c r="JI16" s="141">
        <v>0</v>
      </c>
      <c r="JJ16" s="118">
        <v>0</v>
      </c>
      <c r="JK16" s="119">
        <v>27561340</v>
      </c>
      <c r="JL16" s="119">
        <v>17657019</v>
      </c>
      <c r="JM16" s="119">
        <v>10542158</v>
      </c>
      <c r="JN16" s="119">
        <v>6490348</v>
      </c>
      <c r="JO16" s="119">
        <v>3510881</v>
      </c>
      <c r="JP16" s="120">
        <v>65761746</v>
      </c>
      <c r="JQ16" s="320">
        <v>65761746</v>
      </c>
      <c r="JR16" s="142">
        <v>0</v>
      </c>
      <c r="JS16" s="119">
        <v>45331</v>
      </c>
      <c r="JT16" s="141">
        <v>45331</v>
      </c>
      <c r="JU16" s="118">
        <v>0</v>
      </c>
      <c r="JV16" s="119">
        <v>755814</v>
      </c>
      <c r="JW16" s="119">
        <v>1278907</v>
      </c>
      <c r="JX16" s="119">
        <v>3175184</v>
      </c>
      <c r="JY16" s="119">
        <v>1539249</v>
      </c>
      <c r="JZ16" s="119">
        <v>1953735</v>
      </c>
      <c r="KA16" s="120">
        <v>8702889</v>
      </c>
      <c r="KB16" s="320">
        <v>8748220</v>
      </c>
      <c r="KC16" s="234">
        <v>379486</v>
      </c>
      <c r="KD16" s="230">
        <v>2047926</v>
      </c>
      <c r="KE16" s="120">
        <v>2427412</v>
      </c>
      <c r="KF16" s="118">
        <v>0</v>
      </c>
      <c r="KG16" s="119">
        <v>13113433</v>
      </c>
      <c r="KH16" s="119">
        <v>14759450</v>
      </c>
      <c r="KI16" s="119">
        <v>23016634</v>
      </c>
      <c r="KJ16" s="119">
        <v>15042986</v>
      </c>
      <c r="KK16" s="119">
        <v>10293967</v>
      </c>
      <c r="KL16" s="120">
        <v>76226470</v>
      </c>
      <c r="KM16" s="143">
        <v>78653882</v>
      </c>
      <c r="KN16" s="232">
        <v>0</v>
      </c>
      <c r="KO16" s="236">
        <v>724594</v>
      </c>
      <c r="KP16" s="237">
        <v>724594</v>
      </c>
      <c r="KQ16" s="140"/>
      <c r="KR16" s="119">
        <v>26963519</v>
      </c>
      <c r="KS16" s="119">
        <v>34607265</v>
      </c>
      <c r="KT16" s="119">
        <v>26726156</v>
      </c>
      <c r="KU16" s="119">
        <v>24349003</v>
      </c>
      <c r="KV16" s="119">
        <v>23855220</v>
      </c>
      <c r="KW16" s="120">
        <v>136501163</v>
      </c>
      <c r="KX16" s="320">
        <v>137225757</v>
      </c>
      <c r="KY16" s="142">
        <v>0</v>
      </c>
      <c r="KZ16" s="119">
        <v>0</v>
      </c>
      <c r="LA16" s="120">
        <v>0</v>
      </c>
      <c r="LB16" s="145"/>
      <c r="LC16" s="119">
        <v>4061989</v>
      </c>
      <c r="LD16" s="119">
        <v>5914371</v>
      </c>
      <c r="LE16" s="119">
        <v>6423712</v>
      </c>
      <c r="LF16" s="119">
        <v>6272544</v>
      </c>
      <c r="LG16" s="119">
        <v>7485377</v>
      </c>
      <c r="LH16" s="120">
        <v>30157993</v>
      </c>
      <c r="LI16" s="121">
        <v>30157993</v>
      </c>
      <c r="LJ16" s="142">
        <v>0</v>
      </c>
      <c r="LK16" s="119">
        <v>0</v>
      </c>
      <c r="LL16" s="120">
        <v>0</v>
      </c>
      <c r="LM16" s="145"/>
      <c r="LN16" s="119">
        <v>0</v>
      </c>
      <c r="LO16" s="119">
        <v>203193</v>
      </c>
      <c r="LP16" s="119">
        <v>1260296</v>
      </c>
      <c r="LQ16" s="119">
        <v>4725811</v>
      </c>
      <c r="LR16" s="119">
        <v>4327930</v>
      </c>
      <c r="LS16" s="120">
        <v>10517230</v>
      </c>
      <c r="LT16" s="320">
        <v>10517230</v>
      </c>
      <c r="LU16" s="142">
        <v>0</v>
      </c>
      <c r="LV16" s="119">
        <v>0</v>
      </c>
      <c r="LW16" s="120">
        <v>0</v>
      </c>
      <c r="LX16" s="145"/>
      <c r="LY16" s="119">
        <v>2911210</v>
      </c>
      <c r="LZ16" s="119">
        <v>8098681</v>
      </c>
      <c r="MA16" s="119">
        <v>7639879</v>
      </c>
      <c r="MB16" s="119">
        <v>8431340</v>
      </c>
      <c r="MC16" s="119">
        <v>10789123</v>
      </c>
      <c r="MD16" s="120">
        <v>37870233</v>
      </c>
      <c r="ME16" s="121">
        <v>37870233</v>
      </c>
      <c r="MF16" s="142">
        <v>0</v>
      </c>
      <c r="MG16" s="119">
        <v>0</v>
      </c>
      <c r="MH16" s="120">
        <v>0</v>
      </c>
      <c r="MI16" s="145"/>
      <c r="MJ16" s="119">
        <v>30279624</v>
      </c>
      <c r="MK16" s="119">
        <v>43790011</v>
      </c>
      <c r="ML16" s="119">
        <v>143340220</v>
      </c>
      <c r="MM16" s="119">
        <v>194566283</v>
      </c>
      <c r="MN16" s="119">
        <v>188520178</v>
      </c>
      <c r="MO16" s="120">
        <v>600496316</v>
      </c>
      <c r="MP16" s="143">
        <v>600496316</v>
      </c>
      <c r="MQ16" s="142">
        <v>0</v>
      </c>
      <c r="MR16" s="119">
        <v>0</v>
      </c>
      <c r="MS16" s="120">
        <v>0</v>
      </c>
      <c r="MT16" s="145"/>
      <c r="MU16" s="119">
        <v>4187795</v>
      </c>
      <c r="MV16" s="119">
        <v>10195629</v>
      </c>
      <c r="MW16" s="119">
        <v>95929675</v>
      </c>
      <c r="MX16" s="119">
        <v>141410372</v>
      </c>
      <c r="MY16" s="119">
        <v>143192251</v>
      </c>
      <c r="MZ16" s="120">
        <v>394915722</v>
      </c>
      <c r="NA16" s="143">
        <v>394915722</v>
      </c>
      <c r="NB16" s="142">
        <v>0</v>
      </c>
      <c r="NC16" s="119">
        <v>0</v>
      </c>
      <c r="ND16" s="120">
        <v>0</v>
      </c>
      <c r="NE16" s="145"/>
      <c r="NF16" s="119">
        <v>25892569</v>
      </c>
      <c r="NG16" s="119">
        <v>33332788</v>
      </c>
      <c r="NH16" s="119">
        <v>47410545</v>
      </c>
      <c r="NI16" s="119">
        <v>52074615</v>
      </c>
      <c r="NJ16" s="119">
        <v>32060181</v>
      </c>
      <c r="NK16" s="120">
        <v>190770698</v>
      </c>
      <c r="NL16" s="320">
        <v>190770698</v>
      </c>
      <c r="NM16" s="142">
        <v>0</v>
      </c>
      <c r="NN16" s="119">
        <v>0</v>
      </c>
      <c r="NO16" s="120">
        <v>0</v>
      </c>
      <c r="NP16" s="145">
        <v>0</v>
      </c>
      <c r="NQ16" s="119">
        <v>0</v>
      </c>
      <c r="NR16" s="119">
        <v>0</v>
      </c>
      <c r="NS16" s="119">
        <v>0</v>
      </c>
      <c r="NT16" s="119">
        <v>0</v>
      </c>
      <c r="NU16" s="119">
        <v>533473</v>
      </c>
      <c r="NV16" s="120">
        <v>533473</v>
      </c>
      <c r="NW16" s="121">
        <v>533473</v>
      </c>
      <c r="NX16" s="142">
        <v>0</v>
      </c>
      <c r="NY16" s="119">
        <v>0</v>
      </c>
      <c r="NZ16" s="120">
        <v>0</v>
      </c>
      <c r="OA16" s="145"/>
      <c r="OB16" s="119">
        <v>199260</v>
      </c>
      <c r="OC16" s="119">
        <v>261594</v>
      </c>
      <c r="OD16" s="119">
        <v>0</v>
      </c>
      <c r="OE16" s="119">
        <v>1081296</v>
      </c>
      <c r="OF16" s="119">
        <v>12734273</v>
      </c>
      <c r="OG16" s="120">
        <v>14276423</v>
      </c>
      <c r="OH16" s="121">
        <v>14276423</v>
      </c>
      <c r="OI16" s="142">
        <v>24418984</v>
      </c>
      <c r="OJ16" s="119">
        <v>43796914</v>
      </c>
      <c r="OK16" s="141">
        <v>68215898</v>
      </c>
      <c r="OL16" s="118">
        <v>0</v>
      </c>
      <c r="OM16" s="119">
        <v>437573302</v>
      </c>
      <c r="ON16" s="119">
        <v>391054310</v>
      </c>
      <c r="OO16" s="119">
        <v>465434032</v>
      </c>
      <c r="OP16" s="119">
        <v>505512533</v>
      </c>
      <c r="OQ16" s="119">
        <v>443490654</v>
      </c>
      <c r="OR16" s="120">
        <v>2243064831</v>
      </c>
      <c r="OS16" s="143">
        <v>2311280729</v>
      </c>
    </row>
    <row r="17" spans="2:409" ht="21" customHeight="1" x14ac:dyDescent="0.2">
      <c r="B17" s="62" t="s">
        <v>11</v>
      </c>
      <c r="C17" s="110">
        <v>10237274</v>
      </c>
      <c r="D17" s="114">
        <v>15077867</v>
      </c>
      <c r="E17" s="171">
        <v>25315141</v>
      </c>
      <c r="F17" s="111">
        <v>0</v>
      </c>
      <c r="G17" s="114">
        <v>161612527</v>
      </c>
      <c r="H17" s="114">
        <v>131668275</v>
      </c>
      <c r="I17" s="114">
        <v>131172118</v>
      </c>
      <c r="J17" s="114">
        <v>137105208</v>
      </c>
      <c r="K17" s="114">
        <v>89000005</v>
      </c>
      <c r="L17" s="109">
        <v>650558133</v>
      </c>
      <c r="M17" s="116">
        <v>675873274</v>
      </c>
      <c r="N17" s="110">
        <v>1402341</v>
      </c>
      <c r="O17" s="114">
        <v>2767541</v>
      </c>
      <c r="P17" s="113">
        <v>4169882</v>
      </c>
      <c r="Q17" s="110">
        <v>0</v>
      </c>
      <c r="R17" s="114">
        <v>38366865</v>
      </c>
      <c r="S17" s="114">
        <v>38659616</v>
      </c>
      <c r="T17" s="114">
        <v>39724871</v>
      </c>
      <c r="U17" s="114">
        <v>46639438</v>
      </c>
      <c r="V17" s="114">
        <v>44731751</v>
      </c>
      <c r="W17" s="113">
        <v>208122541</v>
      </c>
      <c r="X17" s="116">
        <v>212292423</v>
      </c>
      <c r="Y17" s="110">
        <v>0</v>
      </c>
      <c r="Z17" s="114">
        <v>0</v>
      </c>
      <c r="AA17" s="113">
        <v>0</v>
      </c>
      <c r="AB17" s="110">
        <v>0</v>
      </c>
      <c r="AC17" s="114">
        <v>19462976</v>
      </c>
      <c r="AD17" s="114">
        <v>21431197</v>
      </c>
      <c r="AE17" s="114">
        <v>23153215</v>
      </c>
      <c r="AF17" s="114">
        <v>28446560</v>
      </c>
      <c r="AG17" s="114">
        <v>27814801</v>
      </c>
      <c r="AH17" s="113">
        <v>120308749</v>
      </c>
      <c r="AI17" s="116">
        <v>120308749</v>
      </c>
      <c r="AJ17" s="110">
        <v>0</v>
      </c>
      <c r="AK17" s="114">
        <v>35216</v>
      </c>
      <c r="AL17" s="113">
        <v>35216</v>
      </c>
      <c r="AM17" s="110">
        <v>0</v>
      </c>
      <c r="AN17" s="114">
        <v>264555</v>
      </c>
      <c r="AO17" s="114">
        <v>795561</v>
      </c>
      <c r="AP17" s="114">
        <v>1530822</v>
      </c>
      <c r="AQ17" s="114">
        <v>3298869</v>
      </c>
      <c r="AR17" s="114">
        <v>4130516</v>
      </c>
      <c r="AS17" s="113">
        <v>10020323</v>
      </c>
      <c r="AT17" s="116">
        <v>10055539</v>
      </c>
      <c r="AU17" s="110">
        <v>814435</v>
      </c>
      <c r="AV17" s="114">
        <v>2013470</v>
      </c>
      <c r="AW17" s="113">
        <v>2827905</v>
      </c>
      <c r="AX17" s="110">
        <v>0</v>
      </c>
      <c r="AY17" s="114">
        <v>11601069</v>
      </c>
      <c r="AZ17" s="114">
        <v>9983213</v>
      </c>
      <c r="BA17" s="114">
        <v>8717756</v>
      </c>
      <c r="BB17" s="114">
        <v>8532101</v>
      </c>
      <c r="BC17" s="114">
        <v>9038461</v>
      </c>
      <c r="BD17" s="113">
        <v>47872600</v>
      </c>
      <c r="BE17" s="116">
        <v>50700505</v>
      </c>
      <c r="BF17" s="110">
        <v>79899</v>
      </c>
      <c r="BG17" s="114">
        <v>221571</v>
      </c>
      <c r="BH17" s="112">
        <v>301470</v>
      </c>
      <c r="BI17" s="111">
        <v>0</v>
      </c>
      <c r="BJ17" s="114">
        <v>1555928</v>
      </c>
      <c r="BK17" s="114">
        <v>1001230</v>
      </c>
      <c r="BL17" s="114">
        <v>1222784</v>
      </c>
      <c r="BM17" s="114">
        <v>1079306</v>
      </c>
      <c r="BN17" s="114">
        <v>207954</v>
      </c>
      <c r="BO17" s="113">
        <v>5067202</v>
      </c>
      <c r="BP17" s="116">
        <v>5368672</v>
      </c>
      <c r="BQ17" s="110">
        <v>508007</v>
      </c>
      <c r="BR17" s="114">
        <v>497284</v>
      </c>
      <c r="BS17" s="113">
        <v>1005291</v>
      </c>
      <c r="BT17" s="110">
        <v>0</v>
      </c>
      <c r="BU17" s="114">
        <v>5482337</v>
      </c>
      <c r="BV17" s="114">
        <v>5448415</v>
      </c>
      <c r="BW17" s="114">
        <v>5100294</v>
      </c>
      <c r="BX17" s="114">
        <v>5282602</v>
      </c>
      <c r="BY17" s="114">
        <v>3540019</v>
      </c>
      <c r="BZ17" s="113">
        <v>24853667</v>
      </c>
      <c r="CA17" s="116">
        <v>25858958</v>
      </c>
      <c r="CB17" s="110">
        <v>1923435</v>
      </c>
      <c r="CC17" s="114">
        <v>3216726</v>
      </c>
      <c r="CD17" s="113">
        <v>5140161</v>
      </c>
      <c r="CE17" s="110">
        <v>0</v>
      </c>
      <c r="CF17" s="114">
        <v>50738733</v>
      </c>
      <c r="CG17" s="114">
        <v>37748321</v>
      </c>
      <c r="CH17" s="114">
        <v>31626856</v>
      </c>
      <c r="CI17" s="114">
        <v>24171338</v>
      </c>
      <c r="CJ17" s="114">
        <v>10674373</v>
      </c>
      <c r="CK17" s="113">
        <v>154959621</v>
      </c>
      <c r="CL17" s="116">
        <v>160099782</v>
      </c>
      <c r="CM17" s="110">
        <v>0</v>
      </c>
      <c r="CN17" s="114">
        <v>0</v>
      </c>
      <c r="CO17" s="113">
        <v>0</v>
      </c>
      <c r="CP17" s="111">
        <v>0</v>
      </c>
      <c r="CQ17" s="114">
        <v>41848831</v>
      </c>
      <c r="CR17" s="114">
        <v>29638834</v>
      </c>
      <c r="CS17" s="114">
        <v>25704395</v>
      </c>
      <c r="CT17" s="114">
        <v>18759612</v>
      </c>
      <c r="CU17" s="114">
        <v>9290878</v>
      </c>
      <c r="CV17" s="113">
        <v>125242550</v>
      </c>
      <c r="CW17" s="116">
        <v>125242550</v>
      </c>
      <c r="CX17" s="110">
        <v>1923435</v>
      </c>
      <c r="CY17" s="114">
        <v>3216726</v>
      </c>
      <c r="CZ17" s="113">
        <v>5140161</v>
      </c>
      <c r="DA17" s="110">
        <v>0</v>
      </c>
      <c r="DB17" s="114">
        <v>8889902</v>
      </c>
      <c r="DC17" s="114">
        <v>8109487</v>
      </c>
      <c r="DD17" s="114">
        <v>5922461</v>
      </c>
      <c r="DE17" s="114">
        <v>5411726</v>
      </c>
      <c r="DF17" s="114">
        <v>1383495</v>
      </c>
      <c r="DG17" s="113">
        <v>29717071</v>
      </c>
      <c r="DH17" s="116">
        <v>34857232</v>
      </c>
      <c r="DI17" s="110">
        <v>106895</v>
      </c>
      <c r="DJ17" s="114">
        <v>316633</v>
      </c>
      <c r="DK17" s="112">
        <v>423528</v>
      </c>
      <c r="DL17" s="111">
        <v>0</v>
      </c>
      <c r="DM17" s="114">
        <v>5219589</v>
      </c>
      <c r="DN17" s="114">
        <v>5937917</v>
      </c>
      <c r="DO17" s="114">
        <v>10791940</v>
      </c>
      <c r="DP17" s="114">
        <v>11765049</v>
      </c>
      <c r="DQ17" s="114">
        <v>4334875</v>
      </c>
      <c r="DR17" s="113">
        <v>38049370</v>
      </c>
      <c r="DS17" s="116">
        <v>38472898</v>
      </c>
      <c r="DT17" s="110">
        <v>106895</v>
      </c>
      <c r="DU17" s="114">
        <v>316633</v>
      </c>
      <c r="DV17" s="113">
        <v>423528</v>
      </c>
      <c r="DW17" s="110">
        <v>0</v>
      </c>
      <c r="DX17" s="114">
        <v>4757968</v>
      </c>
      <c r="DY17" s="114">
        <v>5586652</v>
      </c>
      <c r="DZ17" s="114">
        <v>9751332</v>
      </c>
      <c r="EA17" s="114">
        <v>11571210</v>
      </c>
      <c r="EB17" s="114">
        <v>3729805</v>
      </c>
      <c r="EC17" s="113">
        <v>35396967</v>
      </c>
      <c r="ED17" s="116">
        <v>35820495</v>
      </c>
      <c r="EE17" s="110">
        <v>0</v>
      </c>
      <c r="EF17" s="112">
        <v>0</v>
      </c>
      <c r="EG17" s="113">
        <v>0</v>
      </c>
      <c r="EH17" s="110">
        <v>0</v>
      </c>
      <c r="EI17" s="114">
        <v>461621</v>
      </c>
      <c r="EJ17" s="114">
        <v>351265</v>
      </c>
      <c r="EK17" s="114">
        <v>1040608</v>
      </c>
      <c r="EL17" s="114">
        <v>193839</v>
      </c>
      <c r="EM17" s="114">
        <v>605070</v>
      </c>
      <c r="EN17" s="112">
        <v>2652403</v>
      </c>
      <c r="EO17" s="116">
        <v>2652403</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2513880</v>
      </c>
      <c r="FM17" s="114">
        <v>3257904</v>
      </c>
      <c r="FN17" s="113">
        <v>5771784</v>
      </c>
      <c r="FO17" s="110">
        <v>0</v>
      </c>
      <c r="FP17" s="114">
        <v>7670451</v>
      </c>
      <c r="FQ17" s="114">
        <v>11028997</v>
      </c>
      <c r="FR17" s="114">
        <v>10126204</v>
      </c>
      <c r="FS17" s="114">
        <v>9340658</v>
      </c>
      <c r="FT17" s="114">
        <v>6178450</v>
      </c>
      <c r="FU17" s="113">
        <v>44344760</v>
      </c>
      <c r="FV17" s="116">
        <v>50116544</v>
      </c>
      <c r="FW17" s="115">
        <v>1835499</v>
      </c>
      <c r="FX17" s="114">
        <v>2728952</v>
      </c>
      <c r="FY17" s="112">
        <v>4564451</v>
      </c>
      <c r="FZ17" s="111">
        <v>0</v>
      </c>
      <c r="GA17" s="114">
        <v>6434605</v>
      </c>
      <c r="GB17" s="114">
        <v>10295118</v>
      </c>
      <c r="GC17" s="114">
        <v>9470409</v>
      </c>
      <c r="GD17" s="114">
        <v>9137836</v>
      </c>
      <c r="GE17" s="114">
        <v>6087478</v>
      </c>
      <c r="GF17" s="113">
        <v>41425446</v>
      </c>
      <c r="GG17" s="318">
        <v>45989897</v>
      </c>
      <c r="GH17" s="115">
        <v>151416</v>
      </c>
      <c r="GI17" s="114">
        <v>139243</v>
      </c>
      <c r="GJ17" s="112">
        <v>290659</v>
      </c>
      <c r="GK17" s="111">
        <v>0</v>
      </c>
      <c r="GL17" s="114">
        <v>511332</v>
      </c>
      <c r="GM17" s="114">
        <v>156502</v>
      </c>
      <c r="GN17" s="114">
        <v>256302</v>
      </c>
      <c r="GO17" s="114">
        <v>202822</v>
      </c>
      <c r="GP17" s="114">
        <v>90972</v>
      </c>
      <c r="GQ17" s="113">
        <v>1217930</v>
      </c>
      <c r="GR17" s="116">
        <v>1508589</v>
      </c>
      <c r="GS17" s="110">
        <v>526965</v>
      </c>
      <c r="GT17" s="114">
        <v>389709</v>
      </c>
      <c r="GU17" s="113">
        <v>916674</v>
      </c>
      <c r="GV17" s="110">
        <v>0</v>
      </c>
      <c r="GW17" s="114">
        <v>724514</v>
      </c>
      <c r="GX17" s="114">
        <v>577377</v>
      </c>
      <c r="GY17" s="114">
        <v>399493</v>
      </c>
      <c r="GZ17" s="114">
        <v>0</v>
      </c>
      <c r="HA17" s="114">
        <v>0</v>
      </c>
      <c r="HB17" s="112">
        <v>1701384</v>
      </c>
      <c r="HC17" s="116">
        <v>2618058</v>
      </c>
      <c r="HD17" s="110">
        <v>1922592</v>
      </c>
      <c r="HE17" s="114">
        <v>2993827</v>
      </c>
      <c r="HF17" s="112">
        <v>4916419</v>
      </c>
      <c r="HG17" s="111">
        <v>0</v>
      </c>
      <c r="HH17" s="114">
        <v>32367833</v>
      </c>
      <c r="HI17" s="114">
        <v>22915133</v>
      </c>
      <c r="HJ17" s="114">
        <v>25983224</v>
      </c>
      <c r="HK17" s="114">
        <v>35512682</v>
      </c>
      <c r="HL17" s="114">
        <v>17918126</v>
      </c>
      <c r="HM17" s="113">
        <v>134696998</v>
      </c>
      <c r="HN17" s="109">
        <v>139613417</v>
      </c>
      <c r="HO17" s="115">
        <v>2368131</v>
      </c>
      <c r="HP17" s="114">
        <v>2525236</v>
      </c>
      <c r="HQ17" s="113">
        <v>4893367</v>
      </c>
      <c r="HR17" s="110">
        <v>0</v>
      </c>
      <c r="HS17" s="114">
        <v>27249056</v>
      </c>
      <c r="HT17" s="114">
        <v>15378291</v>
      </c>
      <c r="HU17" s="114">
        <v>12919023</v>
      </c>
      <c r="HV17" s="114">
        <v>9676043</v>
      </c>
      <c r="HW17" s="114">
        <v>5162430</v>
      </c>
      <c r="HX17" s="112">
        <v>70384843</v>
      </c>
      <c r="HY17" s="116">
        <v>75278210</v>
      </c>
      <c r="HZ17" s="131">
        <v>135548</v>
      </c>
      <c r="IA17" s="132">
        <v>1949121</v>
      </c>
      <c r="IB17" s="133">
        <v>2084669</v>
      </c>
      <c r="IC17" s="146">
        <v>0</v>
      </c>
      <c r="ID17" s="132">
        <v>51361753</v>
      </c>
      <c r="IE17" s="147">
        <v>52003254</v>
      </c>
      <c r="IF17" s="133">
        <v>50021210</v>
      </c>
      <c r="IG17" s="132">
        <v>32234989</v>
      </c>
      <c r="IH17" s="133">
        <v>17195043</v>
      </c>
      <c r="II17" s="148">
        <v>202816249</v>
      </c>
      <c r="IJ17" s="139">
        <v>204900918</v>
      </c>
      <c r="IK17" s="232">
        <v>0</v>
      </c>
      <c r="IL17" s="236">
        <v>0</v>
      </c>
      <c r="IM17" s="237">
        <v>0</v>
      </c>
      <c r="IN17" s="140">
        <v>0</v>
      </c>
      <c r="IO17" s="119">
        <v>827330</v>
      </c>
      <c r="IP17" s="119">
        <v>1120269</v>
      </c>
      <c r="IQ17" s="119">
        <v>1203133</v>
      </c>
      <c r="IR17" s="119">
        <v>1271393</v>
      </c>
      <c r="IS17" s="119">
        <v>1482398</v>
      </c>
      <c r="IT17" s="141">
        <v>5904523</v>
      </c>
      <c r="IU17" s="320">
        <v>5904523</v>
      </c>
      <c r="IV17" s="142">
        <v>0</v>
      </c>
      <c r="IW17" s="119">
        <v>0</v>
      </c>
      <c r="IX17" s="120">
        <v>0</v>
      </c>
      <c r="IY17" s="144">
        <v>0</v>
      </c>
      <c r="IZ17" s="119">
        <v>208583</v>
      </c>
      <c r="JA17" s="119">
        <v>237221</v>
      </c>
      <c r="JB17" s="119">
        <v>175953</v>
      </c>
      <c r="JC17" s="119">
        <v>250343</v>
      </c>
      <c r="JD17" s="119">
        <v>113591</v>
      </c>
      <c r="JE17" s="120">
        <v>985691</v>
      </c>
      <c r="JF17" s="121">
        <v>985691</v>
      </c>
      <c r="JG17" s="142">
        <v>0</v>
      </c>
      <c r="JH17" s="119">
        <v>0</v>
      </c>
      <c r="JI17" s="141">
        <v>0</v>
      </c>
      <c r="JJ17" s="118">
        <v>0</v>
      </c>
      <c r="JK17" s="119">
        <v>28913422</v>
      </c>
      <c r="JL17" s="119">
        <v>19650280</v>
      </c>
      <c r="JM17" s="119">
        <v>16242131</v>
      </c>
      <c r="JN17" s="119">
        <v>9892865</v>
      </c>
      <c r="JO17" s="119">
        <v>3865181</v>
      </c>
      <c r="JP17" s="120">
        <v>78563879</v>
      </c>
      <c r="JQ17" s="320">
        <v>78563879</v>
      </c>
      <c r="JR17" s="142">
        <v>0</v>
      </c>
      <c r="JS17" s="119">
        <v>83574</v>
      </c>
      <c r="JT17" s="141">
        <v>83574</v>
      </c>
      <c r="JU17" s="118">
        <v>0</v>
      </c>
      <c r="JV17" s="119">
        <v>1149556</v>
      </c>
      <c r="JW17" s="119">
        <v>874083</v>
      </c>
      <c r="JX17" s="119">
        <v>1207164</v>
      </c>
      <c r="JY17" s="119">
        <v>147654</v>
      </c>
      <c r="JZ17" s="119">
        <v>149451</v>
      </c>
      <c r="KA17" s="120">
        <v>3527908</v>
      </c>
      <c r="KB17" s="320">
        <v>3611482</v>
      </c>
      <c r="KC17" s="234">
        <v>135548</v>
      </c>
      <c r="KD17" s="230">
        <v>416990</v>
      </c>
      <c r="KE17" s="120">
        <v>552538</v>
      </c>
      <c r="KF17" s="118">
        <v>0</v>
      </c>
      <c r="KG17" s="119">
        <v>4844862</v>
      </c>
      <c r="KH17" s="119">
        <v>8166407</v>
      </c>
      <c r="KI17" s="119">
        <v>11110135</v>
      </c>
      <c r="KJ17" s="119">
        <v>5791546</v>
      </c>
      <c r="KK17" s="119">
        <v>2755982</v>
      </c>
      <c r="KL17" s="120">
        <v>32668932</v>
      </c>
      <c r="KM17" s="143">
        <v>33221470</v>
      </c>
      <c r="KN17" s="232">
        <v>0</v>
      </c>
      <c r="KO17" s="236">
        <v>1448557</v>
      </c>
      <c r="KP17" s="237">
        <v>1448557</v>
      </c>
      <c r="KQ17" s="140"/>
      <c r="KR17" s="119">
        <v>14423691</v>
      </c>
      <c r="KS17" s="119">
        <v>20877866</v>
      </c>
      <c r="KT17" s="119">
        <v>18953212</v>
      </c>
      <c r="KU17" s="119">
        <v>12569544</v>
      </c>
      <c r="KV17" s="119">
        <v>7496371</v>
      </c>
      <c r="KW17" s="120">
        <v>74320684</v>
      </c>
      <c r="KX17" s="320">
        <v>75769241</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35809</v>
      </c>
      <c r="LP17" s="119">
        <v>0</v>
      </c>
      <c r="LQ17" s="119">
        <v>0</v>
      </c>
      <c r="LR17" s="119">
        <v>0</v>
      </c>
      <c r="LS17" s="120">
        <v>235809</v>
      </c>
      <c r="LT17" s="320">
        <v>235809</v>
      </c>
      <c r="LU17" s="142">
        <v>0</v>
      </c>
      <c r="LV17" s="119">
        <v>0</v>
      </c>
      <c r="LW17" s="120">
        <v>0</v>
      </c>
      <c r="LX17" s="145"/>
      <c r="LY17" s="119">
        <v>994309</v>
      </c>
      <c r="LZ17" s="119">
        <v>841319</v>
      </c>
      <c r="MA17" s="119">
        <v>1129482</v>
      </c>
      <c r="MB17" s="119">
        <v>2311644</v>
      </c>
      <c r="MC17" s="119">
        <v>1332069</v>
      </c>
      <c r="MD17" s="120">
        <v>6608823</v>
      </c>
      <c r="ME17" s="121">
        <v>6608823</v>
      </c>
      <c r="MF17" s="142">
        <v>0</v>
      </c>
      <c r="MG17" s="119">
        <v>0</v>
      </c>
      <c r="MH17" s="120">
        <v>0</v>
      </c>
      <c r="MI17" s="145"/>
      <c r="MJ17" s="119">
        <v>18229199</v>
      </c>
      <c r="MK17" s="119">
        <v>28635344</v>
      </c>
      <c r="ML17" s="119">
        <v>89878713</v>
      </c>
      <c r="MM17" s="119">
        <v>142080567</v>
      </c>
      <c r="MN17" s="119">
        <v>83543056</v>
      </c>
      <c r="MO17" s="120">
        <v>362366879</v>
      </c>
      <c r="MP17" s="143">
        <v>362366879</v>
      </c>
      <c r="MQ17" s="142">
        <v>0</v>
      </c>
      <c r="MR17" s="119">
        <v>0</v>
      </c>
      <c r="MS17" s="120">
        <v>0</v>
      </c>
      <c r="MT17" s="145"/>
      <c r="MU17" s="119">
        <v>418070</v>
      </c>
      <c r="MV17" s="119">
        <v>2002216</v>
      </c>
      <c r="MW17" s="119">
        <v>51512090</v>
      </c>
      <c r="MX17" s="119">
        <v>90685239</v>
      </c>
      <c r="MY17" s="119">
        <v>54319534</v>
      </c>
      <c r="MZ17" s="120">
        <v>198937149</v>
      </c>
      <c r="NA17" s="143">
        <v>198937149</v>
      </c>
      <c r="NB17" s="142">
        <v>0</v>
      </c>
      <c r="NC17" s="119">
        <v>0</v>
      </c>
      <c r="ND17" s="120">
        <v>0</v>
      </c>
      <c r="NE17" s="145"/>
      <c r="NF17" s="119">
        <v>17163507</v>
      </c>
      <c r="NG17" s="119">
        <v>25086877</v>
      </c>
      <c r="NH17" s="119">
        <v>36403108</v>
      </c>
      <c r="NI17" s="119">
        <v>48935660</v>
      </c>
      <c r="NJ17" s="119">
        <v>21243484</v>
      </c>
      <c r="NK17" s="120">
        <v>148832636</v>
      </c>
      <c r="NL17" s="320">
        <v>148832636</v>
      </c>
      <c r="NM17" s="142">
        <v>0</v>
      </c>
      <c r="NN17" s="119">
        <v>0</v>
      </c>
      <c r="NO17" s="120">
        <v>0</v>
      </c>
      <c r="NP17" s="145">
        <v>0</v>
      </c>
      <c r="NQ17" s="119">
        <v>0</v>
      </c>
      <c r="NR17" s="119">
        <v>0</v>
      </c>
      <c r="NS17" s="119">
        <v>0</v>
      </c>
      <c r="NT17" s="119">
        <v>392791</v>
      </c>
      <c r="NU17" s="119">
        <v>366498</v>
      </c>
      <c r="NV17" s="120">
        <v>759289</v>
      </c>
      <c r="NW17" s="121">
        <v>759289</v>
      </c>
      <c r="NX17" s="142">
        <v>0</v>
      </c>
      <c r="NY17" s="119">
        <v>0</v>
      </c>
      <c r="NZ17" s="120">
        <v>0</v>
      </c>
      <c r="OA17" s="145"/>
      <c r="OB17" s="119">
        <v>647622</v>
      </c>
      <c r="OC17" s="119">
        <v>1546251</v>
      </c>
      <c r="OD17" s="119">
        <v>1963515</v>
      </c>
      <c r="OE17" s="119">
        <v>2066877</v>
      </c>
      <c r="OF17" s="119">
        <v>7613540</v>
      </c>
      <c r="OG17" s="120">
        <v>13837805</v>
      </c>
      <c r="OH17" s="121">
        <v>13837805</v>
      </c>
      <c r="OI17" s="142">
        <v>10372822</v>
      </c>
      <c r="OJ17" s="119">
        <v>17026988</v>
      </c>
      <c r="OK17" s="141">
        <v>27399810</v>
      </c>
      <c r="OL17" s="118">
        <v>0</v>
      </c>
      <c r="OM17" s="119">
        <v>231203479</v>
      </c>
      <c r="ON17" s="119">
        <v>212306873</v>
      </c>
      <c r="OO17" s="119">
        <v>271072041</v>
      </c>
      <c r="OP17" s="119">
        <v>311420764</v>
      </c>
      <c r="OQ17" s="119">
        <v>189738104</v>
      </c>
      <c r="OR17" s="120">
        <v>1215741261</v>
      </c>
      <c r="OS17" s="143">
        <v>1243141071</v>
      </c>
    </row>
    <row r="18" spans="2:409" ht="21" customHeight="1" x14ac:dyDescent="0.2">
      <c r="B18" s="62" t="s">
        <v>12</v>
      </c>
      <c r="C18" s="110">
        <v>16740001</v>
      </c>
      <c r="D18" s="114">
        <v>28550991</v>
      </c>
      <c r="E18" s="113">
        <v>45290992</v>
      </c>
      <c r="F18" s="109">
        <v>0</v>
      </c>
      <c r="G18" s="114">
        <v>122319834</v>
      </c>
      <c r="H18" s="170">
        <v>140438829</v>
      </c>
      <c r="I18" s="170">
        <v>138266390</v>
      </c>
      <c r="J18" s="170">
        <v>151322457</v>
      </c>
      <c r="K18" s="170">
        <v>111703909</v>
      </c>
      <c r="L18" s="112">
        <v>664051419</v>
      </c>
      <c r="M18" s="116">
        <v>709342411</v>
      </c>
      <c r="N18" s="110">
        <v>3172269</v>
      </c>
      <c r="O18" s="114">
        <v>7587367</v>
      </c>
      <c r="P18" s="113">
        <v>10759636</v>
      </c>
      <c r="Q18" s="110">
        <v>0</v>
      </c>
      <c r="R18" s="114">
        <v>34871276</v>
      </c>
      <c r="S18" s="114">
        <v>42484620</v>
      </c>
      <c r="T18" s="114">
        <v>41760772</v>
      </c>
      <c r="U18" s="114">
        <v>54990198</v>
      </c>
      <c r="V18" s="114">
        <v>55985207</v>
      </c>
      <c r="W18" s="113">
        <v>230092073</v>
      </c>
      <c r="X18" s="116">
        <v>240851709</v>
      </c>
      <c r="Y18" s="110">
        <v>0</v>
      </c>
      <c r="Z18" s="114">
        <v>0</v>
      </c>
      <c r="AA18" s="113">
        <v>0</v>
      </c>
      <c r="AB18" s="110">
        <v>0</v>
      </c>
      <c r="AC18" s="114">
        <v>20435150</v>
      </c>
      <c r="AD18" s="114">
        <v>23777397</v>
      </c>
      <c r="AE18" s="114">
        <v>26204221</v>
      </c>
      <c r="AF18" s="114">
        <v>35556768</v>
      </c>
      <c r="AG18" s="114">
        <v>37266838</v>
      </c>
      <c r="AH18" s="113">
        <v>143240374</v>
      </c>
      <c r="AI18" s="116">
        <v>143240374</v>
      </c>
      <c r="AJ18" s="110">
        <v>0</v>
      </c>
      <c r="AK18" s="114">
        <v>156743</v>
      </c>
      <c r="AL18" s="113">
        <v>156743</v>
      </c>
      <c r="AM18" s="110">
        <v>0</v>
      </c>
      <c r="AN18" s="114">
        <v>181542</v>
      </c>
      <c r="AO18" s="114">
        <v>690919</v>
      </c>
      <c r="AP18" s="114">
        <v>1208797</v>
      </c>
      <c r="AQ18" s="114">
        <v>3960495</v>
      </c>
      <c r="AR18" s="114">
        <v>5188059</v>
      </c>
      <c r="AS18" s="113">
        <v>11229812</v>
      </c>
      <c r="AT18" s="116">
        <v>11386555</v>
      </c>
      <c r="AU18" s="110">
        <v>2196052</v>
      </c>
      <c r="AV18" s="114">
        <v>5619097</v>
      </c>
      <c r="AW18" s="113">
        <v>7815149</v>
      </c>
      <c r="AX18" s="110">
        <v>0</v>
      </c>
      <c r="AY18" s="114">
        <v>9569549</v>
      </c>
      <c r="AZ18" s="114">
        <v>11950125</v>
      </c>
      <c r="BA18" s="114">
        <v>8633623</v>
      </c>
      <c r="BB18" s="114">
        <v>8853020</v>
      </c>
      <c r="BC18" s="114">
        <v>8658981</v>
      </c>
      <c r="BD18" s="113">
        <v>47665298</v>
      </c>
      <c r="BE18" s="116">
        <v>55480447</v>
      </c>
      <c r="BF18" s="110">
        <v>64431</v>
      </c>
      <c r="BG18" s="114">
        <v>626915</v>
      </c>
      <c r="BH18" s="112">
        <v>691346</v>
      </c>
      <c r="BI18" s="111">
        <v>0</v>
      </c>
      <c r="BJ18" s="114">
        <v>531154</v>
      </c>
      <c r="BK18" s="114">
        <v>1660693</v>
      </c>
      <c r="BL18" s="114">
        <v>985123</v>
      </c>
      <c r="BM18" s="114">
        <v>1007510</v>
      </c>
      <c r="BN18" s="114">
        <v>561829</v>
      </c>
      <c r="BO18" s="113">
        <v>4746309</v>
      </c>
      <c r="BP18" s="116">
        <v>5437655</v>
      </c>
      <c r="BQ18" s="110">
        <v>911786</v>
      </c>
      <c r="BR18" s="114">
        <v>1184612</v>
      </c>
      <c r="BS18" s="113">
        <v>2096398</v>
      </c>
      <c r="BT18" s="110">
        <v>0</v>
      </c>
      <c r="BU18" s="114">
        <v>4153881</v>
      </c>
      <c r="BV18" s="114">
        <v>4405486</v>
      </c>
      <c r="BW18" s="114">
        <v>4729008</v>
      </c>
      <c r="BX18" s="114">
        <v>5612405</v>
      </c>
      <c r="BY18" s="114">
        <v>4309500</v>
      </c>
      <c r="BZ18" s="113">
        <v>23210280</v>
      </c>
      <c r="CA18" s="116">
        <v>25306678</v>
      </c>
      <c r="CB18" s="110">
        <v>3074474</v>
      </c>
      <c r="CC18" s="114">
        <v>5080289</v>
      </c>
      <c r="CD18" s="113">
        <v>8154763</v>
      </c>
      <c r="CE18" s="110">
        <v>0</v>
      </c>
      <c r="CF18" s="114">
        <v>39420675</v>
      </c>
      <c r="CG18" s="114">
        <v>41656749</v>
      </c>
      <c r="CH18" s="114">
        <v>37544209</v>
      </c>
      <c r="CI18" s="114">
        <v>29146521</v>
      </c>
      <c r="CJ18" s="114">
        <v>15733918</v>
      </c>
      <c r="CK18" s="113">
        <v>163502072</v>
      </c>
      <c r="CL18" s="116">
        <v>171656835</v>
      </c>
      <c r="CM18" s="110">
        <v>0</v>
      </c>
      <c r="CN18" s="114">
        <v>0</v>
      </c>
      <c r="CO18" s="113">
        <v>0</v>
      </c>
      <c r="CP18" s="111">
        <v>0</v>
      </c>
      <c r="CQ18" s="114">
        <v>32947690</v>
      </c>
      <c r="CR18" s="114">
        <v>31198015</v>
      </c>
      <c r="CS18" s="114">
        <v>28564547</v>
      </c>
      <c r="CT18" s="114">
        <v>22153034</v>
      </c>
      <c r="CU18" s="114">
        <v>12227948</v>
      </c>
      <c r="CV18" s="113">
        <v>127091234</v>
      </c>
      <c r="CW18" s="116">
        <v>127091234</v>
      </c>
      <c r="CX18" s="110">
        <v>3074474</v>
      </c>
      <c r="CY18" s="114">
        <v>5080289</v>
      </c>
      <c r="CZ18" s="113">
        <v>8154763</v>
      </c>
      <c r="DA18" s="110">
        <v>0</v>
      </c>
      <c r="DB18" s="114">
        <v>6472985</v>
      </c>
      <c r="DC18" s="114">
        <v>10458734</v>
      </c>
      <c r="DD18" s="114">
        <v>8979662</v>
      </c>
      <c r="DE18" s="114">
        <v>6993487</v>
      </c>
      <c r="DF18" s="114">
        <v>3505970</v>
      </c>
      <c r="DG18" s="113">
        <v>36410838</v>
      </c>
      <c r="DH18" s="116">
        <v>44565601</v>
      </c>
      <c r="DI18" s="110">
        <v>192178</v>
      </c>
      <c r="DJ18" s="114">
        <v>340823</v>
      </c>
      <c r="DK18" s="112">
        <v>533001</v>
      </c>
      <c r="DL18" s="111">
        <v>0</v>
      </c>
      <c r="DM18" s="114">
        <v>5500273</v>
      </c>
      <c r="DN18" s="114">
        <v>6255780</v>
      </c>
      <c r="DO18" s="114">
        <v>12749932</v>
      </c>
      <c r="DP18" s="114">
        <v>13265151</v>
      </c>
      <c r="DQ18" s="114">
        <v>6939088</v>
      </c>
      <c r="DR18" s="113">
        <v>44710224</v>
      </c>
      <c r="DS18" s="116">
        <v>45243225</v>
      </c>
      <c r="DT18" s="110">
        <v>192178</v>
      </c>
      <c r="DU18" s="114">
        <v>340823</v>
      </c>
      <c r="DV18" s="113">
        <v>533001</v>
      </c>
      <c r="DW18" s="110">
        <v>0</v>
      </c>
      <c r="DX18" s="114">
        <v>5402669</v>
      </c>
      <c r="DY18" s="114">
        <v>5801713</v>
      </c>
      <c r="DZ18" s="114">
        <v>12501906</v>
      </c>
      <c r="EA18" s="114">
        <v>12856875</v>
      </c>
      <c r="EB18" s="114">
        <v>6785750</v>
      </c>
      <c r="EC18" s="113">
        <v>43348913</v>
      </c>
      <c r="ED18" s="116">
        <v>43881914</v>
      </c>
      <c r="EE18" s="110">
        <v>0</v>
      </c>
      <c r="EF18" s="112">
        <v>0</v>
      </c>
      <c r="EG18" s="113">
        <v>0</v>
      </c>
      <c r="EH18" s="110">
        <v>0</v>
      </c>
      <c r="EI18" s="114">
        <v>97604</v>
      </c>
      <c r="EJ18" s="114">
        <v>454067</v>
      </c>
      <c r="EK18" s="114">
        <v>248026</v>
      </c>
      <c r="EL18" s="114">
        <v>408276</v>
      </c>
      <c r="EM18" s="114">
        <v>153338</v>
      </c>
      <c r="EN18" s="112">
        <v>1361311</v>
      </c>
      <c r="EO18" s="116">
        <v>1361311</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4364290</v>
      </c>
      <c r="FM18" s="114">
        <v>6447981</v>
      </c>
      <c r="FN18" s="113">
        <v>10812271</v>
      </c>
      <c r="FO18" s="110">
        <v>0</v>
      </c>
      <c r="FP18" s="114">
        <v>4975022</v>
      </c>
      <c r="FQ18" s="114">
        <v>13515871</v>
      </c>
      <c r="FR18" s="114">
        <v>11578375</v>
      </c>
      <c r="FS18" s="114">
        <v>12894469</v>
      </c>
      <c r="FT18" s="114">
        <v>8537352</v>
      </c>
      <c r="FU18" s="113">
        <v>51501089</v>
      </c>
      <c r="FV18" s="116">
        <v>62313360</v>
      </c>
      <c r="FW18" s="115">
        <v>2222449</v>
      </c>
      <c r="FX18" s="114">
        <v>4831742</v>
      </c>
      <c r="FY18" s="112">
        <v>7054191</v>
      </c>
      <c r="FZ18" s="111">
        <v>0</v>
      </c>
      <c r="GA18" s="114">
        <v>3464431</v>
      </c>
      <c r="GB18" s="114">
        <v>12290784</v>
      </c>
      <c r="GC18" s="114">
        <v>10915710</v>
      </c>
      <c r="GD18" s="114">
        <v>12085162</v>
      </c>
      <c r="GE18" s="114">
        <v>8298753</v>
      </c>
      <c r="GF18" s="113">
        <v>47054840</v>
      </c>
      <c r="GG18" s="318">
        <v>54109031</v>
      </c>
      <c r="GH18" s="115">
        <v>226764</v>
      </c>
      <c r="GI18" s="114">
        <v>149930</v>
      </c>
      <c r="GJ18" s="112">
        <v>376694</v>
      </c>
      <c r="GK18" s="111">
        <v>0</v>
      </c>
      <c r="GL18" s="114">
        <v>78750</v>
      </c>
      <c r="GM18" s="114">
        <v>407376</v>
      </c>
      <c r="GN18" s="114">
        <v>239772</v>
      </c>
      <c r="GO18" s="114">
        <v>369863</v>
      </c>
      <c r="GP18" s="114">
        <v>215829</v>
      </c>
      <c r="GQ18" s="113">
        <v>1311590</v>
      </c>
      <c r="GR18" s="116">
        <v>1688284</v>
      </c>
      <c r="GS18" s="110">
        <v>1915077</v>
      </c>
      <c r="GT18" s="114">
        <v>1466309</v>
      </c>
      <c r="GU18" s="113">
        <v>3381386</v>
      </c>
      <c r="GV18" s="110">
        <v>0</v>
      </c>
      <c r="GW18" s="114">
        <v>1431841</v>
      </c>
      <c r="GX18" s="114">
        <v>817711</v>
      </c>
      <c r="GY18" s="114">
        <v>422893</v>
      </c>
      <c r="GZ18" s="114">
        <v>439444</v>
      </c>
      <c r="HA18" s="114">
        <v>22770</v>
      </c>
      <c r="HB18" s="112">
        <v>3134659</v>
      </c>
      <c r="HC18" s="116">
        <v>6516045</v>
      </c>
      <c r="HD18" s="110">
        <v>2769357</v>
      </c>
      <c r="HE18" s="114">
        <v>4717587</v>
      </c>
      <c r="HF18" s="112">
        <v>7486944</v>
      </c>
      <c r="HG18" s="111">
        <v>0</v>
      </c>
      <c r="HH18" s="114">
        <v>17335816</v>
      </c>
      <c r="HI18" s="114">
        <v>19152582</v>
      </c>
      <c r="HJ18" s="114">
        <v>20477024</v>
      </c>
      <c r="HK18" s="114">
        <v>29416077</v>
      </c>
      <c r="HL18" s="114">
        <v>19036187</v>
      </c>
      <c r="HM18" s="113">
        <v>105417686</v>
      </c>
      <c r="HN18" s="109">
        <v>112904630</v>
      </c>
      <c r="HO18" s="115">
        <v>3167433</v>
      </c>
      <c r="HP18" s="114">
        <v>4376944</v>
      </c>
      <c r="HQ18" s="113">
        <v>7544377</v>
      </c>
      <c r="HR18" s="110">
        <v>0</v>
      </c>
      <c r="HS18" s="114">
        <v>20216772</v>
      </c>
      <c r="HT18" s="114">
        <v>17373227</v>
      </c>
      <c r="HU18" s="114">
        <v>14156078</v>
      </c>
      <c r="HV18" s="114">
        <v>11610041</v>
      </c>
      <c r="HW18" s="114">
        <v>5472157</v>
      </c>
      <c r="HX18" s="112">
        <v>68828275</v>
      </c>
      <c r="HY18" s="116">
        <v>76372652</v>
      </c>
      <c r="HZ18" s="150">
        <v>0</v>
      </c>
      <c r="IA18" s="135">
        <v>87771</v>
      </c>
      <c r="IB18" s="150">
        <v>87771</v>
      </c>
      <c r="IC18" s="134">
        <v>0</v>
      </c>
      <c r="ID18" s="135">
        <v>36569606</v>
      </c>
      <c r="IE18" s="136">
        <v>37694662</v>
      </c>
      <c r="IF18" s="137">
        <v>50872666</v>
      </c>
      <c r="IG18" s="135">
        <v>45769530</v>
      </c>
      <c r="IH18" s="137">
        <v>31793172</v>
      </c>
      <c r="II18" s="138">
        <v>202699636</v>
      </c>
      <c r="IJ18" s="150">
        <v>202787407</v>
      </c>
      <c r="IK18" s="232">
        <v>0</v>
      </c>
      <c r="IL18" s="236">
        <v>0</v>
      </c>
      <c r="IM18" s="237">
        <v>0</v>
      </c>
      <c r="IN18" s="140">
        <v>0</v>
      </c>
      <c r="IO18" s="119">
        <v>765091</v>
      </c>
      <c r="IP18" s="119">
        <v>621498</v>
      </c>
      <c r="IQ18" s="119">
        <v>1218796</v>
      </c>
      <c r="IR18" s="119">
        <v>1093263</v>
      </c>
      <c r="IS18" s="119">
        <v>1219018</v>
      </c>
      <c r="IT18" s="141">
        <v>4917666</v>
      </c>
      <c r="IU18" s="320">
        <v>4917666</v>
      </c>
      <c r="IV18" s="142">
        <v>0</v>
      </c>
      <c r="IW18" s="119">
        <v>0</v>
      </c>
      <c r="IX18" s="120">
        <v>0</v>
      </c>
      <c r="IY18" s="144">
        <v>0</v>
      </c>
      <c r="IZ18" s="119">
        <v>0</v>
      </c>
      <c r="JA18" s="119">
        <v>0</v>
      </c>
      <c r="JB18" s="119">
        <v>0</v>
      </c>
      <c r="JC18" s="119">
        <v>0</v>
      </c>
      <c r="JD18" s="119">
        <v>0</v>
      </c>
      <c r="JE18" s="120">
        <v>0</v>
      </c>
      <c r="JF18" s="121">
        <v>0</v>
      </c>
      <c r="JG18" s="142">
        <v>0</v>
      </c>
      <c r="JH18" s="119">
        <v>0</v>
      </c>
      <c r="JI18" s="141">
        <v>0</v>
      </c>
      <c r="JJ18" s="118">
        <v>0</v>
      </c>
      <c r="JK18" s="119">
        <v>20165093</v>
      </c>
      <c r="JL18" s="119">
        <v>16367925</v>
      </c>
      <c r="JM18" s="119">
        <v>13948354</v>
      </c>
      <c r="JN18" s="119">
        <v>8561218</v>
      </c>
      <c r="JO18" s="119">
        <v>4376717</v>
      </c>
      <c r="JP18" s="120">
        <v>63419307</v>
      </c>
      <c r="JQ18" s="320">
        <v>63419307</v>
      </c>
      <c r="JR18" s="142">
        <v>0</v>
      </c>
      <c r="JS18" s="119">
        <v>0</v>
      </c>
      <c r="JT18" s="141">
        <v>0</v>
      </c>
      <c r="JU18" s="118">
        <v>0</v>
      </c>
      <c r="JV18" s="119">
        <v>374107</v>
      </c>
      <c r="JW18" s="119">
        <v>286791</v>
      </c>
      <c r="JX18" s="119">
        <v>0</v>
      </c>
      <c r="JY18" s="119">
        <v>222808</v>
      </c>
      <c r="JZ18" s="119">
        <v>199600</v>
      </c>
      <c r="KA18" s="120">
        <v>1083306</v>
      </c>
      <c r="KB18" s="320">
        <v>1083306</v>
      </c>
      <c r="KC18" s="234">
        <v>0</v>
      </c>
      <c r="KD18" s="230">
        <v>87771</v>
      </c>
      <c r="KE18" s="120">
        <v>87771</v>
      </c>
      <c r="KF18" s="118">
        <v>0</v>
      </c>
      <c r="KG18" s="119">
        <v>3434492</v>
      </c>
      <c r="KH18" s="119">
        <v>5965923</v>
      </c>
      <c r="KI18" s="119">
        <v>11479935</v>
      </c>
      <c r="KJ18" s="119">
        <v>13517240</v>
      </c>
      <c r="KK18" s="119">
        <v>7362047</v>
      </c>
      <c r="KL18" s="120">
        <v>41759637</v>
      </c>
      <c r="KM18" s="143">
        <v>41847408</v>
      </c>
      <c r="KN18" s="232">
        <v>0</v>
      </c>
      <c r="KO18" s="236">
        <v>0</v>
      </c>
      <c r="KP18" s="237">
        <v>0</v>
      </c>
      <c r="KQ18" s="140"/>
      <c r="KR18" s="119">
        <v>10553026</v>
      </c>
      <c r="KS18" s="119">
        <v>11376467</v>
      </c>
      <c r="KT18" s="119">
        <v>15012458</v>
      </c>
      <c r="KU18" s="119">
        <v>9714784</v>
      </c>
      <c r="KV18" s="119">
        <v>10183715</v>
      </c>
      <c r="KW18" s="120">
        <v>56840450</v>
      </c>
      <c r="KX18" s="320">
        <v>56840450</v>
      </c>
      <c r="KY18" s="142">
        <v>0</v>
      </c>
      <c r="KZ18" s="119">
        <v>0</v>
      </c>
      <c r="LA18" s="120">
        <v>0</v>
      </c>
      <c r="LB18" s="145"/>
      <c r="LC18" s="119">
        <v>0</v>
      </c>
      <c r="LD18" s="119">
        <v>1135349</v>
      </c>
      <c r="LE18" s="119">
        <v>868933</v>
      </c>
      <c r="LF18" s="119">
        <v>2205227</v>
      </c>
      <c r="LG18" s="119">
        <v>1115338</v>
      </c>
      <c r="LH18" s="120">
        <v>5324847</v>
      </c>
      <c r="LI18" s="121">
        <v>5324847</v>
      </c>
      <c r="LJ18" s="142">
        <v>0</v>
      </c>
      <c r="LK18" s="119">
        <v>0</v>
      </c>
      <c r="LL18" s="120">
        <v>0</v>
      </c>
      <c r="LM18" s="145"/>
      <c r="LN18" s="119">
        <v>0</v>
      </c>
      <c r="LO18" s="119">
        <v>252430</v>
      </c>
      <c r="LP18" s="119">
        <v>3548113</v>
      </c>
      <c r="LQ18" s="119">
        <v>2380382</v>
      </c>
      <c r="LR18" s="119">
        <v>1487869</v>
      </c>
      <c r="LS18" s="120">
        <v>7668794</v>
      </c>
      <c r="LT18" s="320">
        <v>7668794</v>
      </c>
      <c r="LU18" s="142">
        <v>0</v>
      </c>
      <c r="LV18" s="119">
        <v>0</v>
      </c>
      <c r="LW18" s="120">
        <v>0</v>
      </c>
      <c r="LX18" s="145"/>
      <c r="LY18" s="119">
        <v>1277797</v>
      </c>
      <c r="LZ18" s="119">
        <v>1688279</v>
      </c>
      <c r="MA18" s="119">
        <v>4796077</v>
      </c>
      <c r="MB18" s="119">
        <v>8074608</v>
      </c>
      <c r="MC18" s="119">
        <v>5848868</v>
      </c>
      <c r="MD18" s="120">
        <v>21685629</v>
      </c>
      <c r="ME18" s="121">
        <v>21685629</v>
      </c>
      <c r="MF18" s="142">
        <v>0</v>
      </c>
      <c r="MG18" s="119">
        <v>0</v>
      </c>
      <c r="MH18" s="120">
        <v>0</v>
      </c>
      <c r="MI18" s="145"/>
      <c r="MJ18" s="119">
        <v>12347687</v>
      </c>
      <c r="MK18" s="119">
        <v>26581427</v>
      </c>
      <c r="ML18" s="119">
        <v>91802676</v>
      </c>
      <c r="MM18" s="119">
        <v>135081188</v>
      </c>
      <c r="MN18" s="119">
        <v>95062698</v>
      </c>
      <c r="MO18" s="120">
        <v>360875676</v>
      </c>
      <c r="MP18" s="143">
        <v>360875676</v>
      </c>
      <c r="MQ18" s="142">
        <v>0</v>
      </c>
      <c r="MR18" s="119">
        <v>0</v>
      </c>
      <c r="MS18" s="120">
        <v>0</v>
      </c>
      <c r="MT18" s="145"/>
      <c r="MU18" s="119">
        <v>716837</v>
      </c>
      <c r="MV18" s="119">
        <v>4511212</v>
      </c>
      <c r="MW18" s="119">
        <v>46379369</v>
      </c>
      <c r="MX18" s="119">
        <v>76965698</v>
      </c>
      <c r="MY18" s="119">
        <v>70020813</v>
      </c>
      <c r="MZ18" s="120">
        <v>198593929</v>
      </c>
      <c r="NA18" s="143">
        <v>198593929</v>
      </c>
      <c r="NB18" s="142">
        <v>0</v>
      </c>
      <c r="NC18" s="119">
        <v>0</v>
      </c>
      <c r="ND18" s="120">
        <v>0</v>
      </c>
      <c r="NE18" s="145"/>
      <c r="NF18" s="119">
        <v>11630850</v>
      </c>
      <c r="NG18" s="119">
        <v>21460732</v>
      </c>
      <c r="NH18" s="119">
        <v>45098406</v>
      </c>
      <c r="NI18" s="119">
        <v>52192903</v>
      </c>
      <c r="NJ18" s="119">
        <v>20053560</v>
      </c>
      <c r="NK18" s="120">
        <v>150436451</v>
      </c>
      <c r="NL18" s="320">
        <v>150436451</v>
      </c>
      <c r="NM18" s="142">
        <v>0</v>
      </c>
      <c r="NN18" s="119">
        <v>0</v>
      </c>
      <c r="NO18" s="120">
        <v>0</v>
      </c>
      <c r="NP18" s="145">
        <v>0</v>
      </c>
      <c r="NQ18" s="119">
        <v>0</v>
      </c>
      <c r="NR18" s="119">
        <v>0</v>
      </c>
      <c r="NS18" s="119">
        <v>0</v>
      </c>
      <c r="NT18" s="119">
        <v>0</v>
      </c>
      <c r="NU18" s="119">
        <v>383274</v>
      </c>
      <c r="NV18" s="120">
        <v>383274</v>
      </c>
      <c r="NW18" s="121">
        <v>383274</v>
      </c>
      <c r="NX18" s="142">
        <v>0</v>
      </c>
      <c r="NY18" s="119">
        <v>0</v>
      </c>
      <c r="NZ18" s="120">
        <v>0</v>
      </c>
      <c r="OA18" s="145"/>
      <c r="OB18" s="119">
        <v>0</v>
      </c>
      <c r="OC18" s="119">
        <v>609483</v>
      </c>
      <c r="OD18" s="119">
        <v>324901</v>
      </c>
      <c r="OE18" s="119">
        <v>5922587</v>
      </c>
      <c r="OF18" s="119">
        <v>4605051</v>
      </c>
      <c r="OG18" s="120">
        <v>11462022</v>
      </c>
      <c r="OH18" s="121">
        <v>11462022</v>
      </c>
      <c r="OI18" s="142">
        <v>16740001</v>
      </c>
      <c r="OJ18" s="119">
        <v>28638762</v>
      </c>
      <c r="OK18" s="141">
        <v>45378763</v>
      </c>
      <c r="OL18" s="118">
        <v>0</v>
      </c>
      <c r="OM18" s="119">
        <v>171237127</v>
      </c>
      <c r="ON18" s="119">
        <v>204714918</v>
      </c>
      <c r="OO18" s="119">
        <v>280941732</v>
      </c>
      <c r="OP18" s="119">
        <v>332173175</v>
      </c>
      <c r="OQ18" s="119">
        <v>238559779</v>
      </c>
      <c r="OR18" s="120">
        <v>1227626731</v>
      </c>
      <c r="OS18" s="143">
        <v>1273005494</v>
      </c>
    </row>
    <row r="19" spans="2:409" ht="21" customHeight="1" x14ac:dyDescent="0.2">
      <c r="B19" s="62" t="s">
        <v>13</v>
      </c>
      <c r="C19" s="110">
        <v>3443661</v>
      </c>
      <c r="D19" s="114">
        <v>6099396</v>
      </c>
      <c r="E19" s="113">
        <v>9543057</v>
      </c>
      <c r="F19" s="110">
        <v>0</v>
      </c>
      <c r="G19" s="170">
        <v>49005697</v>
      </c>
      <c r="H19" s="114">
        <v>57416547</v>
      </c>
      <c r="I19" s="114">
        <v>54481077</v>
      </c>
      <c r="J19" s="114">
        <v>56993629</v>
      </c>
      <c r="K19" s="114">
        <v>51997831</v>
      </c>
      <c r="L19" s="112">
        <v>269894781</v>
      </c>
      <c r="M19" s="116">
        <v>279437838</v>
      </c>
      <c r="N19" s="110">
        <v>653552</v>
      </c>
      <c r="O19" s="114">
        <v>1119108</v>
      </c>
      <c r="P19" s="113">
        <v>1772660</v>
      </c>
      <c r="Q19" s="110">
        <v>0</v>
      </c>
      <c r="R19" s="114">
        <v>14549863</v>
      </c>
      <c r="S19" s="114">
        <v>18342632</v>
      </c>
      <c r="T19" s="114">
        <v>17369404</v>
      </c>
      <c r="U19" s="114">
        <v>21026094</v>
      </c>
      <c r="V19" s="114">
        <v>25905912</v>
      </c>
      <c r="W19" s="113">
        <v>97193905</v>
      </c>
      <c r="X19" s="116">
        <v>98966565</v>
      </c>
      <c r="Y19" s="110">
        <v>0</v>
      </c>
      <c r="Z19" s="114">
        <v>0</v>
      </c>
      <c r="AA19" s="113">
        <v>0</v>
      </c>
      <c r="AB19" s="110">
        <v>0</v>
      </c>
      <c r="AC19" s="114">
        <v>6960624</v>
      </c>
      <c r="AD19" s="114">
        <v>9294372</v>
      </c>
      <c r="AE19" s="114">
        <v>10054469</v>
      </c>
      <c r="AF19" s="114">
        <v>12759142</v>
      </c>
      <c r="AG19" s="114">
        <v>17064283</v>
      </c>
      <c r="AH19" s="113">
        <v>56132890</v>
      </c>
      <c r="AI19" s="116">
        <v>56132890</v>
      </c>
      <c r="AJ19" s="110">
        <v>0</v>
      </c>
      <c r="AK19" s="114">
        <v>0</v>
      </c>
      <c r="AL19" s="113">
        <v>0</v>
      </c>
      <c r="AM19" s="110">
        <v>0</v>
      </c>
      <c r="AN19" s="114">
        <v>68854</v>
      </c>
      <c r="AO19" s="114">
        <v>210221</v>
      </c>
      <c r="AP19" s="114">
        <v>254007</v>
      </c>
      <c r="AQ19" s="114">
        <v>949658</v>
      </c>
      <c r="AR19" s="114">
        <v>2008508</v>
      </c>
      <c r="AS19" s="113">
        <v>3491248</v>
      </c>
      <c r="AT19" s="116">
        <v>3491248</v>
      </c>
      <c r="AU19" s="110">
        <v>170193</v>
      </c>
      <c r="AV19" s="114">
        <v>562297</v>
      </c>
      <c r="AW19" s="113">
        <v>732490</v>
      </c>
      <c r="AX19" s="110">
        <v>0</v>
      </c>
      <c r="AY19" s="114">
        <v>4324307</v>
      </c>
      <c r="AZ19" s="114">
        <v>5532868</v>
      </c>
      <c r="BA19" s="114">
        <v>4264410</v>
      </c>
      <c r="BB19" s="114">
        <v>4393013</v>
      </c>
      <c r="BC19" s="114">
        <v>4176191</v>
      </c>
      <c r="BD19" s="113">
        <v>22690789</v>
      </c>
      <c r="BE19" s="116">
        <v>23423279</v>
      </c>
      <c r="BF19" s="110">
        <v>48854</v>
      </c>
      <c r="BG19" s="114">
        <v>128035</v>
      </c>
      <c r="BH19" s="112">
        <v>176889</v>
      </c>
      <c r="BI19" s="111">
        <v>0</v>
      </c>
      <c r="BJ19" s="114">
        <v>494943</v>
      </c>
      <c r="BK19" s="114">
        <v>681119</v>
      </c>
      <c r="BL19" s="114">
        <v>171325</v>
      </c>
      <c r="BM19" s="114">
        <v>349715</v>
      </c>
      <c r="BN19" s="114">
        <v>188741</v>
      </c>
      <c r="BO19" s="113">
        <v>1885843</v>
      </c>
      <c r="BP19" s="116">
        <v>2062732</v>
      </c>
      <c r="BQ19" s="110">
        <v>434505</v>
      </c>
      <c r="BR19" s="114">
        <v>428776</v>
      </c>
      <c r="BS19" s="113">
        <v>863281</v>
      </c>
      <c r="BT19" s="110">
        <v>0</v>
      </c>
      <c r="BU19" s="114">
        <v>2701135</v>
      </c>
      <c r="BV19" s="114">
        <v>2624052</v>
      </c>
      <c r="BW19" s="114">
        <v>2625193</v>
      </c>
      <c r="BX19" s="114">
        <v>2574566</v>
      </c>
      <c r="BY19" s="114">
        <v>2468189</v>
      </c>
      <c r="BZ19" s="113">
        <v>12993135</v>
      </c>
      <c r="CA19" s="116">
        <v>13856416</v>
      </c>
      <c r="CB19" s="110">
        <v>271125</v>
      </c>
      <c r="CC19" s="114">
        <v>1083866</v>
      </c>
      <c r="CD19" s="113">
        <v>1354991</v>
      </c>
      <c r="CE19" s="110">
        <v>0</v>
      </c>
      <c r="CF19" s="114">
        <v>9697888</v>
      </c>
      <c r="CG19" s="114">
        <v>12993133</v>
      </c>
      <c r="CH19" s="114">
        <v>10348009</v>
      </c>
      <c r="CI19" s="114">
        <v>8579087</v>
      </c>
      <c r="CJ19" s="114">
        <v>4274185</v>
      </c>
      <c r="CK19" s="113">
        <v>45892302</v>
      </c>
      <c r="CL19" s="116">
        <v>47247293</v>
      </c>
      <c r="CM19" s="110">
        <v>0</v>
      </c>
      <c r="CN19" s="114">
        <v>0</v>
      </c>
      <c r="CO19" s="113">
        <v>0</v>
      </c>
      <c r="CP19" s="111">
        <v>0</v>
      </c>
      <c r="CQ19" s="114">
        <v>8618952</v>
      </c>
      <c r="CR19" s="114">
        <v>11166356</v>
      </c>
      <c r="CS19" s="114">
        <v>9039029</v>
      </c>
      <c r="CT19" s="114">
        <v>6973893</v>
      </c>
      <c r="CU19" s="114">
        <v>3497637</v>
      </c>
      <c r="CV19" s="113">
        <v>39295867</v>
      </c>
      <c r="CW19" s="116">
        <v>39295867</v>
      </c>
      <c r="CX19" s="110">
        <v>271125</v>
      </c>
      <c r="CY19" s="114">
        <v>1083866</v>
      </c>
      <c r="CZ19" s="113">
        <v>1354991</v>
      </c>
      <c r="DA19" s="110">
        <v>0</v>
      </c>
      <c r="DB19" s="114">
        <v>1078936</v>
      </c>
      <c r="DC19" s="114">
        <v>1826777</v>
      </c>
      <c r="DD19" s="114">
        <v>1308980</v>
      </c>
      <c r="DE19" s="114">
        <v>1605194</v>
      </c>
      <c r="DF19" s="114">
        <v>776548</v>
      </c>
      <c r="DG19" s="113">
        <v>6596435</v>
      </c>
      <c r="DH19" s="116">
        <v>7951426</v>
      </c>
      <c r="DI19" s="110">
        <v>0</v>
      </c>
      <c r="DJ19" s="114">
        <v>97741</v>
      </c>
      <c r="DK19" s="112">
        <v>97741</v>
      </c>
      <c r="DL19" s="111">
        <v>0</v>
      </c>
      <c r="DM19" s="114">
        <v>1172631</v>
      </c>
      <c r="DN19" s="114">
        <v>2005170</v>
      </c>
      <c r="DO19" s="114">
        <v>3934682</v>
      </c>
      <c r="DP19" s="114">
        <v>5001776</v>
      </c>
      <c r="DQ19" s="114">
        <v>3894555</v>
      </c>
      <c r="DR19" s="113">
        <v>16008814</v>
      </c>
      <c r="DS19" s="116">
        <v>16106555</v>
      </c>
      <c r="DT19" s="110">
        <v>0</v>
      </c>
      <c r="DU19" s="114">
        <v>97741</v>
      </c>
      <c r="DV19" s="113">
        <v>97741</v>
      </c>
      <c r="DW19" s="110">
        <v>0</v>
      </c>
      <c r="DX19" s="114">
        <v>1122167</v>
      </c>
      <c r="DY19" s="114">
        <v>1438898</v>
      </c>
      <c r="DZ19" s="114">
        <v>3671050</v>
      </c>
      <c r="EA19" s="114">
        <v>4741845</v>
      </c>
      <c r="EB19" s="114">
        <v>3894555</v>
      </c>
      <c r="EC19" s="113">
        <v>14868515</v>
      </c>
      <c r="ED19" s="116">
        <v>14966256</v>
      </c>
      <c r="EE19" s="110">
        <v>0</v>
      </c>
      <c r="EF19" s="112">
        <v>0</v>
      </c>
      <c r="EG19" s="113">
        <v>0</v>
      </c>
      <c r="EH19" s="110">
        <v>0</v>
      </c>
      <c r="EI19" s="114">
        <v>50464</v>
      </c>
      <c r="EJ19" s="114">
        <v>566272</v>
      </c>
      <c r="EK19" s="114">
        <v>263632</v>
      </c>
      <c r="EL19" s="114">
        <v>259931</v>
      </c>
      <c r="EM19" s="114">
        <v>0</v>
      </c>
      <c r="EN19" s="112">
        <v>1140299</v>
      </c>
      <c r="EO19" s="116">
        <v>1140299</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573973</v>
      </c>
      <c r="FM19" s="114">
        <v>1277578</v>
      </c>
      <c r="FN19" s="113">
        <v>1851551</v>
      </c>
      <c r="FO19" s="110">
        <v>0</v>
      </c>
      <c r="FP19" s="114">
        <v>1856038</v>
      </c>
      <c r="FQ19" s="114">
        <v>5329023</v>
      </c>
      <c r="FR19" s="114">
        <v>3805046</v>
      </c>
      <c r="FS19" s="114">
        <v>3897016</v>
      </c>
      <c r="FT19" s="114">
        <v>2886110</v>
      </c>
      <c r="FU19" s="113">
        <v>17773233</v>
      </c>
      <c r="FV19" s="116">
        <v>19624784</v>
      </c>
      <c r="FW19" s="115">
        <v>330991</v>
      </c>
      <c r="FX19" s="114">
        <v>803362</v>
      </c>
      <c r="FY19" s="112">
        <v>1134353</v>
      </c>
      <c r="FZ19" s="111">
        <v>0</v>
      </c>
      <c r="GA19" s="114">
        <v>1784553</v>
      </c>
      <c r="GB19" s="114">
        <v>4916254</v>
      </c>
      <c r="GC19" s="114">
        <v>3500126</v>
      </c>
      <c r="GD19" s="114">
        <v>3854519</v>
      </c>
      <c r="GE19" s="114">
        <v>2697979</v>
      </c>
      <c r="GF19" s="113">
        <v>16753431</v>
      </c>
      <c r="GG19" s="318">
        <v>17887784</v>
      </c>
      <c r="GH19" s="115">
        <v>14652</v>
      </c>
      <c r="GI19" s="114">
        <v>152316</v>
      </c>
      <c r="GJ19" s="112">
        <v>166968</v>
      </c>
      <c r="GK19" s="111">
        <v>0</v>
      </c>
      <c r="GL19" s="114">
        <v>60685</v>
      </c>
      <c r="GM19" s="114">
        <v>171569</v>
      </c>
      <c r="GN19" s="114">
        <v>144720</v>
      </c>
      <c r="GO19" s="114">
        <v>42497</v>
      </c>
      <c r="GP19" s="114">
        <v>140431</v>
      </c>
      <c r="GQ19" s="113">
        <v>559902</v>
      </c>
      <c r="GR19" s="116">
        <v>726870</v>
      </c>
      <c r="GS19" s="110">
        <v>228330</v>
      </c>
      <c r="GT19" s="114">
        <v>321900</v>
      </c>
      <c r="GU19" s="113">
        <v>550230</v>
      </c>
      <c r="GV19" s="110">
        <v>0</v>
      </c>
      <c r="GW19" s="114">
        <v>10800</v>
      </c>
      <c r="GX19" s="114">
        <v>241200</v>
      </c>
      <c r="GY19" s="114">
        <v>160200</v>
      </c>
      <c r="GZ19" s="114">
        <v>0</v>
      </c>
      <c r="HA19" s="114">
        <v>47700</v>
      </c>
      <c r="HB19" s="112">
        <v>459900</v>
      </c>
      <c r="HC19" s="116">
        <v>1010130</v>
      </c>
      <c r="HD19" s="110">
        <v>1515686</v>
      </c>
      <c r="HE19" s="114">
        <v>1540660</v>
      </c>
      <c r="HF19" s="112">
        <v>3056346</v>
      </c>
      <c r="HG19" s="111">
        <v>0</v>
      </c>
      <c r="HH19" s="114">
        <v>13820391</v>
      </c>
      <c r="HI19" s="114">
        <v>11183765</v>
      </c>
      <c r="HJ19" s="114">
        <v>13686435</v>
      </c>
      <c r="HK19" s="114">
        <v>14211166</v>
      </c>
      <c r="HL19" s="114">
        <v>12204105</v>
      </c>
      <c r="HM19" s="113">
        <v>65105862</v>
      </c>
      <c r="HN19" s="109">
        <v>68162208</v>
      </c>
      <c r="HO19" s="115">
        <v>429325</v>
      </c>
      <c r="HP19" s="114">
        <v>980443</v>
      </c>
      <c r="HQ19" s="113">
        <v>1409768</v>
      </c>
      <c r="HR19" s="110">
        <v>0</v>
      </c>
      <c r="HS19" s="114">
        <v>7908886</v>
      </c>
      <c r="HT19" s="114">
        <v>7562824</v>
      </c>
      <c r="HU19" s="114">
        <v>5337501</v>
      </c>
      <c r="HV19" s="114">
        <v>4278490</v>
      </c>
      <c r="HW19" s="114">
        <v>2832964</v>
      </c>
      <c r="HX19" s="112">
        <v>27920665</v>
      </c>
      <c r="HY19" s="116">
        <v>29330433</v>
      </c>
      <c r="HZ19" s="131">
        <v>32984</v>
      </c>
      <c r="IA19" s="132">
        <v>133316</v>
      </c>
      <c r="IB19" s="133">
        <v>166300</v>
      </c>
      <c r="IC19" s="146">
        <v>0</v>
      </c>
      <c r="ID19" s="132">
        <v>10340279</v>
      </c>
      <c r="IE19" s="147">
        <v>13919613</v>
      </c>
      <c r="IF19" s="133">
        <v>15527649</v>
      </c>
      <c r="IG19" s="132">
        <v>11883474</v>
      </c>
      <c r="IH19" s="133">
        <v>6344752</v>
      </c>
      <c r="II19" s="148">
        <v>58015767</v>
      </c>
      <c r="IJ19" s="139">
        <v>58182067</v>
      </c>
      <c r="IK19" s="232">
        <v>0</v>
      </c>
      <c r="IL19" s="236">
        <v>0</v>
      </c>
      <c r="IM19" s="237">
        <v>0</v>
      </c>
      <c r="IN19" s="140">
        <v>0</v>
      </c>
      <c r="IO19" s="119">
        <v>0</v>
      </c>
      <c r="IP19" s="119">
        <v>136457</v>
      </c>
      <c r="IQ19" s="119">
        <v>205695</v>
      </c>
      <c r="IR19" s="119">
        <v>674477</v>
      </c>
      <c r="IS19" s="119">
        <v>329893</v>
      </c>
      <c r="IT19" s="141">
        <v>1346522</v>
      </c>
      <c r="IU19" s="320">
        <v>1346522</v>
      </c>
      <c r="IV19" s="142">
        <v>0</v>
      </c>
      <c r="IW19" s="119">
        <v>0</v>
      </c>
      <c r="IX19" s="120">
        <v>0</v>
      </c>
      <c r="IY19" s="144">
        <v>0</v>
      </c>
      <c r="IZ19" s="119">
        <v>0</v>
      </c>
      <c r="JA19" s="119">
        <v>0</v>
      </c>
      <c r="JB19" s="119">
        <v>0</v>
      </c>
      <c r="JC19" s="119">
        <v>0</v>
      </c>
      <c r="JD19" s="119">
        <v>0</v>
      </c>
      <c r="JE19" s="120">
        <v>0</v>
      </c>
      <c r="JF19" s="121">
        <v>0</v>
      </c>
      <c r="JG19" s="142">
        <v>0</v>
      </c>
      <c r="JH19" s="119">
        <v>0</v>
      </c>
      <c r="JI19" s="141">
        <v>0</v>
      </c>
      <c r="JJ19" s="118">
        <v>0</v>
      </c>
      <c r="JK19" s="119">
        <v>6159572</v>
      </c>
      <c r="JL19" s="119">
        <v>7915831</v>
      </c>
      <c r="JM19" s="119">
        <v>5655613</v>
      </c>
      <c r="JN19" s="119">
        <v>3218035</v>
      </c>
      <c r="JO19" s="119">
        <v>1110025</v>
      </c>
      <c r="JP19" s="120">
        <v>24059076</v>
      </c>
      <c r="JQ19" s="320">
        <v>24059076</v>
      </c>
      <c r="JR19" s="142">
        <v>0</v>
      </c>
      <c r="JS19" s="119">
        <v>0</v>
      </c>
      <c r="JT19" s="141">
        <v>0</v>
      </c>
      <c r="JU19" s="118">
        <v>0</v>
      </c>
      <c r="JV19" s="119">
        <v>201030</v>
      </c>
      <c r="JW19" s="119">
        <v>211791</v>
      </c>
      <c r="JX19" s="119">
        <v>910498</v>
      </c>
      <c r="JY19" s="119">
        <v>563107</v>
      </c>
      <c r="JZ19" s="119">
        <v>560459</v>
      </c>
      <c r="KA19" s="120">
        <v>2446885</v>
      </c>
      <c r="KB19" s="320">
        <v>2446885</v>
      </c>
      <c r="KC19" s="234">
        <v>32984</v>
      </c>
      <c r="KD19" s="230">
        <v>133316</v>
      </c>
      <c r="KE19" s="120">
        <v>166300</v>
      </c>
      <c r="KF19" s="118">
        <v>0</v>
      </c>
      <c r="KG19" s="119">
        <v>1707417</v>
      </c>
      <c r="KH19" s="119">
        <v>1422584</v>
      </c>
      <c r="KI19" s="119">
        <v>1634567</v>
      </c>
      <c r="KJ19" s="119">
        <v>831376</v>
      </c>
      <c r="KK19" s="119">
        <v>499711</v>
      </c>
      <c r="KL19" s="120">
        <v>6095655</v>
      </c>
      <c r="KM19" s="143">
        <v>6261955</v>
      </c>
      <c r="KN19" s="232">
        <v>0</v>
      </c>
      <c r="KO19" s="236">
        <v>0</v>
      </c>
      <c r="KP19" s="237">
        <v>0</v>
      </c>
      <c r="KQ19" s="140"/>
      <c r="KR19" s="119">
        <v>2272260</v>
      </c>
      <c r="KS19" s="119">
        <v>4232950</v>
      </c>
      <c r="KT19" s="119">
        <v>6574138</v>
      </c>
      <c r="KU19" s="119">
        <v>4617407</v>
      </c>
      <c r="KV19" s="119">
        <v>2821432</v>
      </c>
      <c r="KW19" s="120">
        <v>20518187</v>
      </c>
      <c r="KX19" s="320">
        <v>20518187</v>
      </c>
      <c r="KY19" s="142">
        <v>0</v>
      </c>
      <c r="KZ19" s="119">
        <v>0</v>
      </c>
      <c r="LA19" s="120">
        <v>0</v>
      </c>
      <c r="LB19" s="145"/>
      <c r="LC19" s="119">
        <v>0</v>
      </c>
      <c r="LD19" s="119">
        <v>0</v>
      </c>
      <c r="LE19" s="119">
        <v>547138</v>
      </c>
      <c r="LF19" s="119">
        <v>1979072</v>
      </c>
      <c r="LG19" s="119">
        <v>1023232</v>
      </c>
      <c r="LH19" s="120">
        <v>3549442</v>
      </c>
      <c r="LI19" s="121">
        <v>3549442</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4107864</v>
      </c>
      <c r="MK19" s="119">
        <v>8411844</v>
      </c>
      <c r="ML19" s="119">
        <v>26132643</v>
      </c>
      <c r="MM19" s="119">
        <v>49282701</v>
      </c>
      <c r="MN19" s="119">
        <v>41701762</v>
      </c>
      <c r="MO19" s="120">
        <v>129636814</v>
      </c>
      <c r="MP19" s="143">
        <v>129636814</v>
      </c>
      <c r="MQ19" s="142">
        <v>0</v>
      </c>
      <c r="MR19" s="119">
        <v>0</v>
      </c>
      <c r="MS19" s="120">
        <v>0</v>
      </c>
      <c r="MT19" s="145"/>
      <c r="MU19" s="119">
        <v>634090</v>
      </c>
      <c r="MV19" s="119">
        <v>1046009</v>
      </c>
      <c r="MW19" s="119">
        <v>16075098</v>
      </c>
      <c r="MX19" s="119">
        <v>41613060</v>
      </c>
      <c r="MY19" s="119">
        <v>34060750</v>
      </c>
      <c r="MZ19" s="120">
        <v>93429007</v>
      </c>
      <c r="NA19" s="143">
        <v>93429007</v>
      </c>
      <c r="NB19" s="142">
        <v>0</v>
      </c>
      <c r="NC19" s="119">
        <v>0</v>
      </c>
      <c r="ND19" s="120">
        <v>0</v>
      </c>
      <c r="NE19" s="145"/>
      <c r="NF19" s="119">
        <v>3473774</v>
      </c>
      <c r="NG19" s="119">
        <v>7365835</v>
      </c>
      <c r="NH19" s="119">
        <v>10057545</v>
      </c>
      <c r="NI19" s="119">
        <v>7669641</v>
      </c>
      <c r="NJ19" s="119">
        <v>7641012</v>
      </c>
      <c r="NK19" s="120">
        <v>36207807</v>
      </c>
      <c r="NL19" s="320">
        <v>36207807</v>
      </c>
      <c r="NM19" s="142">
        <v>0</v>
      </c>
      <c r="NN19" s="119">
        <v>0</v>
      </c>
      <c r="NO19" s="120">
        <v>0</v>
      </c>
      <c r="NP19" s="145">
        <v>0</v>
      </c>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3476645</v>
      </c>
      <c r="OJ19" s="119">
        <v>6232712</v>
      </c>
      <c r="OK19" s="141">
        <v>9709357</v>
      </c>
      <c r="OL19" s="118">
        <v>0</v>
      </c>
      <c r="OM19" s="119">
        <v>63453840</v>
      </c>
      <c r="ON19" s="119">
        <v>79748004</v>
      </c>
      <c r="OO19" s="119">
        <v>96141369</v>
      </c>
      <c r="OP19" s="119">
        <v>118159804</v>
      </c>
      <c r="OQ19" s="119">
        <v>100044345</v>
      </c>
      <c r="OR19" s="120">
        <v>457547362</v>
      </c>
      <c r="OS19" s="143">
        <v>467256719</v>
      </c>
    </row>
    <row r="20" spans="2:409" ht="21" customHeight="1" x14ac:dyDescent="0.2">
      <c r="B20" s="62" t="s">
        <v>15</v>
      </c>
      <c r="C20" s="110">
        <v>1698544</v>
      </c>
      <c r="D20" s="114">
        <v>4102764</v>
      </c>
      <c r="E20" s="113">
        <v>5801308</v>
      </c>
      <c r="F20" s="109">
        <v>0</v>
      </c>
      <c r="G20" s="114">
        <v>29551063</v>
      </c>
      <c r="H20" s="114">
        <v>42138562</v>
      </c>
      <c r="I20" s="114">
        <v>37022031</v>
      </c>
      <c r="J20" s="114">
        <v>35718476</v>
      </c>
      <c r="K20" s="114">
        <v>30434704</v>
      </c>
      <c r="L20" s="109">
        <v>174864836</v>
      </c>
      <c r="M20" s="116">
        <v>180666144</v>
      </c>
      <c r="N20" s="110">
        <v>129945</v>
      </c>
      <c r="O20" s="114">
        <v>515757</v>
      </c>
      <c r="P20" s="113">
        <v>645702</v>
      </c>
      <c r="Q20" s="110">
        <v>0</v>
      </c>
      <c r="R20" s="114">
        <v>6817913</v>
      </c>
      <c r="S20" s="114">
        <v>11372855</v>
      </c>
      <c r="T20" s="114">
        <v>8865047</v>
      </c>
      <c r="U20" s="114">
        <v>9221534</v>
      </c>
      <c r="V20" s="114">
        <v>14662672</v>
      </c>
      <c r="W20" s="113">
        <v>50940021</v>
      </c>
      <c r="X20" s="116">
        <v>51585723</v>
      </c>
      <c r="Y20" s="110">
        <v>0</v>
      </c>
      <c r="Z20" s="114">
        <v>0</v>
      </c>
      <c r="AA20" s="113">
        <v>0</v>
      </c>
      <c r="AB20" s="110">
        <v>0</v>
      </c>
      <c r="AC20" s="114">
        <v>3362896</v>
      </c>
      <c r="AD20" s="114">
        <v>6105933</v>
      </c>
      <c r="AE20" s="114">
        <v>5137874</v>
      </c>
      <c r="AF20" s="114">
        <v>4843359</v>
      </c>
      <c r="AG20" s="114">
        <v>8349708</v>
      </c>
      <c r="AH20" s="113">
        <v>27799770</v>
      </c>
      <c r="AI20" s="116">
        <v>27799770</v>
      </c>
      <c r="AJ20" s="110">
        <v>0</v>
      </c>
      <c r="AK20" s="114">
        <v>0</v>
      </c>
      <c r="AL20" s="113">
        <v>0</v>
      </c>
      <c r="AM20" s="110">
        <v>0</v>
      </c>
      <c r="AN20" s="114">
        <v>0</v>
      </c>
      <c r="AO20" s="114">
        <v>277215</v>
      </c>
      <c r="AP20" s="114">
        <v>364870</v>
      </c>
      <c r="AQ20" s="114">
        <v>952541</v>
      </c>
      <c r="AR20" s="114">
        <v>1905519</v>
      </c>
      <c r="AS20" s="113">
        <v>3500145</v>
      </c>
      <c r="AT20" s="116">
        <v>3500145</v>
      </c>
      <c r="AU20" s="110">
        <v>13823</v>
      </c>
      <c r="AV20" s="114">
        <v>327505</v>
      </c>
      <c r="AW20" s="113">
        <v>341328</v>
      </c>
      <c r="AX20" s="110">
        <v>0</v>
      </c>
      <c r="AY20" s="114">
        <v>1647628</v>
      </c>
      <c r="AZ20" s="114">
        <v>3229698</v>
      </c>
      <c r="BA20" s="114">
        <v>1708696</v>
      </c>
      <c r="BB20" s="114">
        <v>1859484</v>
      </c>
      <c r="BC20" s="114">
        <v>2946274</v>
      </c>
      <c r="BD20" s="113">
        <v>11391780</v>
      </c>
      <c r="BE20" s="116">
        <v>11733108</v>
      </c>
      <c r="BF20" s="110">
        <v>0</v>
      </c>
      <c r="BG20" s="114">
        <v>29244</v>
      </c>
      <c r="BH20" s="112">
        <v>29244</v>
      </c>
      <c r="BI20" s="111">
        <v>0</v>
      </c>
      <c r="BJ20" s="114">
        <v>198862</v>
      </c>
      <c r="BK20" s="114">
        <v>371394</v>
      </c>
      <c r="BL20" s="114">
        <v>116465</v>
      </c>
      <c r="BM20" s="114">
        <v>105788</v>
      </c>
      <c r="BN20" s="114">
        <v>190300</v>
      </c>
      <c r="BO20" s="113">
        <v>982809</v>
      </c>
      <c r="BP20" s="116">
        <v>1012053</v>
      </c>
      <c r="BQ20" s="110">
        <v>116122</v>
      </c>
      <c r="BR20" s="114">
        <v>159008</v>
      </c>
      <c r="BS20" s="113">
        <v>275130</v>
      </c>
      <c r="BT20" s="110">
        <v>0</v>
      </c>
      <c r="BU20" s="114">
        <v>1608527</v>
      </c>
      <c r="BV20" s="114">
        <v>1388615</v>
      </c>
      <c r="BW20" s="114">
        <v>1537142</v>
      </c>
      <c r="BX20" s="114">
        <v>1460362</v>
      </c>
      <c r="BY20" s="114">
        <v>1270871</v>
      </c>
      <c r="BZ20" s="113">
        <v>7265517</v>
      </c>
      <c r="CA20" s="116">
        <v>7540647</v>
      </c>
      <c r="CB20" s="110">
        <v>23865</v>
      </c>
      <c r="CC20" s="114">
        <v>262293</v>
      </c>
      <c r="CD20" s="113">
        <v>286158</v>
      </c>
      <c r="CE20" s="110">
        <v>0</v>
      </c>
      <c r="CF20" s="114">
        <v>6080768</v>
      </c>
      <c r="CG20" s="114">
        <v>10930634</v>
      </c>
      <c r="CH20" s="114">
        <v>7064087</v>
      </c>
      <c r="CI20" s="114">
        <v>3301793</v>
      </c>
      <c r="CJ20" s="114">
        <v>1726986</v>
      </c>
      <c r="CK20" s="113">
        <v>29104268</v>
      </c>
      <c r="CL20" s="116">
        <v>29390426</v>
      </c>
      <c r="CM20" s="110">
        <v>0</v>
      </c>
      <c r="CN20" s="114">
        <v>0</v>
      </c>
      <c r="CO20" s="113">
        <v>0</v>
      </c>
      <c r="CP20" s="111">
        <v>0</v>
      </c>
      <c r="CQ20" s="114">
        <v>4679691</v>
      </c>
      <c r="CR20" s="114">
        <v>8740371</v>
      </c>
      <c r="CS20" s="114">
        <v>4919526</v>
      </c>
      <c r="CT20" s="114">
        <v>2050610</v>
      </c>
      <c r="CU20" s="114">
        <v>1454644</v>
      </c>
      <c r="CV20" s="113">
        <v>21844842</v>
      </c>
      <c r="CW20" s="116">
        <v>21844842</v>
      </c>
      <c r="CX20" s="110">
        <v>23865</v>
      </c>
      <c r="CY20" s="114">
        <v>262293</v>
      </c>
      <c r="CZ20" s="113">
        <v>286158</v>
      </c>
      <c r="DA20" s="110">
        <v>0</v>
      </c>
      <c r="DB20" s="114">
        <v>1401077</v>
      </c>
      <c r="DC20" s="114">
        <v>2190263</v>
      </c>
      <c r="DD20" s="114">
        <v>2144561</v>
      </c>
      <c r="DE20" s="114">
        <v>1251183</v>
      </c>
      <c r="DF20" s="114">
        <v>272342</v>
      </c>
      <c r="DG20" s="113">
        <v>7259426</v>
      </c>
      <c r="DH20" s="116">
        <v>7545584</v>
      </c>
      <c r="DI20" s="110">
        <v>0</v>
      </c>
      <c r="DJ20" s="114">
        <v>49644</v>
      </c>
      <c r="DK20" s="112">
        <v>49644</v>
      </c>
      <c r="DL20" s="111">
        <v>0</v>
      </c>
      <c r="DM20" s="114">
        <v>298062</v>
      </c>
      <c r="DN20" s="114">
        <v>2015049</v>
      </c>
      <c r="DO20" s="114">
        <v>6970883</v>
      </c>
      <c r="DP20" s="114">
        <v>8121632</v>
      </c>
      <c r="DQ20" s="114">
        <v>4818961</v>
      </c>
      <c r="DR20" s="113">
        <v>22224587</v>
      </c>
      <c r="DS20" s="116">
        <v>22274231</v>
      </c>
      <c r="DT20" s="110">
        <v>0</v>
      </c>
      <c r="DU20" s="114">
        <v>49644</v>
      </c>
      <c r="DV20" s="113">
        <v>49644</v>
      </c>
      <c r="DW20" s="110">
        <v>0</v>
      </c>
      <c r="DX20" s="114">
        <v>298062</v>
      </c>
      <c r="DY20" s="114">
        <v>1703100</v>
      </c>
      <c r="DZ20" s="114">
        <v>6795371</v>
      </c>
      <c r="EA20" s="114">
        <v>7925284</v>
      </c>
      <c r="EB20" s="114">
        <v>4732586</v>
      </c>
      <c r="EC20" s="113">
        <v>21454403</v>
      </c>
      <c r="ED20" s="116">
        <v>21504047</v>
      </c>
      <c r="EE20" s="110">
        <v>0</v>
      </c>
      <c r="EF20" s="112">
        <v>0</v>
      </c>
      <c r="EG20" s="113">
        <v>0</v>
      </c>
      <c r="EH20" s="110">
        <v>0</v>
      </c>
      <c r="EI20" s="114">
        <v>0</v>
      </c>
      <c r="EJ20" s="114">
        <v>311949</v>
      </c>
      <c r="EK20" s="114">
        <v>175512</v>
      </c>
      <c r="EL20" s="114">
        <v>196348</v>
      </c>
      <c r="EM20" s="114">
        <v>86375</v>
      </c>
      <c r="EN20" s="112">
        <v>770184</v>
      </c>
      <c r="EO20" s="116">
        <v>770184</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337213</v>
      </c>
      <c r="FM20" s="114">
        <v>1231094</v>
      </c>
      <c r="FN20" s="113">
        <v>1568307</v>
      </c>
      <c r="FO20" s="110">
        <v>0</v>
      </c>
      <c r="FP20" s="114">
        <v>1696380</v>
      </c>
      <c r="FQ20" s="114">
        <v>4490360</v>
      </c>
      <c r="FR20" s="114">
        <v>3068973</v>
      </c>
      <c r="FS20" s="114">
        <v>2480354</v>
      </c>
      <c r="FT20" s="114">
        <v>1923426</v>
      </c>
      <c r="FU20" s="113">
        <v>13659493</v>
      </c>
      <c r="FV20" s="116">
        <v>15227800</v>
      </c>
      <c r="FW20" s="115">
        <v>324046</v>
      </c>
      <c r="FX20" s="114">
        <v>693956</v>
      </c>
      <c r="FY20" s="112">
        <v>1018002</v>
      </c>
      <c r="FZ20" s="111">
        <v>0</v>
      </c>
      <c r="GA20" s="114">
        <v>1113243</v>
      </c>
      <c r="GB20" s="114">
        <v>4102739</v>
      </c>
      <c r="GC20" s="114">
        <v>2952873</v>
      </c>
      <c r="GD20" s="114">
        <v>2384054</v>
      </c>
      <c r="GE20" s="114">
        <v>1853730</v>
      </c>
      <c r="GF20" s="113">
        <v>12406639</v>
      </c>
      <c r="GG20" s="318">
        <v>13424641</v>
      </c>
      <c r="GH20" s="115">
        <v>0</v>
      </c>
      <c r="GI20" s="114">
        <v>36828</v>
      </c>
      <c r="GJ20" s="112">
        <v>36828</v>
      </c>
      <c r="GK20" s="111">
        <v>0</v>
      </c>
      <c r="GL20" s="114">
        <v>163152</v>
      </c>
      <c r="GM20" s="114">
        <v>62721</v>
      </c>
      <c r="GN20" s="114">
        <v>0</v>
      </c>
      <c r="GO20" s="114">
        <v>0</v>
      </c>
      <c r="GP20" s="114">
        <v>69696</v>
      </c>
      <c r="GQ20" s="113">
        <v>295569</v>
      </c>
      <c r="GR20" s="116">
        <v>332397</v>
      </c>
      <c r="GS20" s="110">
        <v>13167</v>
      </c>
      <c r="GT20" s="114">
        <v>500310</v>
      </c>
      <c r="GU20" s="113">
        <v>513477</v>
      </c>
      <c r="GV20" s="110">
        <v>0</v>
      </c>
      <c r="GW20" s="114">
        <v>419985</v>
      </c>
      <c r="GX20" s="114">
        <v>324900</v>
      </c>
      <c r="GY20" s="114">
        <v>116100</v>
      </c>
      <c r="GZ20" s="114">
        <v>96300</v>
      </c>
      <c r="HA20" s="114">
        <v>0</v>
      </c>
      <c r="HB20" s="112">
        <v>957285</v>
      </c>
      <c r="HC20" s="116">
        <v>1470762</v>
      </c>
      <c r="HD20" s="110">
        <v>939741</v>
      </c>
      <c r="HE20" s="114">
        <v>1287955</v>
      </c>
      <c r="HF20" s="112">
        <v>2227696</v>
      </c>
      <c r="HG20" s="111">
        <v>0</v>
      </c>
      <c r="HH20" s="114">
        <v>8793884</v>
      </c>
      <c r="HI20" s="114">
        <v>6162968</v>
      </c>
      <c r="HJ20" s="114">
        <v>6518795</v>
      </c>
      <c r="HK20" s="114">
        <v>9607747</v>
      </c>
      <c r="HL20" s="114">
        <v>5373053</v>
      </c>
      <c r="HM20" s="113">
        <v>36456447</v>
      </c>
      <c r="HN20" s="109">
        <v>38684143</v>
      </c>
      <c r="HO20" s="115">
        <v>267780</v>
      </c>
      <c r="HP20" s="114">
        <v>756021</v>
      </c>
      <c r="HQ20" s="113">
        <v>1023801</v>
      </c>
      <c r="HR20" s="110">
        <v>0</v>
      </c>
      <c r="HS20" s="114">
        <v>5864056</v>
      </c>
      <c r="HT20" s="114">
        <v>7166696</v>
      </c>
      <c r="HU20" s="114">
        <v>4534246</v>
      </c>
      <c r="HV20" s="114">
        <v>2985416</v>
      </c>
      <c r="HW20" s="114">
        <v>1929606</v>
      </c>
      <c r="HX20" s="112">
        <v>22480020</v>
      </c>
      <c r="HY20" s="116">
        <v>23503821</v>
      </c>
      <c r="HZ20" s="150">
        <v>136413</v>
      </c>
      <c r="IA20" s="135">
        <v>1600487</v>
      </c>
      <c r="IB20" s="150">
        <v>1736900</v>
      </c>
      <c r="IC20" s="134">
        <v>0</v>
      </c>
      <c r="ID20" s="135">
        <v>17314655</v>
      </c>
      <c r="IE20" s="136">
        <v>21114517</v>
      </c>
      <c r="IF20" s="137">
        <v>24459896</v>
      </c>
      <c r="IG20" s="135">
        <v>20511154</v>
      </c>
      <c r="IH20" s="137">
        <v>10333285</v>
      </c>
      <c r="II20" s="138">
        <v>93733507</v>
      </c>
      <c r="IJ20" s="150">
        <v>95470407</v>
      </c>
      <c r="IK20" s="232">
        <v>0</v>
      </c>
      <c r="IL20" s="236">
        <v>0</v>
      </c>
      <c r="IM20" s="237">
        <v>0</v>
      </c>
      <c r="IN20" s="140">
        <v>0</v>
      </c>
      <c r="IO20" s="119">
        <v>84814</v>
      </c>
      <c r="IP20" s="119">
        <v>641876</v>
      </c>
      <c r="IQ20" s="119">
        <v>900200</v>
      </c>
      <c r="IR20" s="119">
        <v>1587689</v>
      </c>
      <c r="IS20" s="119">
        <v>2069017</v>
      </c>
      <c r="IT20" s="141">
        <v>5283596</v>
      </c>
      <c r="IU20" s="320">
        <v>5283596</v>
      </c>
      <c r="IV20" s="142">
        <v>0</v>
      </c>
      <c r="IW20" s="119">
        <v>0</v>
      </c>
      <c r="IX20" s="120">
        <v>0</v>
      </c>
      <c r="IY20" s="144">
        <v>0</v>
      </c>
      <c r="IZ20" s="119">
        <v>0</v>
      </c>
      <c r="JA20" s="119">
        <v>0</v>
      </c>
      <c r="JB20" s="119">
        <v>0</v>
      </c>
      <c r="JC20" s="119">
        <v>0</v>
      </c>
      <c r="JD20" s="119">
        <v>0</v>
      </c>
      <c r="JE20" s="120">
        <v>0</v>
      </c>
      <c r="JF20" s="121">
        <v>0</v>
      </c>
      <c r="JG20" s="142">
        <v>0</v>
      </c>
      <c r="JH20" s="119">
        <v>0</v>
      </c>
      <c r="JI20" s="141">
        <v>0</v>
      </c>
      <c r="JJ20" s="118">
        <v>0</v>
      </c>
      <c r="JK20" s="119">
        <v>6176541</v>
      </c>
      <c r="JL20" s="119">
        <v>9649764</v>
      </c>
      <c r="JM20" s="119">
        <v>6809230</v>
      </c>
      <c r="JN20" s="119">
        <v>3910713</v>
      </c>
      <c r="JO20" s="119">
        <v>926602</v>
      </c>
      <c r="JP20" s="120">
        <v>27472850</v>
      </c>
      <c r="JQ20" s="320">
        <v>27472850</v>
      </c>
      <c r="JR20" s="142">
        <v>0</v>
      </c>
      <c r="JS20" s="119">
        <v>0</v>
      </c>
      <c r="JT20" s="141">
        <v>0</v>
      </c>
      <c r="JU20" s="118">
        <v>0</v>
      </c>
      <c r="JV20" s="119">
        <v>278684</v>
      </c>
      <c r="JW20" s="119">
        <v>385178</v>
      </c>
      <c r="JX20" s="119">
        <v>623701</v>
      </c>
      <c r="JY20" s="119">
        <v>75638</v>
      </c>
      <c r="JZ20" s="119">
        <v>176772</v>
      </c>
      <c r="KA20" s="120">
        <v>1539973</v>
      </c>
      <c r="KB20" s="320">
        <v>1539973</v>
      </c>
      <c r="KC20" s="234">
        <v>136413</v>
      </c>
      <c r="KD20" s="230">
        <v>1123670</v>
      </c>
      <c r="KE20" s="120">
        <v>1260083</v>
      </c>
      <c r="KF20" s="118">
        <v>0</v>
      </c>
      <c r="KG20" s="119">
        <v>2320046</v>
      </c>
      <c r="KH20" s="119">
        <v>2902288</v>
      </c>
      <c r="KI20" s="119">
        <v>2005182</v>
      </c>
      <c r="KJ20" s="119">
        <v>2608929</v>
      </c>
      <c r="KK20" s="119">
        <v>1338612</v>
      </c>
      <c r="KL20" s="120">
        <v>11175057</v>
      </c>
      <c r="KM20" s="143">
        <v>12435140</v>
      </c>
      <c r="KN20" s="232">
        <v>0</v>
      </c>
      <c r="KO20" s="236">
        <v>476817</v>
      </c>
      <c r="KP20" s="237">
        <v>476817</v>
      </c>
      <c r="KQ20" s="140"/>
      <c r="KR20" s="119">
        <v>8454570</v>
      </c>
      <c r="KS20" s="119">
        <v>7535411</v>
      </c>
      <c r="KT20" s="119">
        <v>11465029</v>
      </c>
      <c r="KU20" s="119">
        <v>7837205</v>
      </c>
      <c r="KV20" s="119">
        <v>4336670</v>
      </c>
      <c r="KW20" s="120">
        <v>39628885</v>
      </c>
      <c r="KX20" s="320">
        <v>40105702</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656554</v>
      </c>
      <c r="LQ20" s="119">
        <v>4490980</v>
      </c>
      <c r="LR20" s="119">
        <v>1485612</v>
      </c>
      <c r="LS20" s="120">
        <v>8633146</v>
      </c>
      <c r="LT20" s="320">
        <v>8633146</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6605164</v>
      </c>
      <c r="MK20" s="119">
        <v>10252331</v>
      </c>
      <c r="ML20" s="119">
        <v>35656514</v>
      </c>
      <c r="MM20" s="119">
        <v>53781645</v>
      </c>
      <c r="MN20" s="119">
        <v>31444388</v>
      </c>
      <c r="MO20" s="120">
        <v>137740042</v>
      </c>
      <c r="MP20" s="143">
        <v>137740042</v>
      </c>
      <c r="MQ20" s="142">
        <v>0</v>
      </c>
      <c r="MR20" s="119">
        <v>0</v>
      </c>
      <c r="MS20" s="120">
        <v>0</v>
      </c>
      <c r="MT20" s="145"/>
      <c r="MU20" s="119">
        <v>0</v>
      </c>
      <c r="MV20" s="119">
        <v>205684</v>
      </c>
      <c r="MW20" s="119">
        <v>20526616</v>
      </c>
      <c r="MX20" s="119">
        <v>37275503</v>
      </c>
      <c r="MY20" s="119">
        <v>23532009</v>
      </c>
      <c r="MZ20" s="120">
        <v>81539812</v>
      </c>
      <c r="NA20" s="143">
        <v>81539812</v>
      </c>
      <c r="NB20" s="142">
        <v>0</v>
      </c>
      <c r="NC20" s="119">
        <v>0</v>
      </c>
      <c r="ND20" s="120">
        <v>0</v>
      </c>
      <c r="NE20" s="145"/>
      <c r="NF20" s="119">
        <v>6605164</v>
      </c>
      <c r="NG20" s="119">
        <v>10046647</v>
      </c>
      <c r="NH20" s="119">
        <v>15129898</v>
      </c>
      <c r="NI20" s="119">
        <v>16506142</v>
      </c>
      <c r="NJ20" s="119">
        <v>7569947</v>
      </c>
      <c r="NK20" s="120">
        <v>55857798</v>
      </c>
      <c r="NL20" s="320">
        <v>55857798</v>
      </c>
      <c r="NM20" s="142">
        <v>0</v>
      </c>
      <c r="NN20" s="119">
        <v>0</v>
      </c>
      <c r="NO20" s="120">
        <v>0</v>
      </c>
      <c r="NP20" s="145">
        <v>0</v>
      </c>
      <c r="NQ20" s="119">
        <v>0</v>
      </c>
      <c r="NR20" s="119">
        <v>0</v>
      </c>
      <c r="NS20" s="119">
        <v>0</v>
      </c>
      <c r="NT20" s="119">
        <v>0</v>
      </c>
      <c r="NU20" s="119">
        <v>342432</v>
      </c>
      <c r="NV20" s="120">
        <v>342432</v>
      </c>
      <c r="NW20" s="121">
        <v>342432</v>
      </c>
      <c r="NX20" s="142">
        <v>0</v>
      </c>
      <c r="NY20" s="119">
        <v>0</v>
      </c>
      <c r="NZ20" s="120">
        <v>0</v>
      </c>
      <c r="OA20" s="145"/>
      <c r="OB20" s="119">
        <v>0</v>
      </c>
      <c r="OC20" s="119">
        <v>0</v>
      </c>
      <c r="OD20" s="119">
        <v>0</v>
      </c>
      <c r="OE20" s="119">
        <v>0</v>
      </c>
      <c r="OF20" s="119">
        <v>0</v>
      </c>
      <c r="OG20" s="120">
        <v>0</v>
      </c>
      <c r="OH20" s="121">
        <v>0</v>
      </c>
      <c r="OI20" s="142">
        <v>1834957</v>
      </c>
      <c r="OJ20" s="119">
        <v>5703251</v>
      </c>
      <c r="OK20" s="141">
        <v>7538208</v>
      </c>
      <c r="OL20" s="118">
        <v>0</v>
      </c>
      <c r="OM20" s="119">
        <v>53470882</v>
      </c>
      <c r="ON20" s="119">
        <v>73505410</v>
      </c>
      <c r="OO20" s="119">
        <v>97138441</v>
      </c>
      <c r="OP20" s="119">
        <v>110011275</v>
      </c>
      <c r="OQ20" s="119">
        <v>72212377</v>
      </c>
      <c r="OR20" s="120">
        <v>406338385</v>
      </c>
      <c r="OS20" s="143">
        <v>413876593</v>
      </c>
    </row>
    <row r="21" spans="2:409" ht="21" customHeight="1" x14ac:dyDescent="0.2">
      <c r="B21" s="62" t="s">
        <v>16</v>
      </c>
      <c r="C21" s="110">
        <v>5808863</v>
      </c>
      <c r="D21" s="114">
        <v>12515195</v>
      </c>
      <c r="E21" s="113">
        <v>18324058</v>
      </c>
      <c r="F21" s="109">
        <v>0</v>
      </c>
      <c r="G21" s="114">
        <v>79214520</v>
      </c>
      <c r="H21" s="114">
        <v>128782833</v>
      </c>
      <c r="I21" s="114">
        <v>105757061</v>
      </c>
      <c r="J21" s="114">
        <v>99983924</v>
      </c>
      <c r="K21" s="114">
        <v>72437296</v>
      </c>
      <c r="L21" s="109">
        <v>486175634</v>
      </c>
      <c r="M21" s="116">
        <v>504499692</v>
      </c>
      <c r="N21" s="110">
        <v>1150618</v>
      </c>
      <c r="O21" s="114">
        <v>2346155</v>
      </c>
      <c r="P21" s="113">
        <v>3496773</v>
      </c>
      <c r="Q21" s="110">
        <v>0</v>
      </c>
      <c r="R21" s="114">
        <v>16822212</v>
      </c>
      <c r="S21" s="114">
        <v>28175728</v>
      </c>
      <c r="T21" s="114">
        <v>25942054</v>
      </c>
      <c r="U21" s="114">
        <v>29882772</v>
      </c>
      <c r="V21" s="114">
        <v>26563545</v>
      </c>
      <c r="W21" s="113">
        <v>127386311</v>
      </c>
      <c r="X21" s="116">
        <v>130883084</v>
      </c>
      <c r="Y21" s="110">
        <v>0</v>
      </c>
      <c r="Z21" s="114">
        <v>0</v>
      </c>
      <c r="AA21" s="113">
        <v>0</v>
      </c>
      <c r="AB21" s="110">
        <v>0</v>
      </c>
      <c r="AC21" s="114">
        <v>7067503</v>
      </c>
      <c r="AD21" s="114">
        <v>11377867</v>
      </c>
      <c r="AE21" s="114">
        <v>12476455</v>
      </c>
      <c r="AF21" s="114">
        <v>15228168</v>
      </c>
      <c r="AG21" s="114">
        <v>13234307</v>
      </c>
      <c r="AH21" s="113">
        <v>59384300</v>
      </c>
      <c r="AI21" s="116">
        <v>59384300</v>
      </c>
      <c r="AJ21" s="110">
        <v>0</v>
      </c>
      <c r="AK21" s="114">
        <v>0</v>
      </c>
      <c r="AL21" s="113">
        <v>0</v>
      </c>
      <c r="AM21" s="110">
        <v>0</v>
      </c>
      <c r="AN21" s="114">
        <v>50715</v>
      </c>
      <c r="AO21" s="114">
        <v>593240</v>
      </c>
      <c r="AP21" s="114">
        <v>1158144</v>
      </c>
      <c r="AQ21" s="114">
        <v>1568188</v>
      </c>
      <c r="AR21" s="114">
        <v>3191861</v>
      </c>
      <c r="AS21" s="113">
        <v>6562148</v>
      </c>
      <c r="AT21" s="116">
        <v>6562148</v>
      </c>
      <c r="AU21" s="110">
        <v>667341</v>
      </c>
      <c r="AV21" s="114">
        <v>1612865</v>
      </c>
      <c r="AW21" s="113">
        <v>2280206</v>
      </c>
      <c r="AX21" s="110">
        <v>0</v>
      </c>
      <c r="AY21" s="114">
        <v>6567064</v>
      </c>
      <c r="AZ21" s="114">
        <v>11904156</v>
      </c>
      <c r="BA21" s="114">
        <v>7815690</v>
      </c>
      <c r="BB21" s="114">
        <v>8444849</v>
      </c>
      <c r="BC21" s="114">
        <v>6639354</v>
      </c>
      <c r="BD21" s="113">
        <v>41371113</v>
      </c>
      <c r="BE21" s="116">
        <v>43651319</v>
      </c>
      <c r="BF21" s="110">
        <v>22005</v>
      </c>
      <c r="BG21" s="114">
        <v>373204</v>
      </c>
      <c r="BH21" s="112">
        <v>395209</v>
      </c>
      <c r="BI21" s="111">
        <v>0</v>
      </c>
      <c r="BJ21" s="114">
        <v>447208</v>
      </c>
      <c r="BK21" s="114">
        <v>818132</v>
      </c>
      <c r="BL21" s="114">
        <v>877137</v>
      </c>
      <c r="BM21" s="114">
        <v>482739</v>
      </c>
      <c r="BN21" s="114">
        <v>362421</v>
      </c>
      <c r="BO21" s="113">
        <v>2987637</v>
      </c>
      <c r="BP21" s="116">
        <v>3382846</v>
      </c>
      <c r="BQ21" s="110">
        <v>461272</v>
      </c>
      <c r="BR21" s="114">
        <v>360086</v>
      </c>
      <c r="BS21" s="113">
        <v>821358</v>
      </c>
      <c r="BT21" s="110">
        <v>0</v>
      </c>
      <c r="BU21" s="114">
        <v>2689722</v>
      </c>
      <c r="BV21" s="114">
        <v>3482333</v>
      </c>
      <c r="BW21" s="114">
        <v>3614628</v>
      </c>
      <c r="BX21" s="114">
        <v>4158828</v>
      </c>
      <c r="BY21" s="114">
        <v>3135602</v>
      </c>
      <c r="BZ21" s="113">
        <v>17081113</v>
      </c>
      <c r="CA21" s="116">
        <v>17902471</v>
      </c>
      <c r="CB21" s="110">
        <v>997076</v>
      </c>
      <c r="CC21" s="114">
        <v>3960204</v>
      </c>
      <c r="CD21" s="113">
        <v>4957280</v>
      </c>
      <c r="CE21" s="110">
        <v>0</v>
      </c>
      <c r="CF21" s="114">
        <v>27682054</v>
      </c>
      <c r="CG21" s="114">
        <v>49275479</v>
      </c>
      <c r="CH21" s="114">
        <v>35024431</v>
      </c>
      <c r="CI21" s="114">
        <v>24550622</v>
      </c>
      <c r="CJ21" s="114">
        <v>12953077</v>
      </c>
      <c r="CK21" s="113">
        <v>149485663</v>
      </c>
      <c r="CL21" s="116">
        <v>154442943</v>
      </c>
      <c r="CM21" s="110">
        <v>0</v>
      </c>
      <c r="CN21" s="114">
        <v>0</v>
      </c>
      <c r="CO21" s="113">
        <v>0</v>
      </c>
      <c r="CP21" s="111">
        <v>0</v>
      </c>
      <c r="CQ21" s="114">
        <v>17018191</v>
      </c>
      <c r="CR21" s="114">
        <v>30019696</v>
      </c>
      <c r="CS21" s="114">
        <v>25398999</v>
      </c>
      <c r="CT21" s="114">
        <v>18709890</v>
      </c>
      <c r="CU21" s="114">
        <v>11219032</v>
      </c>
      <c r="CV21" s="113">
        <v>102365808</v>
      </c>
      <c r="CW21" s="116">
        <v>102365808</v>
      </c>
      <c r="CX21" s="110">
        <v>997076</v>
      </c>
      <c r="CY21" s="114">
        <v>3960204</v>
      </c>
      <c r="CZ21" s="113">
        <v>4957280</v>
      </c>
      <c r="DA21" s="110">
        <v>0</v>
      </c>
      <c r="DB21" s="114">
        <v>10663863</v>
      </c>
      <c r="DC21" s="114">
        <v>19255783</v>
      </c>
      <c r="DD21" s="114">
        <v>9625432</v>
      </c>
      <c r="DE21" s="114">
        <v>5840732</v>
      </c>
      <c r="DF21" s="114">
        <v>1734045</v>
      </c>
      <c r="DG21" s="113">
        <v>47119855</v>
      </c>
      <c r="DH21" s="116">
        <v>52077135</v>
      </c>
      <c r="DI21" s="110">
        <v>34547</v>
      </c>
      <c r="DJ21" s="114">
        <v>58068</v>
      </c>
      <c r="DK21" s="112">
        <v>92615</v>
      </c>
      <c r="DL21" s="111">
        <v>0</v>
      </c>
      <c r="DM21" s="114">
        <v>1369515</v>
      </c>
      <c r="DN21" s="114">
        <v>5193394</v>
      </c>
      <c r="DO21" s="114">
        <v>7904881</v>
      </c>
      <c r="DP21" s="114">
        <v>6627638</v>
      </c>
      <c r="DQ21" s="114">
        <v>2835593</v>
      </c>
      <c r="DR21" s="113">
        <v>23931021</v>
      </c>
      <c r="DS21" s="116">
        <v>24023636</v>
      </c>
      <c r="DT21" s="110">
        <v>34547</v>
      </c>
      <c r="DU21" s="114">
        <v>58068</v>
      </c>
      <c r="DV21" s="113">
        <v>92615</v>
      </c>
      <c r="DW21" s="110">
        <v>0</v>
      </c>
      <c r="DX21" s="114">
        <v>1348697</v>
      </c>
      <c r="DY21" s="114">
        <v>4653174</v>
      </c>
      <c r="DZ21" s="114">
        <v>7381865</v>
      </c>
      <c r="EA21" s="114">
        <v>6090352</v>
      </c>
      <c r="EB21" s="114">
        <v>2638238</v>
      </c>
      <c r="EC21" s="113">
        <v>22112326</v>
      </c>
      <c r="ED21" s="116">
        <v>22204941</v>
      </c>
      <c r="EE21" s="110">
        <v>0</v>
      </c>
      <c r="EF21" s="112">
        <v>0</v>
      </c>
      <c r="EG21" s="113">
        <v>0</v>
      </c>
      <c r="EH21" s="110">
        <v>0</v>
      </c>
      <c r="EI21" s="114">
        <v>20818</v>
      </c>
      <c r="EJ21" s="114">
        <v>540220</v>
      </c>
      <c r="EK21" s="114">
        <v>523016</v>
      </c>
      <c r="EL21" s="114">
        <v>537286</v>
      </c>
      <c r="EM21" s="114">
        <v>197355</v>
      </c>
      <c r="EN21" s="112">
        <v>1818695</v>
      </c>
      <c r="EO21" s="116">
        <v>1818695</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1134971</v>
      </c>
      <c r="FM21" s="114">
        <v>2653584</v>
      </c>
      <c r="FN21" s="113">
        <v>3788555</v>
      </c>
      <c r="FO21" s="110">
        <v>0</v>
      </c>
      <c r="FP21" s="114">
        <v>3969572</v>
      </c>
      <c r="FQ21" s="114">
        <v>12134581</v>
      </c>
      <c r="FR21" s="114">
        <v>8390317</v>
      </c>
      <c r="FS21" s="114">
        <v>7585105</v>
      </c>
      <c r="FT21" s="114">
        <v>4991768</v>
      </c>
      <c r="FU21" s="113">
        <v>37071343</v>
      </c>
      <c r="FV21" s="116">
        <v>40859898</v>
      </c>
      <c r="FW21" s="115">
        <v>810971</v>
      </c>
      <c r="FX21" s="114">
        <v>1893619</v>
      </c>
      <c r="FY21" s="112">
        <v>2704590</v>
      </c>
      <c r="FZ21" s="111">
        <v>0</v>
      </c>
      <c r="GA21" s="114">
        <v>2853519</v>
      </c>
      <c r="GB21" s="114">
        <v>11122563</v>
      </c>
      <c r="GC21" s="114">
        <v>7852785</v>
      </c>
      <c r="GD21" s="114">
        <v>7330688</v>
      </c>
      <c r="GE21" s="114">
        <v>4775768</v>
      </c>
      <c r="GF21" s="113">
        <v>33935323</v>
      </c>
      <c r="GG21" s="318">
        <v>36639913</v>
      </c>
      <c r="GH21" s="115">
        <v>17820</v>
      </c>
      <c r="GI21" s="114">
        <v>343517</v>
      </c>
      <c r="GJ21" s="112">
        <v>361337</v>
      </c>
      <c r="GK21" s="111">
        <v>0</v>
      </c>
      <c r="GL21" s="114">
        <v>401031</v>
      </c>
      <c r="GM21" s="114">
        <v>350734</v>
      </c>
      <c r="GN21" s="114">
        <v>151487</v>
      </c>
      <c r="GO21" s="114">
        <v>237617</v>
      </c>
      <c r="GP21" s="114">
        <v>0</v>
      </c>
      <c r="GQ21" s="113">
        <v>1140869</v>
      </c>
      <c r="GR21" s="116">
        <v>1502206</v>
      </c>
      <c r="GS21" s="110">
        <v>306180</v>
      </c>
      <c r="GT21" s="114">
        <v>416448</v>
      </c>
      <c r="GU21" s="113">
        <v>722628</v>
      </c>
      <c r="GV21" s="110">
        <v>0</v>
      </c>
      <c r="GW21" s="114">
        <v>715022</v>
      </c>
      <c r="GX21" s="114">
        <v>661284</v>
      </c>
      <c r="GY21" s="114">
        <v>386045</v>
      </c>
      <c r="GZ21" s="114">
        <v>16800</v>
      </c>
      <c r="HA21" s="114">
        <v>216000</v>
      </c>
      <c r="HB21" s="112">
        <v>1995151</v>
      </c>
      <c r="HC21" s="116">
        <v>2717779</v>
      </c>
      <c r="HD21" s="110">
        <v>1550610</v>
      </c>
      <c r="HE21" s="114">
        <v>1754345</v>
      </c>
      <c r="HF21" s="112">
        <v>3304955</v>
      </c>
      <c r="HG21" s="111">
        <v>0</v>
      </c>
      <c r="HH21" s="114">
        <v>17554825</v>
      </c>
      <c r="HI21" s="114">
        <v>17789613</v>
      </c>
      <c r="HJ21" s="114">
        <v>18184699</v>
      </c>
      <c r="HK21" s="114">
        <v>24167059</v>
      </c>
      <c r="HL21" s="114">
        <v>21449929</v>
      </c>
      <c r="HM21" s="113">
        <v>99146125</v>
      </c>
      <c r="HN21" s="109">
        <v>102451080</v>
      </c>
      <c r="HO21" s="115">
        <v>941041</v>
      </c>
      <c r="HP21" s="114">
        <v>1742839</v>
      </c>
      <c r="HQ21" s="113">
        <v>2683880</v>
      </c>
      <c r="HR21" s="110">
        <v>0</v>
      </c>
      <c r="HS21" s="114">
        <v>11816342</v>
      </c>
      <c r="HT21" s="114">
        <v>16214038</v>
      </c>
      <c r="HU21" s="114">
        <v>10310679</v>
      </c>
      <c r="HV21" s="114">
        <v>7170728</v>
      </c>
      <c r="HW21" s="114">
        <v>3643384</v>
      </c>
      <c r="HX21" s="112">
        <v>49155171</v>
      </c>
      <c r="HY21" s="116">
        <v>51839051</v>
      </c>
      <c r="HZ21" s="131">
        <v>81569</v>
      </c>
      <c r="IA21" s="132">
        <v>346653</v>
      </c>
      <c r="IB21" s="133">
        <v>428222</v>
      </c>
      <c r="IC21" s="146">
        <v>0</v>
      </c>
      <c r="ID21" s="132">
        <v>13644759</v>
      </c>
      <c r="IE21" s="147">
        <v>30673856</v>
      </c>
      <c r="IF21" s="133">
        <v>35085454</v>
      </c>
      <c r="IG21" s="132">
        <v>26423093</v>
      </c>
      <c r="IH21" s="133">
        <v>19714446</v>
      </c>
      <c r="II21" s="148">
        <v>125541608</v>
      </c>
      <c r="IJ21" s="139">
        <v>125969830</v>
      </c>
      <c r="IK21" s="232">
        <v>0</v>
      </c>
      <c r="IL21" s="236">
        <v>0</v>
      </c>
      <c r="IM21" s="237">
        <v>0</v>
      </c>
      <c r="IN21" s="140">
        <v>0</v>
      </c>
      <c r="IO21" s="119">
        <v>436616</v>
      </c>
      <c r="IP21" s="119">
        <v>1596658</v>
      </c>
      <c r="IQ21" s="119">
        <v>2900378</v>
      </c>
      <c r="IR21" s="119">
        <v>2143092</v>
      </c>
      <c r="IS21" s="119">
        <v>1374414</v>
      </c>
      <c r="IT21" s="141">
        <v>8451158</v>
      </c>
      <c r="IU21" s="320">
        <v>8451158</v>
      </c>
      <c r="IV21" s="142">
        <v>0</v>
      </c>
      <c r="IW21" s="119">
        <v>0</v>
      </c>
      <c r="IX21" s="120">
        <v>0</v>
      </c>
      <c r="IY21" s="144">
        <v>0</v>
      </c>
      <c r="IZ21" s="119">
        <v>0</v>
      </c>
      <c r="JA21" s="119">
        <v>18080</v>
      </c>
      <c r="JB21" s="119">
        <v>26832</v>
      </c>
      <c r="JC21" s="119">
        <v>18080</v>
      </c>
      <c r="JD21" s="119">
        <v>149278</v>
      </c>
      <c r="JE21" s="120">
        <v>212270</v>
      </c>
      <c r="JF21" s="121">
        <v>212270</v>
      </c>
      <c r="JG21" s="142">
        <v>0</v>
      </c>
      <c r="JH21" s="119">
        <v>0</v>
      </c>
      <c r="JI21" s="141">
        <v>0</v>
      </c>
      <c r="JJ21" s="118">
        <v>0</v>
      </c>
      <c r="JK21" s="119">
        <v>7816774</v>
      </c>
      <c r="JL21" s="119">
        <v>10453343</v>
      </c>
      <c r="JM21" s="119">
        <v>8932979</v>
      </c>
      <c r="JN21" s="119">
        <v>4861337</v>
      </c>
      <c r="JO21" s="119">
        <v>3011309</v>
      </c>
      <c r="JP21" s="120">
        <v>35075742</v>
      </c>
      <c r="JQ21" s="320">
        <v>35075742</v>
      </c>
      <c r="JR21" s="142">
        <v>0</v>
      </c>
      <c r="JS21" s="119">
        <v>0</v>
      </c>
      <c r="JT21" s="141">
        <v>0</v>
      </c>
      <c r="JU21" s="118">
        <v>0</v>
      </c>
      <c r="JV21" s="119">
        <v>288092</v>
      </c>
      <c r="JW21" s="119">
        <v>1191134</v>
      </c>
      <c r="JX21" s="119">
        <v>1012175</v>
      </c>
      <c r="JY21" s="119">
        <v>883703</v>
      </c>
      <c r="JZ21" s="119">
        <v>1046865</v>
      </c>
      <c r="KA21" s="120">
        <v>4421969</v>
      </c>
      <c r="KB21" s="320">
        <v>4421969</v>
      </c>
      <c r="KC21" s="234">
        <v>81569</v>
      </c>
      <c r="KD21" s="230">
        <v>346653</v>
      </c>
      <c r="KE21" s="120">
        <v>428222</v>
      </c>
      <c r="KF21" s="118">
        <v>0</v>
      </c>
      <c r="KG21" s="119">
        <v>1276875</v>
      </c>
      <c r="KH21" s="119">
        <v>5013603</v>
      </c>
      <c r="KI21" s="119">
        <v>2652323</v>
      </c>
      <c r="KJ21" s="119">
        <v>3894567</v>
      </c>
      <c r="KK21" s="119">
        <v>2549322</v>
      </c>
      <c r="KL21" s="120">
        <v>15386690</v>
      </c>
      <c r="KM21" s="143">
        <v>15814912</v>
      </c>
      <c r="KN21" s="232">
        <v>0</v>
      </c>
      <c r="KO21" s="236">
        <v>0</v>
      </c>
      <c r="KP21" s="237">
        <v>0</v>
      </c>
      <c r="KQ21" s="140"/>
      <c r="KR21" s="119">
        <v>3676851</v>
      </c>
      <c r="KS21" s="119">
        <v>10570857</v>
      </c>
      <c r="KT21" s="119">
        <v>15309234</v>
      </c>
      <c r="KU21" s="119">
        <v>11373971</v>
      </c>
      <c r="KV21" s="119">
        <v>7817722</v>
      </c>
      <c r="KW21" s="120">
        <v>48748635</v>
      </c>
      <c r="KX21" s="320">
        <v>48748635</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720665</v>
      </c>
      <c r="LP21" s="119">
        <v>2451122</v>
      </c>
      <c r="LQ21" s="119">
        <v>2668751</v>
      </c>
      <c r="LR21" s="119">
        <v>2158015</v>
      </c>
      <c r="LS21" s="120">
        <v>7998553</v>
      </c>
      <c r="LT21" s="320">
        <v>7998553</v>
      </c>
      <c r="LU21" s="142">
        <v>0</v>
      </c>
      <c r="LV21" s="119">
        <v>0</v>
      </c>
      <c r="LW21" s="120">
        <v>0</v>
      </c>
      <c r="LX21" s="145"/>
      <c r="LY21" s="119">
        <v>149551</v>
      </c>
      <c r="LZ21" s="119">
        <v>1109516</v>
      </c>
      <c r="MA21" s="119">
        <v>1800411</v>
      </c>
      <c r="MB21" s="119">
        <v>579592</v>
      </c>
      <c r="MC21" s="119">
        <v>1607521</v>
      </c>
      <c r="MD21" s="120">
        <v>5246591</v>
      </c>
      <c r="ME21" s="121">
        <v>5246591</v>
      </c>
      <c r="MF21" s="142">
        <v>0</v>
      </c>
      <c r="MG21" s="119">
        <v>0</v>
      </c>
      <c r="MH21" s="120">
        <v>0</v>
      </c>
      <c r="MI21" s="145"/>
      <c r="MJ21" s="119">
        <v>15650209</v>
      </c>
      <c r="MK21" s="119">
        <v>30691616</v>
      </c>
      <c r="ML21" s="119">
        <v>85811460</v>
      </c>
      <c r="MM21" s="119">
        <v>126874935</v>
      </c>
      <c r="MN21" s="119">
        <v>79147867</v>
      </c>
      <c r="MO21" s="120">
        <v>338176087</v>
      </c>
      <c r="MP21" s="143">
        <v>338176087</v>
      </c>
      <c r="MQ21" s="142">
        <v>0</v>
      </c>
      <c r="MR21" s="119">
        <v>0</v>
      </c>
      <c r="MS21" s="120">
        <v>0</v>
      </c>
      <c r="MT21" s="145"/>
      <c r="MU21" s="119">
        <v>1045651</v>
      </c>
      <c r="MV21" s="119">
        <v>6135597</v>
      </c>
      <c r="MW21" s="119">
        <v>46833063</v>
      </c>
      <c r="MX21" s="119">
        <v>78526410</v>
      </c>
      <c r="MY21" s="119">
        <v>56744218</v>
      </c>
      <c r="MZ21" s="120">
        <v>189284939</v>
      </c>
      <c r="NA21" s="143">
        <v>189284939</v>
      </c>
      <c r="NB21" s="142">
        <v>0</v>
      </c>
      <c r="NC21" s="119">
        <v>0</v>
      </c>
      <c r="ND21" s="120">
        <v>0</v>
      </c>
      <c r="NE21" s="145"/>
      <c r="NF21" s="119">
        <v>14388018</v>
      </c>
      <c r="NG21" s="119">
        <v>24556019</v>
      </c>
      <c r="NH21" s="119">
        <v>37906055</v>
      </c>
      <c r="NI21" s="119">
        <v>43559424</v>
      </c>
      <c r="NJ21" s="119">
        <v>16716917</v>
      </c>
      <c r="NK21" s="120">
        <v>137126433</v>
      </c>
      <c r="NL21" s="320">
        <v>137126433</v>
      </c>
      <c r="NM21" s="142">
        <v>0</v>
      </c>
      <c r="NN21" s="119">
        <v>0</v>
      </c>
      <c r="NO21" s="120">
        <v>0</v>
      </c>
      <c r="NP21" s="145">
        <v>0</v>
      </c>
      <c r="NQ21" s="119">
        <v>0</v>
      </c>
      <c r="NR21" s="119">
        <v>0</v>
      </c>
      <c r="NS21" s="119">
        <v>0</v>
      </c>
      <c r="NT21" s="119">
        <v>0</v>
      </c>
      <c r="NU21" s="119">
        <v>399111</v>
      </c>
      <c r="NV21" s="120">
        <v>399111</v>
      </c>
      <c r="NW21" s="121">
        <v>399111</v>
      </c>
      <c r="NX21" s="142">
        <v>0</v>
      </c>
      <c r="NY21" s="119">
        <v>0</v>
      </c>
      <c r="NZ21" s="120">
        <v>0</v>
      </c>
      <c r="OA21" s="145"/>
      <c r="OB21" s="119">
        <v>216540</v>
      </c>
      <c r="OC21" s="119">
        <v>0</v>
      </c>
      <c r="OD21" s="119">
        <v>1072342</v>
      </c>
      <c r="OE21" s="119">
        <v>4789101</v>
      </c>
      <c r="OF21" s="119">
        <v>5287621</v>
      </c>
      <c r="OG21" s="120">
        <v>11365604</v>
      </c>
      <c r="OH21" s="121">
        <v>11365604</v>
      </c>
      <c r="OI21" s="142">
        <v>5890432</v>
      </c>
      <c r="OJ21" s="119">
        <v>12861848</v>
      </c>
      <c r="OK21" s="141">
        <v>18752280</v>
      </c>
      <c r="OL21" s="118">
        <v>0</v>
      </c>
      <c r="OM21" s="119">
        <v>108509488</v>
      </c>
      <c r="ON21" s="119">
        <v>190148305</v>
      </c>
      <c r="OO21" s="119">
        <v>226653975</v>
      </c>
      <c r="OP21" s="119">
        <v>253281952</v>
      </c>
      <c r="OQ21" s="119">
        <v>171299609</v>
      </c>
      <c r="OR21" s="120">
        <v>949893329</v>
      </c>
      <c r="OS21" s="143">
        <v>968645609</v>
      </c>
    </row>
    <row r="22" spans="2:409" ht="21" customHeight="1" x14ac:dyDescent="0.2">
      <c r="B22" s="62" t="s">
        <v>17</v>
      </c>
      <c r="C22" s="110">
        <v>6463764</v>
      </c>
      <c r="D22" s="114">
        <v>16494313</v>
      </c>
      <c r="E22" s="113">
        <v>22958077</v>
      </c>
      <c r="F22" s="109">
        <v>0</v>
      </c>
      <c r="G22" s="114">
        <v>84067889</v>
      </c>
      <c r="H22" s="114">
        <v>165603657</v>
      </c>
      <c r="I22" s="114">
        <v>133308128</v>
      </c>
      <c r="J22" s="114">
        <v>126313020</v>
      </c>
      <c r="K22" s="114">
        <v>104888005</v>
      </c>
      <c r="L22" s="109">
        <v>614180699</v>
      </c>
      <c r="M22" s="116">
        <v>637138776</v>
      </c>
      <c r="N22" s="110">
        <v>1348132</v>
      </c>
      <c r="O22" s="114">
        <v>3702377</v>
      </c>
      <c r="P22" s="113">
        <v>5050509</v>
      </c>
      <c r="Q22" s="110">
        <v>0</v>
      </c>
      <c r="R22" s="114">
        <v>19265133</v>
      </c>
      <c r="S22" s="114">
        <v>44402593</v>
      </c>
      <c r="T22" s="114">
        <v>40133090</v>
      </c>
      <c r="U22" s="114">
        <v>47457955</v>
      </c>
      <c r="V22" s="114">
        <v>53389813</v>
      </c>
      <c r="W22" s="113">
        <v>204648584</v>
      </c>
      <c r="X22" s="116">
        <v>209699093</v>
      </c>
      <c r="Y22" s="110">
        <v>0</v>
      </c>
      <c r="Z22" s="114">
        <v>0</v>
      </c>
      <c r="AA22" s="113">
        <v>0</v>
      </c>
      <c r="AB22" s="110">
        <v>0</v>
      </c>
      <c r="AC22" s="114">
        <v>8398651</v>
      </c>
      <c r="AD22" s="114">
        <v>23396298</v>
      </c>
      <c r="AE22" s="114">
        <v>22366528</v>
      </c>
      <c r="AF22" s="114">
        <v>29341456</v>
      </c>
      <c r="AG22" s="114">
        <v>33022355</v>
      </c>
      <c r="AH22" s="113">
        <v>116525288</v>
      </c>
      <c r="AI22" s="116">
        <v>116525288</v>
      </c>
      <c r="AJ22" s="110">
        <v>0</v>
      </c>
      <c r="AK22" s="114">
        <v>71344</v>
      </c>
      <c r="AL22" s="113">
        <v>71344</v>
      </c>
      <c r="AM22" s="110">
        <v>0</v>
      </c>
      <c r="AN22" s="114">
        <v>197850</v>
      </c>
      <c r="AO22" s="114">
        <v>297883</v>
      </c>
      <c r="AP22" s="114">
        <v>1353950</v>
      </c>
      <c r="AQ22" s="114">
        <v>2468885</v>
      </c>
      <c r="AR22" s="114">
        <v>6171408</v>
      </c>
      <c r="AS22" s="113">
        <v>10489976</v>
      </c>
      <c r="AT22" s="116">
        <v>10561320</v>
      </c>
      <c r="AU22" s="110">
        <v>827063</v>
      </c>
      <c r="AV22" s="114">
        <v>2799461</v>
      </c>
      <c r="AW22" s="113">
        <v>3626524</v>
      </c>
      <c r="AX22" s="110">
        <v>0</v>
      </c>
      <c r="AY22" s="114">
        <v>6710746</v>
      </c>
      <c r="AZ22" s="114">
        <v>13143531</v>
      </c>
      <c r="BA22" s="114">
        <v>10057897</v>
      </c>
      <c r="BB22" s="114">
        <v>9697812</v>
      </c>
      <c r="BC22" s="114">
        <v>9091607</v>
      </c>
      <c r="BD22" s="113">
        <v>48701593</v>
      </c>
      <c r="BE22" s="116">
        <v>52328117</v>
      </c>
      <c r="BF22" s="110">
        <v>30028</v>
      </c>
      <c r="BG22" s="114">
        <v>228358</v>
      </c>
      <c r="BH22" s="112">
        <v>258386</v>
      </c>
      <c r="BI22" s="111">
        <v>0</v>
      </c>
      <c r="BJ22" s="114">
        <v>333321</v>
      </c>
      <c r="BK22" s="114">
        <v>1486748</v>
      </c>
      <c r="BL22" s="114">
        <v>905031</v>
      </c>
      <c r="BM22" s="114">
        <v>548422</v>
      </c>
      <c r="BN22" s="114">
        <v>437572</v>
      </c>
      <c r="BO22" s="113">
        <v>3711094</v>
      </c>
      <c r="BP22" s="116">
        <v>3969480</v>
      </c>
      <c r="BQ22" s="110">
        <v>491041</v>
      </c>
      <c r="BR22" s="114">
        <v>603214</v>
      </c>
      <c r="BS22" s="113">
        <v>1094255</v>
      </c>
      <c r="BT22" s="110">
        <v>0</v>
      </c>
      <c r="BU22" s="114">
        <v>3624565</v>
      </c>
      <c r="BV22" s="114">
        <v>6078133</v>
      </c>
      <c r="BW22" s="114">
        <v>5449684</v>
      </c>
      <c r="BX22" s="114">
        <v>5401380</v>
      </c>
      <c r="BY22" s="114">
        <v>4666871</v>
      </c>
      <c r="BZ22" s="113">
        <v>25220633</v>
      </c>
      <c r="CA22" s="116">
        <v>26314888</v>
      </c>
      <c r="CB22" s="110">
        <v>718556</v>
      </c>
      <c r="CC22" s="114">
        <v>2871899</v>
      </c>
      <c r="CD22" s="113">
        <v>3590455</v>
      </c>
      <c r="CE22" s="110">
        <v>0</v>
      </c>
      <c r="CF22" s="114">
        <v>27571335</v>
      </c>
      <c r="CG22" s="114">
        <v>57825342</v>
      </c>
      <c r="CH22" s="114">
        <v>38244129</v>
      </c>
      <c r="CI22" s="114">
        <v>26149590</v>
      </c>
      <c r="CJ22" s="114">
        <v>14467986</v>
      </c>
      <c r="CK22" s="113">
        <v>164258382</v>
      </c>
      <c r="CL22" s="116">
        <v>167848837</v>
      </c>
      <c r="CM22" s="110">
        <v>0</v>
      </c>
      <c r="CN22" s="114">
        <v>0</v>
      </c>
      <c r="CO22" s="113">
        <v>0</v>
      </c>
      <c r="CP22" s="111">
        <v>0</v>
      </c>
      <c r="CQ22" s="114">
        <v>23528937</v>
      </c>
      <c r="CR22" s="114">
        <v>44984134</v>
      </c>
      <c r="CS22" s="114">
        <v>31354176</v>
      </c>
      <c r="CT22" s="114">
        <v>22306121</v>
      </c>
      <c r="CU22" s="114">
        <v>12066249</v>
      </c>
      <c r="CV22" s="113">
        <v>134239617</v>
      </c>
      <c r="CW22" s="116">
        <v>134239617</v>
      </c>
      <c r="CX22" s="110">
        <v>718556</v>
      </c>
      <c r="CY22" s="114">
        <v>2871899</v>
      </c>
      <c r="CZ22" s="113">
        <v>3590455</v>
      </c>
      <c r="DA22" s="110">
        <v>0</v>
      </c>
      <c r="DB22" s="114">
        <v>4042398</v>
      </c>
      <c r="DC22" s="114">
        <v>12841208</v>
      </c>
      <c r="DD22" s="114">
        <v>6889953</v>
      </c>
      <c r="DE22" s="114">
        <v>3843469</v>
      </c>
      <c r="DF22" s="114">
        <v>2401737</v>
      </c>
      <c r="DG22" s="113">
        <v>30018765</v>
      </c>
      <c r="DH22" s="116">
        <v>33609220</v>
      </c>
      <c r="DI22" s="110">
        <v>18746</v>
      </c>
      <c r="DJ22" s="114">
        <v>116870</v>
      </c>
      <c r="DK22" s="112">
        <v>135616</v>
      </c>
      <c r="DL22" s="111">
        <v>0</v>
      </c>
      <c r="DM22" s="114">
        <v>2923674</v>
      </c>
      <c r="DN22" s="114">
        <v>6662354</v>
      </c>
      <c r="DO22" s="114">
        <v>11773097</v>
      </c>
      <c r="DP22" s="114">
        <v>11563706</v>
      </c>
      <c r="DQ22" s="114">
        <v>6977968</v>
      </c>
      <c r="DR22" s="113">
        <v>39900799</v>
      </c>
      <c r="DS22" s="116">
        <v>40036415</v>
      </c>
      <c r="DT22" s="110">
        <v>18746</v>
      </c>
      <c r="DU22" s="114">
        <v>116870</v>
      </c>
      <c r="DV22" s="113">
        <v>135616</v>
      </c>
      <c r="DW22" s="110">
        <v>0</v>
      </c>
      <c r="DX22" s="114">
        <v>2605519</v>
      </c>
      <c r="DY22" s="114">
        <v>5554563</v>
      </c>
      <c r="DZ22" s="114">
        <v>10848864</v>
      </c>
      <c r="EA22" s="114">
        <v>10412475</v>
      </c>
      <c r="EB22" s="114">
        <v>5727228</v>
      </c>
      <c r="EC22" s="113">
        <v>35148649</v>
      </c>
      <c r="ED22" s="116">
        <v>35284265</v>
      </c>
      <c r="EE22" s="110">
        <v>0</v>
      </c>
      <c r="EF22" s="112">
        <v>0</v>
      </c>
      <c r="EG22" s="113">
        <v>0</v>
      </c>
      <c r="EH22" s="110">
        <v>0</v>
      </c>
      <c r="EI22" s="114">
        <v>318155</v>
      </c>
      <c r="EJ22" s="114">
        <v>1107791</v>
      </c>
      <c r="EK22" s="114">
        <v>924233</v>
      </c>
      <c r="EL22" s="114">
        <v>1151231</v>
      </c>
      <c r="EM22" s="114">
        <v>1250740</v>
      </c>
      <c r="EN22" s="112">
        <v>4752150</v>
      </c>
      <c r="EO22" s="116">
        <v>4752150</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1528322</v>
      </c>
      <c r="FM22" s="114">
        <v>3639103</v>
      </c>
      <c r="FN22" s="113">
        <v>5167425</v>
      </c>
      <c r="FO22" s="110">
        <v>0</v>
      </c>
      <c r="FP22" s="114">
        <v>4201432</v>
      </c>
      <c r="FQ22" s="114">
        <v>16479076</v>
      </c>
      <c r="FR22" s="114">
        <v>11716398</v>
      </c>
      <c r="FS22" s="114">
        <v>10642074</v>
      </c>
      <c r="FT22" s="114">
        <v>9114465</v>
      </c>
      <c r="FU22" s="113">
        <v>52153445</v>
      </c>
      <c r="FV22" s="116">
        <v>57320870</v>
      </c>
      <c r="FW22" s="115">
        <v>998376</v>
      </c>
      <c r="FX22" s="114">
        <v>3223749</v>
      </c>
      <c r="FY22" s="112">
        <v>4222125</v>
      </c>
      <c r="FZ22" s="111">
        <v>0</v>
      </c>
      <c r="GA22" s="114">
        <v>3162571</v>
      </c>
      <c r="GB22" s="114">
        <v>15427209</v>
      </c>
      <c r="GC22" s="114">
        <v>10492419</v>
      </c>
      <c r="GD22" s="114">
        <v>10202510</v>
      </c>
      <c r="GE22" s="114">
        <v>8838167</v>
      </c>
      <c r="GF22" s="113">
        <v>48122876</v>
      </c>
      <c r="GG22" s="318">
        <v>52345001</v>
      </c>
      <c r="GH22" s="115">
        <v>70146</v>
      </c>
      <c r="GI22" s="114">
        <v>98406</v>
      </c>
      <c r="GJ22" s="112">
        <v>168552</v>
      </c>
      <c r="GK22" s="111">
        <v>0</v>
      </c>
      <c r="GL22" s="114">
        <v>366798</v>
      </c>
      <c r="GM22" s="114">
        <v>290150</v>
      </c>
      <c r="GN22" s="114">
        <v>300922</v>
      </c>
      <c r="GO22" s="114">
        <v>127264</v>
      </c>
      <c r="GP22" s="114">
        <v>155698</v>
      </c>
      <c r="GQ22" s="113">
        <v>1240832</v>
      </c>
      <c r="GR22" s="116">
        <v>1409384</v>
      </c>
      <c r="GS22" s="110">
        <v>459800</v>
      </c>
      <c r="GT22" s="114">
        <v>316948</v>
      </c>
      <c r="GU22" s="113">
        <v>776748</v>
      </c>
      <c r="GV22" s="110">
        <v>0</v>
      </c>
      <c r="GW22" s="114">
        <v>672063</v>
      </c>
      <c r="GX22" s="114">
        <v>761717</v>
      </c>
      <c r="GY22" s="114">
        <v>923057</v>
      </c>
      <c r="GZ22" s="114">
        <v>312300</v>
      </c>
      <c r="HA22" s="114">
        <v>120600</v>
      </c>
      <c r="HB22" s="112">
        <v>2789737</v>
      </c>
      <c r="HC22" s="116">
        <v>3566485</v>
      </c>
      <c r="HD22" s="110">
        <v>1617140</v>
      </c>
      <c r="HE22" s="114">
        <v>3462292</v>
      </c>
      <c r="HF22" s="112">
        <v>5079432</v>
      </c>
      <c r="HG22" s="111">
        <v>0</v>
      </c>
      <c r="HH22" s="114">
        <v>16145111</v>
      </c>
      <c r="HI22" s="114">
        <v>18354162</v>
      </c>
      <c r="HJ22" s="114">
        <v>17056783</v>
      </c>
      <c r="HK22" s="114">
        <v>20576041</v>
      </c>
      <c r="HL22" s="114">
        <v>14086065</v>
      </c>
      <c r="HM22" s="113">
        <v>86218162</v>
      </c>
      <c r="HN22" s="109">
        <v>91297594</v>
      </c>
      <c r="HO22" s="115">
        <v>1232868</v>
      </c>
      <c r="HP22" s="114">
        <v>2701772</v>
      </c>
      <c r="HQ22" s="113">
        <v>3934640</v>
      </c>
      <c r="HR22" s="110">
        <v>0</v>
      </c>
      <c r="HS22" s="114">
        <v>13961204</v>
      </c>
      <c r="HT22" s="114">
        <v>21880130</v>
      </c>
      <c r="HU22" s="114">
        <v>14384631</v>
      </c>
      <c r="HV22" s="114">
        <v>9923654</v>
      </c>
      <c r="HW22" s="114">
        <v>6851708</v>
      </c>
      <c r="HX22" s="112">
        <v>67001327</v>
      </c>
      <c r="HY22" s="116">
        <v>70935967</v>
      </c>
      <c r="HZ22" s="150">
        <v>75670</v>
      </c>
      <c r="IA22" s="135">
        <v>287663</v>
      </c>
      <c r="IB22" s="150">
        <v>363333</v>
      </c>
      <c r="IC22" s="134">
        <v>0</v>
      </c>
      <c r="ID22" s="135">
        <v>25101934</v>
      </c>
      <c r="IE22" s="136">
        <v>43631921</v>
      </c>
      <c r="IF22" s="137">
        <v>48413144</v>
      </c>
      <c r="IG22" s="135">
        <v>47422342</v>
      </c>
      <c r="IH22" s="137">
        <v>35742252</v>
      </c>
      <c r="II22" s="138">
        <v>200311593</v>
      </c>
      <c r="IJ22" s="150">
        <v>200674926</v>
      </c>
      <c r="IK22" s="232">
        <v>0</v>
      </c>
      <c r="IL22" s="236">
        <v>0</v>
      </c>
      <c r="IM22" s="237">
        <v>0</v>
      </c>
      <c r="IN22" s="140">
        <v>0</v>
      </c>
      <c r="IO22" s="119">
        <v>227805</v>
      </c>
      <c r="IP22" s="119">
        <v>540104</v>
      </c>
      <c r="IQ22" s="119">
        <v>352033</v>
      </c>
      <c r="IR22" s="119">
        <v>882635</v>
      </c>
      <c r="IS22" s="119">
        <v>0</v>
      </c>
      <c r="IT22" s="141">
        <v>2002577</v>
      </c>
      <c r="IU22" s="320">
        <v>2002577</v>
      </c>
      <c r="IV22" s="142">
        <v>0</v>
      </c>
      <c r="IW22" s="119">
        <v>0</v>
      </c>
      <c r="IX22" s="120">
        <v>0</v>
      </c>
      <c r="IY22" s="144">
        <v>0</v>
      </c>
      <c r="IZ22" s="119">
        <v>0</v>
      </c>
      <c r="JA22" s="119">
        <v>0</v>
      </c>
      <c r="JB22" s="119">
        <v>0</v>
      </c>
      <c r="JC22" s="119">
        <v>0</v>
      </c>
      <c r="JD22" s="119">
        <v>0</v>
      </c>
      <c r="JE22" s="120">
        <v>0</v>
      </c>
      <c r="JF22" s="121">
        <v>0</v>
      </c>
      <c r="JG22" s="142">
        <v>0</v>
      </c>
      <c r="JH22" s="119">
        <v>0</v>
      </c>
      <c r="JI22" s="141">
        <v>0</v>
      </c>
      <c r="JJ22" s="118">
        <v>0</v>
      </c>
      <c r="JK22" s="119">
        <v>12033733</v>
      </c>
      <c r="JL22" s="119">
        <v>18805363</v>
      </c>
      <c r="JM22" s="119">
        <v>13027044</v>
      </c>
      <c r="JN22" s="119">
        <v>13153792</v>
      </c>
      <c r="JO22" s="119">
        <v>8474574</v>
      </c>
      <c r="JP22" s="120">
        <v>65494506</v>
      </c>
      <c r="JQ22" s="320">
        <v>65494506</v>
      </c>
      <c r="JR22" s="142">
        <v>29126</v>
      </c>
      <c r="JS22" s="119">
        <v>110253</v>
      </c>
      <c r="JT22" s="141">
        <v>139379</v>
      </c>
      <c r="JU22" s="118">
        <v>0</v>
      </c>
      <c r="JV22" s="119">
        <v>1722342</v>
      </c>
      <c r="JW22" s="119">
        <v>2045164</v>
      </c>
      <c r="JX22" s="119">
        <v>2573334</v>
      </c>
      <c r="JY22" s="119">
        <v>2255986</v>
      </c>
      <c r="JZ22" s="119">
        <v>904996</v>
      </c>
      <c r="KA22" s="120">
        <v>9501822</v>
      </c>
      <c r="KB22" s="320">
        <v>9641201</v>
      </c>
      <c r="KC22" s="234">
        <v>46544</v>
      </c>
      <c r="KD22" s="230">
        <v>177410</v>
      </c>
      <c r="KE22" s="120">
        <v>223954</v>
      </c>
      <c r="KF22" s="118">
        <v>0</v>
      </c>
      <c r="KG22" s="119">
        <v>2173704</v>
      </c>
      <c r="KH22" s="119">
        <v>5672940</v>
      </c>
      <c r="KI22" s="119">
        <v>8908220</v>
      </c>
      <c r="KJ22" s="119">
        <v>8180824</v>
      </c>
      <c r="KK22" s="119">
        <v>3667608</v>
      </c>
      <c r="KL22" s="120">
        <v>28603296</v>
      </c>
      <c r="KM22" s="143">
        <v>28827250</v>
      </c>
      <c r="KN22" s="232">
        <v>0</v>
      </c>
      <c r="KO22" s="236">
        <v>0</v>
      </c>
      <c r="KP22" s="237">
        <v>0</v>
      </c>
      <c r="KQ22" s="140"/>
      <c r="KR22" s="119">
        <v>8570647</v>
      </c>
      <c r="KS22" s="119">
        <v>15670296</v>
      </c>
      <c r="KT22" s="119">
        <v>15134859</v>
      </c>
      <c r="KU22" s="119">
        <v>11975980</v>
      </c>
      <c r="KV22" s="119">
        <v>7107360</v>
      </c>
      <c r="KW22" s="120">
        <v>58459142</v>
      </c>
      <c r="KX22" s="320">
        <v>58459142</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490775</v>
      </c>
      <c r="LP22" s="119">
        <v>8082469</v>
      </c>
      <c r="LQ22" s="119">
        <v>9941213</v>
      </c>
      <c r="LR22" s="119">
        <v>12118337</v>
      </c>
      <c r="LS22" s="120">
        <v>30632794</v>
      </c>
      <c r="LT22" s="320">
        <v>30632794</v>
      </c>
      <c r="LU22" s="142">
        <v>0</v>
      </c>
      <c r="LV22" s="119">
        <v>0</v>
      </c>
      <c r="LW22" s="120">
        <v>0</v>
      </c>
      <c r="LX22" s="145"/>
      <c r="LY22" s="119">
        <v>373703</v>
      </c>
      <c r="LZ22" s="119">
        <v>407279</v>
      </c>
      <c r="MA22" s="119">
        <v>335185</v>
      </c>
      <c r="MB22" s="119">
        <v>1031912</v>
      </c>
      <c r="MC22" s="119">
        <v>3469377</v>
      </c>
      <c r="MD22" s="120">
        <v>5617456</v>
      </c>
      <c r="ME22" s="121">
        <v>5617456</v>
      </c>
      <c r="MF22" s="142">
        <v>0</v>
      </c>
      <c r="MG22" s="119">
        <v>0</v>
      </c>
      <c r="MH22" s="120">
        <v>0</v>
      </c>
      <c r="MI22" s="145"/>
      <c r="MJ22" s="119">
        <v>9692263</v>
      </c>
      <c r="MK22" s="119">
        <v>29329603</v>
      </c>
      <c r="ML22" s="119">
        <v>90387129</v>
      </c>
      <c r="MM22" s="119">
        <v>113455890</v>
      </c>
      <c r="MN22" s="119">
        <v>88317385</v>
      </c>
      <c r="MO22" s="120">
        <v>331182270</v>
      </c>
      <c r="MP22" s="143">
        <v>331182270</v>
      </c>
      <c r="MQ22" s="142">
        <v>0</v>
      </c>
      <c r="MR22" s="119">
        <v>0</v>
      </c>
      <c r="MS22" s="120">
        <v>0</v>
      </c>
      <c r="MT22" s="145"/>
      <c r="MU22" s="119">
        <v>888180</v>
      </c>
      <c r="MV22" s="119">
        <v>3718554</v>
      </c>
      <c r="MW22" s="119">
        <v>52149878</v>
      </c>
      <c r="MX22" s="119">
        <v>74704020</v>
      </c>
      <c r="MY22" s="119">
        <v>59038524</v>
      </c>
      <c r="MZ22" s="120">
        <v>190499156</v>
      </c>
      <c r="NA22" s="143">
        <v>190499156</v>
      </c>
      <c r="NB22" s="142">
        <v>0</v>
      </c>
      <c r="NC22" s="119">
        <v>0</v>
      </c>
      <c r="ND22" s="120">
        <v>0</v>
      </c>
      <c r="NE22" s="145"/>
      <c r="NF22" s="119">
        <v>8804083</v>
      </c>
      <c r="NG22" s="119">
        <v>25611049</v>
      </c>
      <c r="NH22" s="119">
        <v>37879155</v>
      </c>
      <c r="NI22" s="119">
        <v>37371853</v>
      </c>
      <c r="NJ22" s="119">
        <v>22896150</v>
      </c>
      <c r="NK22" s="120">
        <v>132562290</v>
      </c>
      <c r="NL22" s="320">
        <v>132562290</v>
      </c>
      <c r="NM22" s="142">
        <v>0</v>
      </c>
      <c r="NN22" s="119">
        <v>0</v>
      </c>
      <c r="NO22" s="120">
        <v>0</v>
      </c>
      <c r="NP22" s="145">
        <v>0</v>
      </c>
      <c r="NQ22" s="119">
        <v>0</v>
      </c>
      <c r="NR22" s="119">
        <v>0</v>
      </c>
      <c r="NS22" s="119">
        <v>0</v>
      </c>
      <c r="NT22" s="119">
        <v>0</v>
      </c>
      <c r="NU22" s="119">
        <v>1355036</v>
      </c>
      <c r="NV22" s="120">
        <v>1355036</v>
      </c>
      <c r="NW22" s="121">
        <v>1355036</v>
      </c>
      <c r="NX22" s="142">
        <v>0</v>
      </c>
      <c r="NY22" s="119">
        <v>0</v>
      </c>
      <c r="NZ22" s="120">
        <v>0</v>
      </c>
      <c r="OA22" s="145"/>
      <c r="OB22" s="119">
        <v>0</v>
      </c>
      <c r="OC22" s="119">
        <v>0</v>
      </c>
      <c r="OD22" s="119">
        <v>358096</v>
      </c>
      <c r="OE22" s="119">
        <v>1380017</v>
      </c>
      <c r="OF22" s="119">
        <v>5027675</v>
      </c>
      <c r="OG22" s="120">
        <v>6765788</v>
      </c>
      <c r="OH22" s="121">
        <v>6765788</v>
      </c>
      <c r="OI22" s="142">
        <v>6539434</v>
      </c>
      <c r="OJ22" s="119">
        <v>16781976</v>
      </c>
      <c r="OK22" s="141">
        <v>23321410</v>
      </c>
      <c r="OL22" s="118">
        <v>0</v>
      </c>
      <c r="OM22" s="119">
        <v>118862086</v>
      </c>
      <c r="ON22" s="119">
        <v>238565181</v>
      </c>
      <c r="OO22" s="119">
        <v>272108401</v>
      </c>
      <c r="OP22" s="119">
        <v>287191252</v>
      </c>
      <c r="OQ22" s="119">
        <v>228947642</v>
      </c>
      <c r="OR22" s="120">
        <v>1145674562</v>
      </c>
      <c r="OS22" s="143">
        <v>1168995972</v>
      </c>
    </row>
    <row r="23" spans="2:409" ht="21" customHeight="1" x14ac:dyDescent="0.2">
      <c r="B23" s="62" t="s">
        <v>18</v>
      </c>
      <c r="C23" s="110">
        <v>8097454</v>
      </c>
      <c r="D23" s="114">
        <v>16381825</v>
      </c>
      <c r="E23" s="113">
        <v>24479279</v>
      </c>
      <c r="F23" s="109">
        <v>0</v>
      </c>
      <c r="G23" s="114">
        <v>136961357</v>
      </c>
      <c r="H23" s="114">
        <v>167905652</v>
      </c>
      <c r="I23" s="114">
        <v>151296019</v>
      </c>
      <c r="J23" s="114">
        <v>142446289</v>
      </c>
      <c r="K23" s="114">
        <v>97387606</v>
      </c>
      <c r="L23" s="109">
        <v>695996923</v>
      </c>
      <c r="M23" s="116">
        <v>720476202</v>
      </c>
      <c r="N23" s="110">
        <v>2019815</v>
      </c>
      <c r="O23" s="114">
        <v>4114752</v>
      </c>
      <c r="P23" s="113">
        <v>6134567</v>
      </c>
      <c r="Q23" s="110">
        <v>0</v>
      </c>
      <c r="R23" s="114">
        <v>37899855</v>
      </c>
      <c r="S23" s="114">
        <v>49648741</v>
      </c>
      <c r="T23" s="114">
        <v>45411128</v>
      </c>
      <c r="U23" s="114">
        <v>54418638</v>
      </c>
      <c r="V23" s="114">
        <v>46947293</v>
      </c>
      <c r="W23" s="113">
        <v>234325655</v>
      </c>
      <c r="X23" s="116">
        <v>240460222</v>
      </c>
      <c r="Y23" s="110">
        <v>0</v>
      </c>
      <c r="Z23" s="114">
        <v>0</v>
      </c>
      <c r="AA23" s="113">
        <v>0</v>
      </c>
      <c r="AB23" s="110">
        <v>0</v>
      </c>
      <c r="AC23" s="114">
        <v>17803742</v>
      </c>
      <c r="AD23" s="114">
        <v>24845569</v>
      </c>
      <c r="AE23" s="114">
        <v>25686103</v>
      </c>
      <c r="AF23" s="114">
        <v>36183560</v>
      </c>
      <c r="AG23" s="114">
        <v>27461926</v>
      </c>
      <c r="AH23" s="113">
        <v>131980900</v>
      </c>
      <c r="AI23" s="116">
        <v>131980900</v>
      </c>
      <c r="AJ23" s="110">
        <v>0</v>
      </c>
      <c r="AK23" s="114">
        <v>0</v>
      </c>
      <c r="AL23" s="113">
        <v>0</v>
      </c>
      <c r="AM23" s="110">
        <v>0</v>
      </c>
      <c r="AN23" s="114">
        <v>176480</v>
      </c>
      <c r="AO23" s="114">
        <v>911865</v>
      </c>
      <c r="AP23" s="114">
        <v>1254178</v>
      </c>
      <c r="AQ23" s="114">
        <v>2425773</v>
      </c>
      <c r="AR23" s="114">
        <v>5019356</v>
      </c>
      <c r="AS23" s="113">
        <v>9787652</v>
      </c>
      <c r="AT23" s="116">
        <v>9787652</v>
      </c>
      <c r="AU23" s="110">
        <v>1022266</v>
      </c>
      <c r="AV23" s="114">
        <v>3154907</v>
      </c>
      <c r="AW23" s="113">
        <v>4177173</v>
      </c>
      <c r="AX23" s="110">
        <v>0</v>
      </c>
      <c r="AY23" s="114">
        <v>12404761</v>
      </c>
      <c r="AZ23" s="114">
        <v>14587003</v>
      </c>
      <c r="BA23" s="114">
        <v>10085295</v>
      </c>
      <c r="BB23" s="114">
        <v>8376222</v>
      </c>
      <c r="BC23" s="114">
        <v>8223026</v>
      </c>
      <c r="BD23" s="113">
        <v>53676307</v>
      </c>
      <c r="BE23" s="116">
        <v>57853480</v>
      </c>
      <c r="BF23" s="110">
        <v>191624</v>
      </c>
      <c r="BG23" s="114">
        <v>243765</v>
      </c>
      <c r="BH23" s="112">
        <v>435389</v>
      </c>
      <c r="BI23" s="111">
        <v>0</v>
      </c>
      <c r="BJ23" s="114">
        <v>1584824</v>
      </c>
      <c r="BK23" s="114">
        <v>2275169</v>
      </c>
      <c r="BL23" s="114">
        <v>1629290</v>
      </c>
      <c r="BM23" s="114">
        <v>954437</v>
      </c>
      <c r="BN23" s="114">
        <v>665864</v>
      </c>
      <c r="BO23" s="113">
        <v>7109584</v>
      </c>
      <c r="BP23" s="116">
        <v>7544973</v>
      </c>
      <c r="BQ23" s="110">
        <v>805925</v>
      </c>
      <c r="BR23" s="114">
        <v>716080</v>
      </c>
      <c r="BS23" s="113">
        <v>1522005</v>
      </c>
      <c r="BT23" s="110">
        <v>0</v>
      </c>
      <c r="BU23" s="114">
        <v>5930048</v>
      </c>
      <c r="BV23" s="114">
        <v>7029135</v>
      </c>
      <c r="BW23" s="114">
        <v>6756262</v>
      </c>
      <c r="BX23" s="114">
        <v>6478646</v>
      </c>
      <c r="BY23" s="114">
        <v>5577121</v>
      </c>
      <c r="BZ23" s="113">
        <v>31771212</v>
      </c>
      <c r="CA23" s="116">
        <v>33293217</v>
      </c>
      <c r="CB23" s="110">
        <v>1054252</v>
      </c>
      <c r="CC23" s="114">
        <v>3668860</v>
      </c>
      <c r="CD23" s="113">
        <v>4723112</v>
      </c>
      <c r="CE23" s="110">
        <v>0</v>
      </c>
      <c r="CF23" s="114">
        <v>45131381</v>
      </c>
      <c r="CG23" s="114">
        <v>54708383</v>
      </c>
      <c r="CH23" s="114">
        <v>43607754</v>
      </c>
      <c r="CI23" s="114">
        <v>29023616</v>
      </c>
      <c r="CJ23" s="114">
        <v>12257359</v>
      </c>
      <c r="CK23" s="113">
        <v>184728493</v>
      </c>
      <c r="CL23" s="116">
        <v>189451605</v>
      </c>
      <c r="CM23" s="110">
        <v>0</v>
      </c>
      <c r="CN23" s="114">
        <v>0</v>
      </c>
      <c r="CO23" s="113">
        <v>0</v>
      </c>
      <c r="CP23" s="111">
        <v>0</v>
      </c>
      <c r="CQ23" s="114">
        <v>36873897</v>
      </c>
      <c r="CR23" s="114">
        <v>43382682</v>
      </c>
      <c r="CS23" s="114">
        <v>36139930</v>
      </c>
      <c r="CT23" s="114">
        <v>22643086</v>
      </c>
      <c r="CU23" s="114">
        <v>10843066</v>
      </c>
      <c r="CV23" s="113">
        <v>149882661</v>
      </c>
      <c r="CW23" s="116">
        <v>149882661</v>
      </c>
      <c r="CX23" s="110">
        <v>1054252</v>
      </c>
      <c r="CY23" s="114">
        <v>3668860</v>
      </c>
      <c r="CZ23" s="113">
        <v>4723112</v>
      </c>
      <c r="DA23" s="110">
        <v>0</v>
      </c>
      <c r="DB23" s="114">
        <v>8257484</v>
      </c>
      <c r="DC23" s="114">
        <v>11325701</v>
      </c>
      <c r="DD23" s="114">
        <v>7467824</v>
      </c>
      <c r="DE23" s="114">
        <v>6380530</v>
      </c>
      <c r="DF23" s="114">
        <v>1414293</v>
      </c>
      <c r="DG23" s="113">
        <v>34845832</v>
      </c>
      <c r="DH23" s="116">
        <v>39568944</v>
      </c>
      <c r="DI23" s="110">
        <v>14194</v>
      </c>
      <c r="DJ23" s="114">
        <v>149301</v>
      </c>
      <c r="DK23" s="112">
        <v>163495</v>
      </c>
      <c r="DL23" s="111">
        <v>0</v>
      </c>
      <c r="DM23" s="114">
        <v>3621480</v>
      </c>
      <c r="DN23" s="114">
        <v>7145966</v>
      </c>
      <c r="DO23" s="114">
        <v>18219960</v>
      </c>
      <c r="DP23" s="114">
        <v>15328325</v>
      </c>
      <c r="DQ23" s="114">
        <v>8003011</v>
      </c>
      <c r="DR23" s="113">
        <v>52318742</v>
      </c>
      <c r="DS23" s="116">
        <v>52482237</v>
      </c>
      <c r="DT23" s="110">
        <v>14194</v>
      </c>
      <c r="DU23" s="114">
        <v>149301</v>
      </c>
      <c r="DV23" s="113">
        <v>163495</v>
      </c>
      <c r="DW23" s="110">
        <v>0</v>
      </c>
      <c r="DX23" s="114">
        <v>3596839</v>
      </c>
      <c r="DY23" s="114">
        <v>7072025</v>
      </c>
      <c r="DZ23" s="114">
        <v>18118965</v>
      </c>
      <c r="EA23" s="114">
        <v>14865288</v>
      </c>
      <c r="EB23" s="114">
        <v>7786166</v>
      </c>
      <c r="EC23" s="113">
        <v>51439283</v>
      </c>
      <c r="ED23" s="116">
        <v>51602778</v>
      </c>
      <c r="EE23" s="110">
        <v>0</v>
      </c>
      <c r="EF23" s="112">
        <v>0</v>
      </c>
      <c r="EG23" s="113">
        <v>0</v>
      </c>
      <c r="EH23" s="110">
        <v>0</v>
      </c>
      <c r="EI23" s="114">
        <v>24641</v>
      </c>
      <c r="EJ23" s="114">
        <v>73941</v>
      </c>
      <c r="EK23" s="114">
        <v>100995</v>
      </c>
      <c r="EL23" s="114">
        <v>463037</v>
      </c>
      <c r="EM23" s="114">
        <v>216845</v>
      </c>
      <c r="EN23" s="112">
        <v>879459</v>
      </c>
      <c r="EO23" s="116">
        <v>879459</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2188632</v>
      </c>
      <c r="FM23" s="114">
        <v>4102000</v>
      </c>
      <c r="FN23" s="113">
        <v>6290632</v>
      </c>
      <c r="FO23" s="110">
        <v>0</v>
      </c>
      <c r="FP23" s="114">
        <v>6811685</v>
      </c>
      <c r="FQ23" s="114">
        <v>15184249</v>
      </c>
      <c r="FR23" s="114">
        <v>11004729</v>
      </c>
      <c r="FS23" s="114">
        <v>11036179</v>
      </c>
      <c r="FT23" s="114">
        <v>7006290</v>
      </c>
      <c r="FU23" s="113">
        <v>51043132</v>
      </c>
      <c r="FV23" s="116">
        <v>57333764</v>
      </c>
      <c r="FW23" s="115">
        <v>1001330</v>
      </c>
      <c r="FX23" s="114">
        <v>2671138</v>
      </c>
      <c r="FY23" s="112">
        <v>3672468</v>
      </c>
      <c r="FZ23" s="111">
        <v>0</v>
      </c>
      <c r="GA23" s="114">
        <v>5893265</v>
      </c>
      <c r="GB23" s="114">
        <v>13659233</v>
      </c>
      <c r="GC23" s="114">
        <v>10243643</v>
      </c>
      <c r="GD23" s="114">
        <v>10190832</v>
      </c>
      <c r="GE23" s="114">
        <v>6982440</v>
      </c>
      <c r="GF23" s="113">
        <v>46969413</v>
      </c>
      <c r="GG23" s="318">
        <v>50641881</v>
      </c>
      <c r="GH23" s="115">
        <v>15300</v>
      </c>
      <c r="GI23" s="114">
        <v>115862</v>
      </c>
      <c r="GJ23" s="112">
        <v>131162</v>
      </c>
      <c r="GK23" s="111">
        <v>0</v>
      </c>
      <c r="GL23" s="114">
        <v>218760</v>
      </c>
      <c r="GM23" s="114">
        <v>265214</v>
      </c>
      <c r="GN23" s="114">
        <v>284986</v>
      </c>
      <c r="GO23" s="114">
        <v>185647</v>
      </c>
      <c r="GP23" s="114">
        <v>23850</v>
      </c>
      <c r="GQ23" s="113">
        <v>978457</v>
      </c>
      <c r="GR23" s="116">
        <v>1109619</v>
      </c>
      <c r="GS23" s="110">
        <v>1172002</v>
      </c>
      <c r="GT23" s="114">
        <v>1315000</v>
      </c>
      <c r="GU23" s="113">
        <v>2487002</v>
      </c>
      <c r="GV23" s="110">
        <v>0</v>
      </c>
      <c r="GW23" s="114">
        <v>699660</v>
      </c>
      <c r="GX23" s="114">
        <v>1259802</v>
      </c>
      <c r="GY23" s="114">
        <v>476100</v>
      </c>
      <c r="GZ23" s="114">
        <v>659700</v>
      </c>
      <c r="HA23" s="114">
        <v>0</v>
      </c>
      <c r="HB23" s="112">
        <v>3095262</v>
      </c>
      <c r="HC23" s="116">
        <v>5582264</v>
      </c>
      <c r="HD23" s="110">
        <v>1372055</v>
      </c>
      <c r="HE23" s="114">
        <v>1353732</v>
      </c>
      <c r="HF23" s="112">
        <v>2725787</v>
      </c>
      <c r="HG23" s="111">
        <v>0</v>
      </c>
      <c r="HH23" s="114">
        <v>20629748</v>
      </c>
      <c r="HI23" s="114">
        <v>20108094</v>
      </c>
      <c r="HJ23" s="114">
        <v>17572194</v>
      </c>
      <c r="HK23" s="114">
        <v>22450741</v>
      </c>
      <c r="HL23" s="114">
        <v>17413450</v>
      </c>
      <c r="HM23" s="113">
        <v>98174227</v>
      </c>
      <c r="HN23" s="109">
        <v>100900014</v>
      </c>
      <c r="HO23" s="115">
        <v>1448506</v>
      </c>
      <c r="HP23" s="114">
        <v>2993180</v>
      </c>
      <c r="HQ23" s="113">
        <v>4441686</v>
      </c>
      <c r="HR23" s="110">
        <v>0</v>
      </c>
      <c r="HS23" s="114">
        <v>22867208</v>
      </c>
      <c r="HT23" s="114">
        <v>21110219</v>
      </c>
      <c r="HU23" s="114">
        <v>15480254</v>
      </c>
      <c r="HV23" s="114">
        <v>10188790</v>
      </c>
      <c r="HW23" s="114">
        <v>5760203</v>
      </c>
      <c r="HX23" s="112">
        <v>75406674</v>
      </c>
      <c r="HY23" s="116">
        <v>79848360</v>
      </c>
      <c r="HZ23" s="131">
        <v>514427</v>
      </c>
      <c r="IA23" s="132">
        <v>1449502</v>
      </c>
      <c r="IB23" s="133">
        <v>1963929</v>
      </c>
      <c r="IC23" s="146">
        <v>0</v>
      </c>
      <c r="ID23" s="132">
        <v>32649697</v>
      </c>
      <c r="IE23" s="147">
        <v>46309724</v>
      </c>
      <c r="IF23" s="133">
        <v>54359014</v>
      </c>
      <c r="IG23" s="132">
        <v>38162677</v>
      </c>
      <c r="IH23" s="133">
        <v>25115570</v>
      </c>
      <c r="II23" s="148">
        <v>196596682</v>
      </c>
      <c r="IJ23" s="139">
        <v>198560611</v>
      </c>
      <c r="IK23" s="232">
        <v>0</v>
      </c>
      <c r="IL23" s="236">
        <v>0</v>
      </c>
      <c r="IM23" s="237">
        <v>0</v>
      </c>
      <c r="IN23" s="140">
        <v>0</v>
      </c>
      <c r="IO23" s="119">
        <v>130528</v>
      </c>
      <c r="IP23" s="119">
        <v>279928</v>
      </c>
      <c r="IQ23" s="119">
        <v>413557</v>
      </c>
      <c r="IR23" s="119">
        <v>0</v>
      </c>
      <c r="IS23" s="119">
        <v>0</v>
      </c>
      <c r="IT23" s="141">
        <v>824013</v>
      </c>
      <c r="IU23" s="320">
        <v>824013</v>
      </c>
      <c r="IV23" s="142">
        <v>0</v>
      </c>
      <c r="IW23" s="119">
        <v>0</v>
      </c>
      <c r="IX23" s="120">
        <v>0</v>
      </c>
      <c r="IY23" s="144">
        <v>0</v>
      </c>
      <c r="IZ23" s="119">
        <v>0</v>
      </c>
      <c r="JA23" s="119">
        <v>0</v>
      </c>
      <c r="JB23" s="119">
        <v>0</v>
      </c>
      <c r="JC23" s="119">
        <v>0</v>
      </c>
      <c r="JD23" s="119">
        <v>0</v>
      </c>
      <c r="JE23" s="120">
        <v>0</v>
      </c>
      <c r="JF23" s="121">
        <v>0</v>
      </c>
      <c r="JG23" s="142">
        <v>0</v>
      </c>
      <c r="JH23" s="119">
        <v>0</v>
      </c>
      <c r="JI23" s="141">
        <v>0</v>
      </c>
      <c r="JJ23" s="118">
        <v>0</v>
      </c>
      <c r="JK23" s="119">
        <v>11693727</v>
      </c>
      <c r="JL23" s="119">
        <v>12772998</v>
      </c>
      <c r="JM23" s="119">
        <v>10114352</v>
      </c>
      <c r="JN23" s="119">
        <v>4290543</v>
      </c>
      <c r="JO23" s="119">
        <v>1518698</v>
      </c>
      <c r="JP23" s="120">
        <v>40390318</v>
      </c>
      <c r="JQ23" s="320">
        <v>40390318</v>
      </c>
      <c r="JR23" s="142">
        <v>0</v>
      </c>
      <c r="JS23" s="119">
        <v>0</v>
      </c>
      <c r="JT23" s="141">
        <v>0</v>
      </c>
      <c r="JU23" s="118">
        <v>0</v>
      </c>
      <c r="JV23" s="119">
        <v>1318359</v>
      </c>
      <c r="JW23" s="119">
        <v>386860</v>
      </c>
      <c r="JX23" s="119">
        <v>1481314</v>
      </c>
      <c r="JY23" s="119">
        <v>1052372</v>
      </c>
      <c r="JZ23" s="119">
        <v>2129617</v>
      </c>
      <c r="KA23" s="120">
        <v>6368522</v>
      </c>
      <c r="KB23" s="320">
        <v>6368522</v>
      </c>
      <c r="KC23" s="234">
        <v>514427</v>
      </c>
      <c r="KD23" s="230">
        <v>968928</v>
      </c>
      <c r="KE23" s="120">
        <v>1483355</v>
      </c>
      <c r="KF23" s="118">
        <v>0</v>
      </c>
      <c r="KG23" s="119">
        <v>5786204</v>
      </c>
      <c r="KH23" s="119">
        <v>10266396</v>
      </c>
      <c r="KI23" s="119">
        <v>9026061</v>
      </c>
      <c r="KJ23" s="119">
        <v>6378077</v>
      </c>
      <c r="KK23" s="119">
        <v>2876305</v>
      </c>
      <c r="KL23" s="120">
        <v>34333043</v>
      </c>
      <c r="KM23" s="143">
        <v>35816398</v>
      </c>
      <c r="KN23" s="232">
        <v>0</v>
      </c>
      <c r="KO23" s="236">
        <v>480574</v>
      </c>
      <c r="KP23" s="237">
        <v>480574</v>
      </c>
      <c r="KQ23" s="140"/>
      <c r="KR23" s="119">
        <v>12355838</v>
      </c>
      <c r="KS23" s="119">
        <v>19633268</v>
      </c>
      <c r="KT23" s="119">
        <v>27650073</v>
      </c>
      <c r="KU23" s="119">
        <v>14967670</v>
      </c>
      <c r="KV23" s="119">
        <v>8341310</v>
      </c>
      <c r="KW23" s="120">
        <v>82948159</v>
      </c>
      <c r="KX23" s="320">
        <v>83428733</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261533</v>
      </c>
      <c r="LP23" s="119">
        <v>1990849</v>
      </c>
      <c r="LQ23" s="119">
        <v>4493399</v>
      </c>
      <c r="LR23" s="119">
        <v>1661644</v>
      </c>
      <c r="LS23" s="120">
        <v>8407425</v>
      </c>
      <c r="LT23" s="320">
        <v>8407425</v>
      </c>
      <c r="LU23" s="142">
        <v>0</v>
      </c>
      <c r="LV23" s="119">
        <v>0</v>
      </c>
      <c r="LW23" s="120">
        <v>0</v>
      </c>
      <c r="LX23" s="145"/>
      <c r="LY23" s="119">
        <v>1365041</v>
      </c>
      <c r="LZ23" s="119">
        <v>2708741</v>
      </c>
      <c r="MA23" s="119">
        <v>3682808</v>
      </c>
      <c r="MB23" s="119">
        <v>6980616</v>
      </c>
      <c r="MC23" s="119">
        <v>8587996</v>
      </c>
      <c r="MD23" s="120">
        <v>23325202</v>
      </c>
      <c r="ME23" s="121">
        <v>23325202</v>
      </c>
      <c r="MF23" s="142">
        <v>0</v>
      </c>
      <c r="MG23" s="119">
        <v>0</v>
      </c>
      <c r="MH23" s="120">
        <v>0</v>
      </c>
      <c r="MI23" s="145"/>
      <c r="MJ23" s="119">
        <v>10125288</v>
      </c>
      <c r="MK23" s="119">
        <v>19991361</v>
      </c>
      <c r="ML23" s="119">
        <v>75798304</v>
      </c>
      <c r="MM23" s="119">
        <v>138670286</v>
      </c>
      <c r="MN23" s="119">
        <v>111614545</v>
      </c>
      <c r="MO23" s="120">
        <v>356199784</v>
      </c>
      <c r="MP23" s="143">
        <v>356199784</v>
      </c>
      <c r="MQ23" s="142">
        <v>0</v>
      </c>
      <c r="MR23" s="119">
        <v>0</v>
      </c>
      <c r="MS23" s="120">
        <v>0</v>
      </c>
      <c r="MT23" s="145"/>
      <c r="MU23" s="119">
        <v>1151834</v>
      </c>
      <c r="MV23" s="119">
        <v>3365016</v>
      </c>
      <c r="MW23" s="119">
        <v>43564020</v>
      </c>
      <c r="MX23" s="119">
        <v>98759832</v>
      </c>
      <c r="MY23" s="119">
        <v>75256730</v>
      </c>
      <c r="MZ23" s="120">
        <v>222097432</v>
      </c>
      <c r="NA23" s="143">
        <v>222097432</v>
      </c>
      <c r="NB23" s="142">
        <v>0</v>
      </c>
      <c r="NC23" s="119">
        <v>0</v>
      </c>
      <c r="ND23" s="120">
        <v>0</v>
      </c>
      <c r="NE23" s="145"/>
      <c r="NF23" s="119">
        <v>8973454</v>
      </c>
      <c r="NG23" s="119">
        <v>16626345</v>
      </c>
      <c r="NH23" s="119">
        <v>31867379</v>
      </c>
      <c r="NI23" s="119">
        <v>36132412</v>
      </c>
      <c r="NJ23" s="119">
        <v>26827488</v>
      </c>
      <c r="NK23" s="120">
        <v>120427078</v>
      </c>
      <c r="NL23" s="320">
        <v>120427078</v>
      </c>
      <c r="NM23" s="142">
        <v>0</v>
      </c>
      <c r="NN23" s="119">
        <v>0</v>
      </c>
      <c r="NO23" s="120">
        <v>0</v>
      </c>
      <c r="NP23" s="145">
        <v>0</v>
      </c>
      <c r="NQ23" s="119">
        <v>0</v>
      </c>
      <c r="NR23" s="119">
        <v>0</v>
      </c>
      <c r="NS23" s="119">
        <v>0</v>
      </c>
      <c r="NT23" s="119">
        <v>367761</v>
      </c>
      <c r="NU23" s="119">
        <v>2409080</v>
      </c>
      <c r="NV23" s="120">
        <v>2776841</v>
      </c>
      <c r="NW23" s="121">
        <v>2776841</v>
      </c>
      <c r="NX23" s="142">
        <v>0</v>
      </c>
      <c r="NY23" s="119">
        <v>0</v>
      </c>
      <c r="NZ23" s="120">
        <v>0</v>
      </c>
      <c r="OA23" s="145"/>
      <c r="OB23" s="119">
        <v>0</v>
      </c>
      <c r="OC23" s="119">
        <v>0</v>
      </c>
      <c r="OD23" s="119">
        <v>366905</v>
      </c>
      <c r="OE23" s="119">
        <v>3410281</v>
      </c>
      <c r="OF23" s="119">
        <v>7121247</v>
      </c>
      <c r="OG23" s="120">
        <v>10898433</v>
      </c>
      <c r="OH23" s="121">
        <v>10898433</v>
      </c>
      <c r="OI23" s="142">
        <v>8611881</v>
      </c>
      <c r="OJ23" s="119">
        <v>17831327</v>
      </c>
      <c r="OK23" s="141">
        <v>26443208</v>
      </c>
      <c r="OL23" s="118">
        <v>0</v>
      </c>
      <c r="OM23" s="119">
        <v>179736342</v>
      </c>
      <c r="ON23" s="119">
        <v>234206737</v>
      </c>
      <c r="OO23" s="119">
        <v>281453337</v>
      </c>
      <c r="OP23" s="119">
        <v>319279252</v>
      </c>
      <c r="OQ23" s="119">
        <v>234117721</v>
      </c>
      <c r="OR23" s="120">
        <v>1248793389</v>
      </c>
      <c r="OS23" s="143">
        <v>1275236597</v>
      </c>
    </row>
    <row r="24" spans="2:409" ht="21" customHeight="1" x14ac:dyDescent="0.2">
      <c r="B24" s="62" t="s">
        <v>19</v>
      </c>
      <c r="C24" s="110">
        <v>4436419</v>
      </c>
      <c r="D24" s="114">
        <v>8382264</v>
      </c>
      <c r="E24" s="113">
        <v>12818683</v>
      </c>
      <c r="F24" s="109">
        <v>0</v>
      </c>
      <c r="G24" s="114">
        <v>61379921</v>
      </c>
      <c r="H24" s="114">
        <v>67575202</v>
      </c>
      <c r="I24" s="114">
        <v>59569667</v>
      </c>
      <c r="J24" s="114">
        <v>47539905</v>
      </c>
      <c r="K24" s="114">
        <v>39604429</v>
      </c>
      <c r="L24" s="109">
        <v>275669124</v>
      </c>
      <c r="M24" s="116">
        <v>288487807</v>
      </c>
      <c r="N24" s="110">
        <v>1042766</v>
      </c>
      <c r="O24" s="114">
        <v>2026261</v>
      </c>
      <c r="P24" s="113">
        <v>3069027</v>
      </c>
      <c r="Q24" s="110">
        <v>0</v>
      </c>
      <c r="R24" s="114">
        <v>14646142</v>
      </c>
      <c r="S24" s="114">
        <v>16849694</v>
      </c>
      <c r="T24" s="114">
        <v>15856432</v>
      </c>
      <c r="U24" s="114">
        <v>16748304</v>
      </c>
      <c r="V24" s="114">
        <v>17373016</v>
      </c>
      <c r="W24" s="113">
        <v>81473588</v>
      </c>
      <c r="X24" s="116">
        <v>84542615</v>
      </c>
      <c r="Y24" s="110">
        <v>0</v>
      </c>
      <c r="Z24" s="114">
        <v>0</v>
      </c>
      <c r="AA24" s="113">
        <v>0</v>
      </c>
      <c r="AB24" s="110">
        <v>0</v>
      </c>
      <c r="AC24" s="114">
        <v>6303608</v>
      </c>
      <c r="AD24" s="114">
        <v>6985419</v>
      </c>
      <c r="AE24" s="114">
        <v>7770914</v>
      </c>
      <c r="AF24" s="114">
        <v>9617923</v>
      </c>
      <c r="AG24" s="114">
        <v>8255045</v>
      </c>
      <c r="AH24" s="113">
        <v>38932909</v>
      </c>
      <c r="AI24" s="116">
        <v>38932909</v>
      </c>
      <c r="AJ24" s="110">
        <v>0</v>
      </c>
      <c r="AK24" s="114">
        <v>0</v>
      </c>
      <c r="AL24" s="113">
        <v>0</v>
      </c>
      <c r="AM24" s="110">
        <v>0</v>
      </c>
      <c r="AN24" s="114">
        <v>215958</v>
      </c>
      <c r="AO24" s="114">
        <v>197377</v>
      </c>
      <c r="AP24" s="114">
        <v>727042</v>
      </c>
      <c r="AQ24" s="114">
        <v>1356843</v>
      </c>
      <c r="AR24" s="114">
        <v>2233627</v>
      </c>
      <c r="AS24" s="113">
        <v>4730847</v>
      </c>
      <c r="AT24" s="116">
        <v>4730847</v>
      </c>
      <c r="AU24" s="110">
        <v>568124</v>
      </c>
      <c r="AV24" s="114">
        <v>1528795</v>
      </c>
      <c r="AW24" s="113">
        <v>2096919</v>
      </c>
      <c r="AX24" s="110">
        <v>0</v>
      </c>
      <c r="AY24" s="114">
        <v>5147959</v>
      </c>
      <c r="AZ24" s="114">
        <v>6264344</v>
      </c>
      <c r="BA24" s="114">
        <v>4474743</v>
      </c>
      <c r="BB24" s="114">
        <v>2969131</v>
      </c>
      <c r="BC24" s="114">
        <v>4808870</v>
      </c>
      <c r="BD24" s="113">
        <v>23665047</v>
      </c>
      <c r="BE24" s="116">
        <v>25761966</v>
      </c>
      <c r="BF24" s="110">
        <v>23395</v>
      </c>
      <c r="BG24" s="114">
        <v>87974</v>
      </c>
      <c r="BH24" s="112">
        <v>111369</v>
      </c>
      <c r="BI24" s="111">
        <v>0</v>
      </c>
      <c r="BJ24" s="114">
        <v>738030</v>
      </c>
      <c r="BK24" s="114">
        <v>486047</v>
      </c>
      <c r="BL24" s="114">
        <v>217853</v>
      </c>
      <c r="BM24" s="114">
        <v>458133</v>
      </c>
      <c r="BN24" s="114">
        <v>127957</v>
      </c>
      <c r="BO24" s="113">
        <v>2028020</v>
      </c>
      <c r="BP24" s="116">
        <v>2139389</v>
      </c>
      <c r="BQ24" s="110">
        <v>451247</v>
      </c>
      <c r="BR24" s="114">
        <v>409492</v>
      </c>
      <c r="BS24" s="113">
        <v>860739</v>
      </c>
      <c r="BT24" s="110">
        <v>0</v>
      </c>
      <c r="BU24" s="114">
        <v>2240587</v>
      </c>
      <c r="BV24" s="114">
        <v>2916507</v>
      </c>
      <c r="BW24" s="114">
        <v>2665880</v>
      </c>
      <c r="BX24" s="114">
        <v>2346274</v>
      </c>
      <c r="BY24" s="114">
        <v>1947517</v>
      </c>
      <c r="BZ24" s="113">
        <v>12116765</v>
      </c>
      <c r="CA24" s="116">
        <v>12977504</v>
      </c>
      <c r="CB24" s="110">
        <v>657936</v>
      </c>
      <c r="CC24" s="114">
        <v>2114176</v>
      </c>
      <c r="CD24" s="113">
        <v>2772112</v>
      </c>
      <c r="CE24" s="110">
        <v>0</v>
      </c>
      <c r="CF24" s="114">
        <v>19736518</v>
      </c>
      <c r="CG24" s="114">
        <v>23760746</v>
      </c>
      <c r="CH24" s="114">
        <v>17146664</v>
      </c>
      <c r="CI24" s="114">
        <v>8105500</v>
      </c>
      <c r="CJ24" s="114">
        <v>6873344</v>
      </c>
      <c r="CK24" s="113">
        <v>75622772</v>
      </c>
      <c r="CL24" s="116">
        <v>78394884</v>
      </c>
      <c r="CM24" s="110">
        <v>0</v>
      </c>
      <c r="CN24" s="114">
        <v>0</v>
      </c>
      <c r="CO24" s="113">
        <v>0</v>
      </c>
      <c r="CP24" s="111">
        <v>0</v>
      </c>
      <c r="CQ24" s="114">
        <v>14545828</v>
      </c>
      <c r="CR24" s="114">
        <v>17973760</v>
      </c>
      <c r="CS24" s="114">
        <v>12647774</v>
      </c>
      <c r="CT24" s="114">
        <v>5550838</v>
      </c>
      <c r="CU24" s="114">
        <v>5630950</v>
      </c>
      <c r="CV24" s="113">
        <v>56349150</v>
      </c>
      <c r="CW24" s="116">
        <v>56349150</v>
      </c>
      <c r="CX24" s="110">
        <v>657936</v>
      </c>
      <c r="CY24" s="114">
        <v>2114176</v>
      </c>
      <c r="CZ24" s="113">
        <v>2772112</v>
      </c>
      <c r="DA24" s="110">
        <v>0</v>
      </c>
      <c r="DB24" s="114">
        <v>5190690</v>
      </c>
      <c r="DC24" s="114">
        <v>5786986</v>
      </c>
      <c r="DD24" s="114">
        <v>4498890</v>
      </c>
      <c r="DE24" s="114">
        <v>2554662</v>
      </c>
      <c r="DF24" s="114">
        <v>1242394</v>
      </c>
      <c r="DG24" s="113">
        <v>19273622</v>
      </c>
      <c r="DH24" s="116">
        <v>22045734</v>
      </c>
      <c r="DI24" s="110">
        <v>0</v>
      </c>
      <c r="DJ24" s="114">
        <v>16030</v>
      </c>
      <c r="DK24" s="112">
        <v>16030</v>
      </c>
      <c r="DL24" s="111">
        <v>0</v>
      </c>
      <c r="DM24" s="114">
        <v>1501374</v>
      </c>
      <c r="DN24" s="114">
        <v>2884598</v>
      </c>
      <c r="DO24" s="114">
        <v>6028171</v>
      </c>
      <c r="DP24" s="114">
        <v>3769152</v>
      </c>
      <c r="DQ24" s="114">
        <v>2470465</v>
      </c>
      <c r="DR24" s="113">
        <v>16653760</v>
      </c>
      <c r="DS24" s="116">
        <v>16669790</v>
      </c>
      <c r="DT24" s="110">
        <v>0</v>
      </c>
      <c r="DU24" s="114">
        <v>16030</v>
      </c>
      <c r="DV24" s="113">
        <v>16030</v>
      </c>
      <c r="DW24" s="110">
        <v>0</v>
      </c>
      <c r="DX24" s="114">
        <v>1293752</v>
      </c>
      <c r="DY24" s="114">
        <v>2413125</v>
      </c>
      <c r="DZ24" s="114">
        <v>5636987</v>
      </c>
      <c r="EA24" s="114">
        <v>3021126</v>
      </c>
      <c r="EB24" s="114">
        <v>1831549</v>
      </c>
      <c r="EC24" s="113">
        <v>14196539</v>
      </c>
      <c r="ED24" s="116">
        <v>14212569</v>
      </c>
      <c r="EE24" s="110">
        <v>0</v>
      </c>
      <c r="EF24" s="112">
        <v>0</v>
      </c>
      <c r="EG24" s="113">
        <v>0</v>
      </c>
      <c r="EH24" s="110">
        <v>0</v>
      </c>
      <c r="EI24" s="114">
        <v>207622</v>
      </c>
      <c r="EJ24" s="114">
        <v>471473</v>
      </c>
      <c r="EK24" s="114">
        <v>391184</v>
      </c>
      <c r="EL24" s="114">
        <v>748026</v>
      </c>
      <c r="EM24" s="114">
        <v>638916</v>
      </c>
      <c r="EN24" s="112">
        <v>2457221</v>
      </c>
      <c r="EO24" s="116">
        <v>2457221</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914840</v>
      </c>
      <c r="FM24" s="114">
        <v>1748901</v>
      </c>
      <c r="FN24" s="113">
        <v>2663741</v>
      </c>
      <c r="FO24" s="110">
        <v>0</v>
      </c>
      <c r="FP24" s="114">
        <v>3610073</v>
      </c>
      <c r="FQ24" s="114">
        <v>6157122</v>
      </c>
      <c r="FR24" s="114">
        <v>4477459</v>
      </c>
      <c r="FS24" s="114">
        <v>3536677</v>
      </c>
      <c r="FT24" s="114">
        <v>3382211</v>
      </c>
      <c r="FU24" s="113">
        <v>21163542</v>
      </c>
      <c r="FV24" s="116">
        <v>23827283</v>
      </c>
      <c r="FW24" s="115">
        <v>765530</v>
      </c>
      <c r="FX24" s="114">
        <v>1337188</v>
      </c>
      <c r="FY24" s="112">
        <v>2102718</v>
      </c>
      <c r="FZ24" s="111">
        <v>0</v>
      </c>
      <c r="GA24" s="114">
        <v>3351304</v>
      </c>
      <c r="GB24" s="114">
        <v>5759793</v>
      </c>
      <c r="GC24" s="114">
        <v>4232298</v>
      </c>
      <c r="GD24" s="114">
        <v>3287508</v>
      </c>
      <c r="GE24" s="114">
        <v>3360827</v>
      </c>
      <c r="GF24" s="113">
        <v>19991730</v>
      </c>
      <c r="GG24" s="318">
        <v>22094448</v>
      </c>
      <c r="GH24" s="115">
        <v>54990</v>
      </c>
      <c r="GI24" s="114">
        <v>20790</v>
      </c>
      <c r="GJ24" s="112">
        <v>75780</v>
      </c>
      <c r="GK24" s="111">
        <v>0</v>
      </c>
      <c r="GL24" s="114">
        <v>150889</v>
      </c>
      <c r="GM24" s="114">
        <v>206439</v>
      </c>
      <c r="GN24" s="114">
        <v>147961</v>
      </c>
      <c r="GO24" s="114">
        <v>111496</v>
      </c>
      <c r="GP24" s="114">
        <v>21384</v>
      </c>
      <c r="GQ24" s="113">
        <v>638169</v>
      </c>
      <c r="GR24" s="116">
        <v>713949</v>
      </c>
      <c r="GS24" s="110">
        <v>94320</v>
      </c>
      <c r="GT24" s="114">
        <v>390923</v>
      </c>
      <c r="GU24" s="113">
        <v>485243</v>
      </c>
      <c r="GV24" s="110">
        <v>0</v>
      </c>
      <c r="GW24" s="114">
        <v>107880</v>
      </c>
      <c r="GX24" s="114">
        <v>190890</v>
      </c>
      <c r="GY24" s="114">
        <v>97200</v>
      </c>
      <c r="GZ24" s="114">
        <v>137673</v>
      </c>
      <c r="HA24" s="114">
        <v>0</v>
      </c>
      <c r="HB24" s="112">
        <v>533643</v>
      </c>
      <c r="HC24" s="116">
        <v>1018886</v>
      </c>
      <c r="HD24" s="110">
        <v>1030753</v>
      </c>
      <c r="HE24" s="114">
        <v>1206288</v>
      </c>
      <c r="HF24" s="112">
        <v>2237041</v>
      </c>
      <c r="HG24" s="111">
        <v>0</v>
      </c>
      <c r="HH24" s="114">
        <v>11633824</v>
      </c>
      <c r="HI24" s="114">
        <v>9857245</v>
      </c>
      <c r="HJ24" s="114">
        <v>10541002</v>
      </c>
      <c r="HK24" s="114">
        <v>12150006</v>
      </c>
      <c r="HL24" s="114">
        <v>7097512</v>
      </c>
      <c r="HM24" s="113">
        <v>51279589</v>
      </c>
      <c r="HN24" s="109">
        <v>53516630</v>
      </c>
      <c r="HO24" s="115">
        <v>790124</v>
      </c>
      <c r="HP24" s="114">
        <v>1270608</v>
      </c>
      <c r="HQ24" s="113">
        <v>2060732</v>
      </c>
      <c r="HR24" s="110">
        <v>0</v>
      </c>
      <c r="HS24" s="114">
        <v>10251990</v>
      </c>
      <c r="HT24" s="114">
        <v>8065797</v>
      </c>
      <c r="HU24" s="114">
        <v>5519939</v>
      </c>
      <c r="HV24" s="114">
        <v>3230266</v>
      </c>
      <c r="HW24" s="114">
        <v>2407881</v>
      </c>
      <c r="HX24" s="112">
        <v>29475873</v>
      </c>
      <c r="HY24" s="116">
        <v>31536605</v>
      </c>
      <c r="HZ24" s="150">
        <v>50094</v>
      </c>
      <c r="IA24" s="135">
        <v>418850</v>
      </c>
      <c r="IB24" s="150">
        <v>468944</v>
      </c>
      <c r="IC24" s="134">
        <v>0</v>
      </c>
      <c r="ID24" s="135">
        <v>14502546</v>
      </c>
      <c r="IE24" s="136">
        <v>24061399</v>
      </c>
      <c r="IF24" s="137">
        <v>20795372</v>
      </c>
      <c r="IG24" s="135">
        <v>14458986</v>
      </c>
      <c r="IH24" s="137">
        <v>14867955</v>
      </c>
      <c r="II24" s="138">
        <v>88686258</v>
      </c>
      <c r="IJ24" s="150">
        <v>89155202</v>
      </c>
      <c r="IK24" s="232">
        <v>0</v>
      </c>
      <c r="IL24" s="236">
        <v>0</v>
      </c>
      <c r="IM24" s="237">
        <v>0</v>
      </c>
      <c r="IN24" s="140">
        <v>0</v>
      </c>
      <c r="IO24" s="119">
        <v>1152405</v>
      </c>
      <c r="IP24" s="119">
        <v>864982</v>
      </c>
      <c r="IQ24" s="119">
        <v>360083</v>
      </c>
      <c r="IR24" s="119">
        <v>852848</v>
      </c>
      <c r="IS24" s="119">
        <v>2250281</v>
      </c>
      <c r="IT24" s="141">
        <v>5480599</v>
      </c>
      <c r="IU24" s="320">
        <v>5480599</v>
      </c>
      <c r="IV24" s="142">
        <v>0</v>
      </c>
      <c r="IW24" s="119">
        <v>0</v>
      </c>
      <c r="IX24" s="120">
        <v>0</v>
      </c>
      <c r="IY24" s="144">
        <v>0</v>
      </c>
      <c r="IZ24" s="119">
        <v>11218</v>
      </c>
      <c r="JA24" s="119">
        <v>37004</v>
      </c>
      <c r="JB24" s="119">
        <v>33654</v>
      </c>
      <c r="JC24" s="119">
        <v>70664</v>
      </c>
      <c r="JD24" s="119">
        <v>0</v>
      </c>
      <c r="JE24" s="120">
        <v>152540</v>
      </c>
      <c r="JF24" s="121">
        <v>152540</v>
      </c>
      <c r="JG24" s="142">
        <v>0</v>
      </c>
      <c r="JH24" s="119">
        <v>0</v>
      </c>
      <c r="JI24" s="141">
        <v>0</v>
      </c>
      <c r="JJ24" s="118">
        <v>0</v>
      </c>
      <c r="JK24" s="119">
        <v>6365300</v>
      </c>
      <c r="JL24" s="119">
        <v>7263705</v>
      </c>
      <c r="JM24" s="119">
        <v>4465701</v>
      </c>
      <c r="JN24" s="119">
        <v>1650048</v>
      </c>
      <c r="JO24" s="119">
        <v>1224868</v>
      </c>
      <c r="JP24" s="120">
        <v>20969622</v>
      </c>
      <c r="JQ24" s="320">
        <v>20969622</v>
      </c>
      <c r="JR24" s="142">
        <v>0</v>
      </c>
      <c r="JS24" s="119">
        <v>0</v>
      </c>
      <c r="JT24" s="141">
        <v>0</v>
      </c>
      <c r="JU24" s="118">
        <v>0</v>
      </c>
      <c r="JV24" s="119">
        <v>946292</v>
      </c>
      <c r="JW24" s="119">
        <v>2284366</v>
      </c>
      <c r="JX24" s="119">
        <v>2594995</v>
      </c>
      <c r="JY24" s="119">
        <v>333917</v>
      </c>
      <c r="JZ24" s="119">
        <v>410645</v>
      </c>
      <c r="KA24" s="120">
        <v>6570215</v>
      </c>
      <c r="KB24" s="320">
        <v>6570215</v>
      </c>
      <c r="KC24" s="234">
        <v>50094</v>
      </c>
      <c r="KD24" s="230">
        <v>175045</v>
      </c>
      <c r="KE24" s="120">
        <v>225139</v>
      </c>
      <c r="KF24" s="118">
        <v>0</v>
      </c>
      <c r="KG24" s="119">
        <v>3337219</v>
      </c>
      <c r="KH24" s="119">
        <v>6651464</v>
      </c>
      <c r="KI24" s="119">
        <v>5614975</v>
      </c>
      <c r="KJ24" s="119">
        <v>5112594</v>
      </c>
      <c r="KK24" s="119">
        <v>3173506</v>
      </c>
      <c r="KL24" s="120">
        <v>23889758</v>
      </c>
      <c r="KM24" s="143">
        <v>24114897</v>
      </c>
      <c r="KN24" s="232">
        <v>0</v>
      </c>
      <c r="KO24" s="236">
        <v>243805</v>
      </c>
      <c r="KP24" s="237">
        <v>243805</v>
      </c>
      <c r="KQ24" s="140"/>
      <c r="KR24" s="119">
        <v>2298464</v>
      </c>
      <c r="KS24" s="119">
        <v>6173988</v>
      </c>
      <c r="KT24" s="119">
        <v>7703053</v>
      </c>
      <c r="KU24" s="119">
        <v>4921804</v>
      </c>
      <c r="KV24" s="119">
        <v>3710026</v>
      </c>
      <c r="KW24" s="120">
        <v>24807335</v>
      </c>
      <c r="KX24" s="320">
        <v>25051140</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391648</v>
      </c>
      <c r="LZ24" s="119">
        <v>785890</v>
      </c>
      <c r="MA24" s="119">
        <v>22911</v>
      </c>
      <c r="MB24" s="119">
        <v>1517111</v>
      </c>
      <c r="MC24" s="119">
        <v>4098629</v>
      </c>
      <c r="MD24" s="120">
        <v>6816189</v>
      </c>
      <c r="ME24" s="121">
        <v>6816189</v>
      </c>
      <c r="MF24" s="142">
        <v>0</v>
      </c>
      <c r="MG24" s="119">
        <v>0</v>
      </c>
      <c r="MH24" s="120">
        <v>0</v>
      </c>
      <c r="MI24" s="145"/>
      <c r="MJ24" s="119">
        <v>4861810</v>
      </c>
      <c r="MK24" s="119">
        <v>16192116</v>
      </c>
      <c r="ML24" s="119">
        <v>49354768</v>
      </c>
      <c r="MM24" s="119">
        <v>58302031</v>
      </c>
      <c r="MN24" s="119">
        <v>37555466</v>
      </c>
      <c r="MO24" s="120">
        <v>166266191</v>
      </c>
      <c r="MP24" s="143">
        <v>166266191</v>
      </c>
      <c r="MQ24" s="142">
        <v>0</v>
      </c>
      <c r="MR24" s="119">
        <v>0</v>
      </c>
      <c r="MS24" s="120">
        <v>0</v>
      </c>
      <c r="MT24" s="145"/>
      <c r="MU24" s="119">
        <v>0</v>
      </c>
      <c r="MV24" s="119">
        <v>1621426</v>
      </c>
      <c r="MW24" s="119">
        <v>28340899</v>
      </c>
      <c r="MX24" s="119">
        <v>41129374</v>
      </c>
      <c r="MY24" s="119">
        <v>26626186</v>
      </c>
      <c r="MZ24" s="120">
        <v>97717885</v>
      </c>
      <c r="NA24" s="143">
        <v>97717885</v>
      </c>
      <c r="NB24" s="142">
        <v>0</v>
      </c>
      <c r="NC24" s="119">
        <v>0</v>
      </c>
      <c r="ND24" s="120">
        <v>0</v>
      </c>
      <c r="NE24" s="145"/>
      <c r="NF24" s="119">
        <v>4861810</v>
      </c>
      <c r="NG24" s="119">
        <v>14570690</v>
      </c>
      <c r="NH24" s="119">
        <v>21013869</v>
      </c>
      <c r="NI24" s="119">
        <v>15958021</v>
      </c>
      <c r="NJ24" s="119">
        <v>9618871</v>
      </c>
      <c r="NK24" s="120">
        <v>66023261</v>
      </c>
      <c r="NL24" s="320">
        <v>66023261</v>
      </c>
      <c r="NM24" s="142">
        <v>0</v>
      </c>
      <c r="NN24" s="119">
        <v>0</v>
      </c>
      <c r="NO24" s="120">
        <v>0</v>
      </c>
      <c r="NP24" s="145">
        <v>0</v>
      </c>
      <c r="NQ24" s="119">
        <v>0</v>
      </c>
      <c r="NR24" s="119">
        <v>0</v>
      </c>
      <c r="NS24" s="119">
        <v>0</v>
      </c>
      <c r="NT24" s="119">
        <v>0</v>
      </c>
      <c r="NU24" s="119">
        <v>0</v>
      </c>
      <c r="NV24" s="120">
        <v>0</v>
      </c>
      <c r="NW24" s="121">
        <v>0</v>
      </c>
      <c r="NX24" s="142">
        <v>0</v>
      </c>
      <c r="NY24" s="119">
        <v>0</v>
      </c>
      <c r="NZ24" s="120">
        <v>0</v>
      </c>
      <c r="OA24" s="145"/>
      <c r="OB24" s="119">
        <v>0</v>
      </c>
      <c r="OC24" s="119">
        <v>0</v>
      </c>
      <c r="OD24" s="119">
        <v>0</v>
      </c>
      <c r="OE24" s="119">
        <v>1214636</v>
      </c>
      <c r="OF24" s="119">
        <v>1310409</v>
      </c>
      <c r="OG24" s="120">
        <v>2525045</v>
      </c>
      <c r="OH24" s="121">
        <v>2525045</v>
      </c>
      <c r="OI24" s="142">
        <v>4486513</v>
      </c>
      <c r="OJ24" s="119">
        <v>8801114</v>
      </c>
      <c r="OK24" s="141">
        <v>13287627</v>
      </c>
      <c r="OL24" s="118">
        <v>0</v>
      </c>
      <c r="OM24" s="119">
        <v>80744277</v>
      </c>
      <c r="ON24" s="119">
        <v>107828717</v>
      </c>
      <c r="OO24" s="119">
        <v>129719807</v>
      </c>
      <c r="OP24" s="119">
        <v>120300922</v>
      </c>
      <c r="OQ24" s="119">
        <v>92027850</v>
      </c>
      <c r="OR24" s="120">
        <v>530621573</v>
      </c>
      <c r="OS24" s="143">
        <v>543909200</v>
      </c>
    </row>
    <row r="25" spans="2:409" ht="21" customHeight="1" x14ac:dyDescent="0.2">
      <c r="B25" s="62" t="s">
        <v>20</v>
      </c>
      <c r="C25" s="110">
        <v>5065096</v>
      </c>
      <c r="D25" s="114">
        <v>12475270</v>
      </c>
      <c r="E25" s="113">
        <v>17540366</v>
      </c>
      <c r="F25" s="110">
        <v>0</v>
      </c>
      <c r="G25" s="114">
        <v>83304420</v>
      </c>
      <c r="H25" s="114">
        <v>77551799</v>
      </c>
      <c r="I25" s="114">
        <v>77002543</v>
      </c>
      <c r="J25" s="114">
        <v>66868792</v>
      </c>
      <c r="K25" s="114">
        <v>37277506</v>
      </c>
      <c r="L25" s="173">
        <v>342005060</v>
      </c>
      <c r="M25" s="116">
        <v>359545426</v>
      </c>
      <c r="N25" s="110">
        <v>1568340</v>
      </c>
      <c r="O25" s="114">
        <v>3833570</v>
      </c>
      <c r="P25" s="113">
        <v>5401910</v>
      </c>
      <c r="Q25" s="110">
        <v>0</v>
      </c>
      <c r="R25" s="114">
        <v>23986637</v>
      </c>
      <c r="S25" s="114">
        <v>22987303</v>
      </c>
      <c r="T25" s="114">
        <v>22201998</v>
      </c>
      <c r="U25" s="114">
        <v>22915275</v>
      </c>
      <c r="V25" s="114">
        <v>17577108</v>
      </c>
      <c r="W25" s="113">
        <v>109668321</v>
      </c>
      <c r="X25" s="116">
        <v>115070231</v>
      </c>
      <c r="Y25" s="110">
        <v>0</v>
      </c>
      <c r="Z25" s="114">
        <v>0</v>
      </c>
      <c r="AA25" s="113">
        <v>0</v>
      </c>
      <c r="AB25" s="110">
        <v>0</v>
      </c>
      <c r="AC25" s="114">
        <v>9463275</v>
      </c>
      <c r="AD25" s="114">
        <v>9703884</v>
      </c>
      <c r="AE25" s="114">
        <v>11350499</v>
      </c>
      <c r="AF25" s="114">
        <v>12967624</v>
      </c>
      <c r="AG25" s="114">
        <v>9558950</v>
      </c>
      <c r="AH25" s="113">
        <v>53044232</v>
      </c>
      <c r="AI25" s="116">
        <v>53044232</v>
      </c>
      <c r="AJ25" s="110">
        <v>0</v>
      </c>
      <c r="AK25" s="114">
        <v>0</v>
      </c>
      <c r="AL25" s="113">
        <v>0</v>
      </c>
      <c r="AM25" s="110">
        <v>0</v>
      </c>
      <c r="AN25" s="114">
        <v>0</v>
      </c>
      <c r="AO25" s="114">
        <v>361990</v>
      </c>
      <c r="AP25" s="114">
        <v>775854</v>
      </c>
      <c r="AQ25" s="114">
        <v>1355199</v>
      </c>
      <c r="AR25" s="114">
        <v>2713238</v>
      </c>
      <c r="AS25" s="113">
        <v>5206281</v>
      </c>
      <c r="AT25" s="116">
        <v>5206281</v>
      </c>
      <c r="AU25" s="110">
        <v>969493</v>
      </c>
      <c r="AV25" s="114">
        <v>2277017</v>
      </c>
      <c r="AW25" s="113">
        <v>3246510</v>
      </c>
      <c r="AX25" s="110">
        <v>0</v>
      </c>
      <c r="AY25" s="114">
        <v>8969044</v>
      </c>
      <c r="AZ25" s="114">
        <v>8112040</v>
      </c>
      <c r="BA25" s="114">
        <v>5336652</v>
      </c>
      <c r="BB25" s="114">
        <v>3985355</v>
      </c>
      <c r="BC25" s="114">
        <v>3040626</v>
      </c>
      <c r="BD25" s="113">
        <v>29443717</v>
      </c>
      <c r="BE25" s="116">
        <v>32690227</v>
      </c>
      <c r="BF25" s="110">
        <v>240658</v>
      </c>
      <c r="BG25" s="114">
        <v>982597</v>
      </c>
      <c r="BH25" s="112">
        <v>1223255</v>
      </c>
      <c r="BI25" s="111">
        <v>0</v>
      </c>
      <c r="BJ25" s="114">
        <v>2113594</v>
      </c>
      <c r="BK25" s="114">
        <v>1576509</v>
      </c>
      <c r="BL25" s="114">
        <v>1213412</v>
      </c>
      <c r="BM25" s="114">
        <v>1373651</v>
      </c>
      <c r="BN25" s="114">
        <v>267018</v>
      </c>
      <c r="BO25" s="113">
        <v>6544184</v>
      </c>
      <c r="BP25" s="116">
        <v>7767439</v>
      </c>
      <c r="BQ25" s="110">
        <v>358189</v>
      </c>
      <c r="BR25" s="114">
        <v>573956</v>
      </c>
      <c r="BS25" s="113">
        <v>932145</v>
      </c>
      <c r="BT25" s="110">
        <v>0</v>
      </c>
      <c r="BU25" s="114">
        <v>3440724</v>
      </c>
      <c r="BV25" s="114">
        <v>3232880</v>
      </c>
      <c r="BW25" s="114">
        <v>3525581</v>
      </c>
      <c r="BX25" s="114">
        <v>3233446</v>
      </c>
      <c r="BY25" s="114">
        <v>1997276</v>
      </c>
      <c r="BZ25" s="113">
        <v>15429907</v>
      </c>
      <c r="CA25" s="116">
        <v>16362052</v>
      </c>
      <c r="CB25" s="110">
        <v>421767</v>
      </c>
      <c r="CC25" s="114">
        <v>1738273</v>
      </c>
      <c r="CD25" s="113">
        <v>2160040</v>
      </c>
      <c r="CE25" s="110">
        <v>0</v>
      </c>
      <c r="CF25" s="114">
        <v>25938522</v>
      </c>
      <c r="CG25" s="114">
        <v>23193250</v>
      </c>
      <c r="CH25" s="114">
        <v>18382477</v>
      </c>
      <c r="CI25" s="114">
        <v>12023696</v>
      </c>
      <c r="CJ25" s="114">
        <v>4619797</v>
      </c>
      <c r="CK25" s="113">
        <v>84157742</v>
      </c>
      <c r="CL25" s="116">
        <v>86317782</v>
      </c>
      <c r="CM25" s="110">
        <v>0</v>
      </c>
      <c r="CN25" s="114">
        <v>0</v>
      </c>
      <c r="CO25" s="113">
        <v>0</v>
      </c>
      <c r="CP25" s="111">
        <v>0</v>
      </c>
      <c r="CQ25" s="114">
        <v>17416900</v>
      </c>
      <c r="CR25" s="114">
        <v>16192280</v>
      </c>
      <c r="CS25" s="114">
        <v>13498704</v>
      </c>
      <c r="CT25" s="114">
        <v>7914992</v>
      </c>
      <c r="CU25" s="114">
        <v>3542199</v>
      </c>
      <c r="CV25" s="113">
        <v>58565075</v>
      </c>
      <c r="CW25" s="116">
        <v>58565075</v>
      </c>
      <c r="CX25" s="110">
        <v>421767</v>
      </c>
      <c r="CY25" s="114">
        <v>1738273</v>
      </c>
      <c r="CZ25" s="113">
        <v>2160040</v>
      </c>
      <c r="DA25" s="110">
        <v>0</v>
      </c>
      <c r="DB25" s="114">
        <v>8521622</v>
      </c>
      <c r="DC25" s="114">
        <v>7000970</v>
      </c>
      <c r="DD25" s="114">
        <v>4883773</v>
      </c>
      <c r="DE25" s="114">
        <v>4108704</v>
      </c>
      <c r="DF25" s="114">
        <v>1077598</v>
      </c>
      <c r="DG25" s="113">
        <v>25592667</v>
      </c>
      <c r="DH25" s="116">
        <v>27752707</v>
      </c>
      <c r="DI25" s="110">
        <v>0</v>
      </c>
      <c r="DJ25" s="114">
        <v>192496</v>
      </c>
      <c r="DK25" s="112">
        <v>192496</v>
      </c>
      <c r="DL25" s="111">
        <v>0</v>
      </c>
      <c r="DM25" s="114">
        <v>2648741</v>
      </c>
      <c r="DN25" s="114">
        <v>4027283</v>
      </c>
      <c r="DO25" s="114">
        <v>13326576</v>
      </c>
      <c r="DP25" s="114">
        <v>7544826</v>
      </c>
      <c r="DQ25" s="114">
        <v>2951520</v>
      </c>
      <c r="DR25" s="113">
        <v>30498946</v>
      </c>
      <c r="DS25" s="116">
        <v>30691442</v>
      </c>
      <c r="DT25" s="110">
        <v>0</v>
      </c>
      <c r="DU25" s="114">
        <v>192496</v>
      </c>
      <c r="DV25" s="113">
        <v>192496</v>
      </c>
      <c r="DW25" s="110">
        <v>0</v>
      </c>
      <c r="DX25" s="114">
        <v>2511101</v>
      </c>
      <c r="DY25" s="114">
        <v>3926856</v>
      </c>
      <c r="DZ25" s="114">
        <v>12491302</v>
      </c>
      <c r="EA25" s="114">
        <v>7268008</v>
      </c>
      <c r="EB25" s="114">
        <v>2634643</v>
      </c>
      <c r="EC25" s="113">
        <v>28831910</v>
      </c>
      <c r="ED25" s="116">
        <v>29024406</v>
      </c>
      <c r="EE25" s="110">
        <v>0</v>
      </c>
      <c r="EF25" s="112">
        <v>0</v>
      </c>
      <c r="EG25" s="113">
        <v>0</v>
      </c>
      <c r="EH25" s="110">
        <v>0</v>
      </c>
      <c r="EI25" s="114">
        <v>137640</v>
      </c>
      <c r="EJ25" s="114">
        <v>100427</v>
      </c>
      <c r="EK25" s="114">
        <v>835274</v>
      </c>
      <c r="EL25" s="114">
        <v>276818</v>
      </c>
      <c r="EM25" s="114">
        <v>316877</v>
      </c>
      <c r="EN25" s="112">
        <v>1667036</v>
      </c>
      <c r="EO25" s="116">
        <v>1667036</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1254798</v>
      </c>
      <c r="FM25" s="114">
        <v>2806659</v>
      </c>
      <c r="FN25" s="113">
        <v>4061457</v>
      </c>
      <c r="FO25" s="110">
        <v>0</v>
      </c>
      <c r="FP25" s="114">
        <v>6237247</v>
      </c>
      <c r="FQ25" s="114">
        <v>7487244</v>
      </c>
      <c r="FR25" s="114">
        <v>5656413</v>
      </c>
      <c r="FS25" s="114">
        <v>4980175</v>
      </c>
      <c r="FT25" s="114">
        <v>2903159</v>
      </c>
      <c r="FU25" s="113">
        <v>27264238</v>
      </c>
      <c r="FV25" s="116">
        <v>31325695</v>
      </c>
      <c r="FW25" s="115">
        <v>607288</v>
      </c>
      <c r="FX25" s="114">
        <v>1896003</v>
      </c>
      <c r="FY25" s="112">
        <v>2503291</v>
      </c>
      <c r="FZ25" s="111">
        <v>0</v>
      </c>
      <c r="GA25" s="114">
        <v>4845700</v>
      </c>
      <c r="GB25" s="114">
        <v>6314965</v>
      </c>
      <c r="GC25" s="114">
        <v>5440675</v>
      </c>
      <c r="GD25" s="114">
        <v>4800985</v>
      </c>
      <c r="GE25" s="114">
        <v>2842879</v>
      </c>
      <c r="GF25" s="113">
        <v>24245204</v>
      </c>
      <c r="GG25" s="318">
        <v>26748495</v>
      </c>
      <c r="GH25" s="115">
        <v>51030</v>
      </c>
      <c r="GI25" s="114">
        <v>39726</v>
      </c>
      <c r="GJ25" s="112">
        <v>90756</v>
      </c>
      <c r="GK25" s="111">
        <v>0</v>
      </c>
      <c r="GL25" s="114">
        <v>193454</v>
      </c>
      <c r="GM25" s="114">
        <v>326739</v>
      </c>
      <c r="GN25" s="114">
        <v>83340</v>
      </c>
      <c r="GO25" s="114">
        <v>26730</v>
      </c>
      <c r="GP25" s="114">
        <v>60280</v>
      </c>
      <c r="GQ25" s="113">
        <v>690543</v>
      </c>
      <c r="GR25" s="116">
        <v>781299</v>
      </c>
      <c r="GS25" s="110">
        <v>596480</v>
      </c>
      <c r="GT25" s="114">
        <v>870930</v>
      </c>
      <c r="GU25" s="113">
        <v>1467410</v>
      </c>
      <c r="GV25" s="110">
        <v>0</v>
      </c>
      <c r="GW25" s="114">
        <v>1198093</v>
      </c>
      <c r="GX25" s="114">
        <v>845540</v>
      </c>
      <c r="GY25" s="114">
        <v>132398</v>
      </c>
      <c r="GZ25" s="114">
        <v>152460</v>
      </c>
      <c r="HA25" s="114">
        <v>0</v>
      </c>
      <c r="HB25" s="112">
        <v>2328491</v>
      </c>
      <c r="HC25" s="116">
        <v>3795901</v>
      </c>
      <c r="HD25" s="110">
        <v>975872</v>
      </c>
      <c r="HE25" s="114">
        <v>1890094</v>
      </c>
      <c r="HF25" s="112">
        <v>2865966</v>
      </c>
      <c r="HG25" s="111">
        <v>0</v>
      </c>
      <c r="HH25" s="114">
        <v>11146071</v>
      </c>
      <c r="HI25" s="114">
        <v>11467953</v>
      </c>
      <c r="HJ25" s="114">
        <v>10289267</v>
      </c>
      <c r="HK25" s="114">
        <v>15037161</v>
      </c>
      <c r="HL25" s="114">
        <v>7280184</v>
      </c>
      <c r="HM25" s="113">
        <v>55220636</v>
      </c>
      <c r="HN25" s="109">
        <v>58086602</v>
      </c>
      <c r="HO25" s="115">
        <v>844319</v>
      </c>
      <c r="HP25" s="114">
        <v>2014178</v>
      </c>
      <c r="HQ25" s="113">
        <v>2858497</v>
      </c>
      <c r="HR25" s="110">
        <v>0</v>
      </c>
      <c r="HS25" s="114">
        <v>13347202</v>
      </c>
      <c r="HT25" s="114">
        <v>8388766</v>
      </c>
      <c r="HU25" s="114">
        <v>7145812</v>
      </c>
      <c r="HV25" s="114">
        <v>4367659</v>
      </c>
      <c r="HW25" s="114">
        <v>1945738</v>
      </c>
      <c r="HX25" s="112">
        <v>35195177</v>
      </c>
      <c r="HY25" s="116">
        <v>38053674</v>
      </c>
      <c r="HZ25" s="131">
        <v>41234</v>
      </c>
      <c r="IA25" s="132">
        <v>210802</v>
      </c>
      <c r="IB25" s="133">
        <v>252036</v>
      </c>
      <c r="IC25" s="146">
        <v>0</v>
      </c>
      <c r="ID25" s="132">
        <v>16198691</v>
      </c>
      <c r="IE25" s="147">
        <v>15967942</v>
      </c>
      <c r="IF25" s="133">
        <v>20057279</v>
      </c>
      <c r="IG25" s="132">
        <v>9124148</v>
      </c>
      <c r="IH25" s="133">
        <v>4518212</v>
      </c>
      <c r="II25" s="148">
        <v>65866272</v>
      </c>
      <c r="IJ25" s="139">
        <v>66118308</v>
      </c>
      <c r="IK25" s="232">
        <v>0</v>
      </c>
      <c r="IL25" s="236">
        <v>0</v>
      </c>
      <c r="IM25" s="237">
        <v>0</v>
      </c>
      <c r="IN25" s="140">
        <v>0</v>
      </c>
      <c r="IO25" s="119">
        <v>82941</v>
      </c>
      <c r="IP25" s="119">
        <v>0</v>
      </c>
      <c r="IQ25" s="119">
        <v>0</v>
      </c>
      <c r="IR25" s="119">
        <v>0</v>
      </c>
      <c r="IS25" s="119">
        <v>0</v>
      </c>
      <c r="IT25" s="141">
        <v>82941</v>
      </c>
      <c r="IU25" s="320">
        <v>82941</v>
      </c>
      <c r="IV25" s="142">
        <v>0</v>
      </c>
      <c r="IW25" s="119">
        <v>0</v>
      </c>
      <c r="IX25" s="120">
        <v>0</v>
      </c>
      <c r="IY25" s="144">
        <v>0</v>
      </c>
      <c r="IZ25" s="119">
        <v>0</v>
      </c>
      <c r="JA25" s="119">
        <v>0</v>
      </c>
      <c r="JB25" s="119">
        <v>0</v>
      </c>
      <c r="JC25" s="119">
        <v>0</v>
      </c>
      <c r="JD25" s="119">
        <v>0</v>
      </c>
      <c r="JE25" s="120">
        <v>0</v>
      </c>
      <c r="JF25" s="121">
        <v>0</v>
      </c>
      <c r="JG25" s="142">
        <v>0</v>
      </c>
      <c r="JH25" s="119">
        <v>0</v>
      </c>
      <c r="JI25" s="141">
        <v>0</v>
      </c>
      <c r="JJ25" s="118">
        <v>0</v>
      </c>
      <c r="JK25" s="119">
        <v>7671026</v>
      </c>
      <c r="JL25" s="119">
        <v>6340355</v>
      </c>
      <c r="JM25" s="119">
        <v>5875537</v>
      </c>
      <c r="JN25" s="119">
        <v>2788887</v>
      </c>
      <c r="JO25" s="119">
        <v>679060</v>
      </c>
      <c r="JP25" s="120">
        <v>23354865</v>
      </c>
      <c r="JQ25" s="320">
        <v>23354865</v>
      </c>
      <c r="JR25" s="142">
        <v>0</v>
      </c>
      <c r="JS25" s="119">
        <v>0</v>
      </c>
      <c r="JT25" s="141">
        <v>0</v>
      </c>
      <c r="JU25" s="118">
        <v>0</v>
      </c>
      <c r="JV25" s="119">
        <v>0</v>
      </c>
      <c r="JW25" s="119">
        <v>433088</v>
      </c>
      <c r="JX25" s="119">
        <v>443791</v>
      </c>
      <c r="JY25" s="119">
        <v>0</v>
      </c>
      <c r="JZ25" s="119">
        <v>130689</v>
      </c>
      <c r="KA25" s="120">
        <v>1007568</v>
      </c>
      <c r="KB25" s="320">
        <v>1007568</v>
      </c>
      <c r="KC25" s="234">
        <v>41234</v>
      </c>
      <c r="KD25" s="230">
        <v>210802</v>
      </c>
      <c r="KE25" s="120">
        <v>252036</v>
      </c>
      <c r="KF25" s="118">
        <v>0</v>
      </c>
      <c r="KG25" s="119">
        <v>2518319</v>
      </c>
      <c r="KH25" s="119">
        <v>3082392</v>
      </c>
      <c r="KI25" s="119">
        <v>3972724</v>
      </c>
      <c r="KJ25" s="119">
        <v>1042880</v>
      </c>
      <c r="KK25" s="119">
        <v>601868</v>
      </c>
      <c r="KL25" s="120">
        <v>11218183</v>
      </c>
      <c r="KM25" s="143">
        <v>11470219</v>
      </c>
      <c r="KN25" s="232">
        <v>0</v>
      </c>
      <c r="KO25" s="236">
        <v>0</v>
      </c>
      <c r="KP25" s="237">
        <v>0</v>
      </c>
      <c r="KQ25" s="140"/>
      <c r="KR25" s="119">
        <v>5926405</v>
      </c>
      <c r="KS25" s="119">
        <v>6112107</v>
      </c>
      <c r="KT25" s="119">
        <v>9765227</v>
      </c>
      <c r="KU25" s="119">
        <v>5292381</v>
      </c>
      <c r="KV25" s="119">
        <v>3106595</v>
      </c>
      <c r="KW25" s="120">
        <v>30202715</v>
      </c>
      <c r="KX25" s="320">
        <v>30202715</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5389287</v>
      </c>
      <c r="MK25" s="119">
        <v>12936533</v>
      </c>
      <c r="ML25" s="119">
        <v>45329913</v>
      </c>
      <c r="MM25" s="119">
        <v>62974779</v>
      </c>
      <c r="MN25" s="119">
        <v>37768933</v>
      </c>
      <c r="MO25" s="120">
        <v>164399445</v>
      </c>
      <c r="MP25" s="143">
        <v>164399445</v>
      </c>
      <c r="MQ25" s="142">
        <v>0</v>
      </c>
      <c r="MR25" s="119">
        <v>0</v>
      </c>
      <c r="MS25" s="120">
        <v>0</v>
      </c>
      <c r="MT25" s="145"/>
      <c r="MU25" s="119">
        <v>600482</v>
      </c>
      <c r="MV25" s="119">
        <v>4180684</v>
      </c>
      <c r="MW25" s="119">
        <v>31897433</v>
      </c>
      <c r="MX25" s="119">
        <v>48172712</v>
      </c>
      <c r="MY25" s="119">
        <v>29503040</v>
      </c>
      <c r="MZ25" s="120">
        <v>114354351</v>
      </c>
      <c r="NA25" s="143">
        <v>114354351</v>
      </c>
      <c r="NB25" s="142">
        <v>0</v>
      </c>
      <c r="NC25" s="119">
        <v>0</v>
      </c>
      <c r="ND25" s="120">
        <v>0</v>
      </c>
      <c r="NE25" s="145"/>
      <c r="NF25" s="119">
        <v>4788805</v>
      </c>
      <c r="NG25" s="119">
        <v>8755849</v>
      </c>
      <c r="NH25" s="119">
        <v>13432480</v>
      </c>
      <c r="NI25" s="119">
        <v>14043719</v>
      </c>
      <c r="NJ25" s="119">
        <v>5689649</v>
      </c>
      <c r="NK25" s="120">
        <v>46710502</v>
      </c>
      <c r="NL25" s="320">
        <v>46710502</v>
      </c>
      <c r="NM25" s="142">
        <v>0</v>
      </c>
      <c r="NN25" s="119">
        <v>0</v>
      </c>
      <c r="NO25" s="120">
        <v>0</v>
      </c>
      <c r="NP25" s="145">
        <v>0</v>
      </c>
      <c r="NQ25" s="119">
        <v>0</v>
      </c>
      <c r="NR25" s="119">
        <v>0</v>
      </c>
      <c r="NS25" s="119">
        <v>0</v>
      </c>
      <c r="NT25" s="119">
        <v>343788</v>
      </c>
      <c r="NU25" s="119">
        <v>203255</v>
      </c>
      <c r="NV25" s="120">
        <v>547043</v>
      </c>
      <c r="NW25" s="121">
        <v>547043</v>
      </c>
      <c r="NX25" s="142">
        <v>0</v>
      </c>
      <c r="NY25" s="119">
        <v>0</v>
      </c>
      <c r="NZ25" s="120">
        <v>0</v>
      </c>
      <c r="OA25" s="145"/>
      <c r="OB25" s="119">
        <v>0</v>
      </c>
      <c r="OC25" s="119">
        <v>0</v>
      </c>
      <c r="OD25" s="119">
        <v>0</v>
      </c>
      <c r="OE25" s="119">
        <v>414560</v>
      </c>
      <c r="OF25" s="119">
        <v>2372989</v>
      </c>
      <c r="OG25" s="120">
        <v>2787549</v>
      </c>
      <c r="OH25" s="121">
        <v>2787549</v>
      </c>
      <c r="OI25" s="142">
        <v>5106330</v>
      </c>
      <c r="OJ25" s="119">
        <v>12686072</v>
      </c>
      <c r="OK25" s="141">
        <v>17792402</v>
      </c>
      <c r="OL25" s="118">
        <v>0</v>
      </c>
      <c r="OM25" s="119">
        <v>104892398</v>
      </c>
      <c r="ON25" s="119">
        <v>106456274</v>
      </c>
      <c r="OO25" s="119">
        <v>142389735</v>
      </c>
      <c r="OP25" s="119">
        <v>138967719</v>
      </c>
      <c r="OQ25" s="119">
        <v>79564651</v>
      </c>
      <c r="OR25" s="120">
        <v>572270777</v>
      </c>
      <c r="OS25" s="143">
        <v>590063179</v>
      </c>
    </row>
    <row r="26" spans="2:409" ht="21" customHeight="1" x14ac:dyDescent="0.2">
      <c r="B26" s="62" t="s">
        <v>21</v>
      </c>
      <c r="C26" s="110">
        <v>5675271</v>
      </c>
      <c r="D26" s="114">
        <v>11014815</v>
      </c>
      <c r="E26" s="113">
        <v>16690086</v>
      </c>
      <c r="F26" s="109">
        <v>0</v>
      </c>
      <c r="G26" s="114">
        <v>63796334</v>
      </c>
      <c r="H26" s="114">
        <v>106547947</v>
      </c>
      <c r="I26" s="114">
        <v>93476173</v>
      </c>
      <c r="J26" s="114">
        <v>74682888</v>
      </c>
      <c r="K26" s="114">
        <v>55500634</v>
      </c>
      <c r="L26" s="173">
        <v>394003976</v>
      </c>
      <c r="M26" s="116">
        <v>410694062</v>
      </c>
      <c r="N26" s="110">
        <v>1946101</v>
      </c>
      <c r="O26" s="114">
        <v>3481781</v>
      </c>
      <c r="P26" s="113">
        <v>5427882</v>
      </c>
      <c r="Q26" s="110">
        <v>0</v>
      </c>
      <c r="R26" s="114">
        <v>19899238</v>
      </c>
      <c r="S26" s="114">
        <v>36959116</v>
      </c>
      <c r="T26" s="114">
        <v>31081547</v>
      </c>
      <c r="U26" s="114">
        <v>35774829</v>
      </c>
      <c r="V26" s="114">
        <v>27022914</v>
      </c>
      <c r="W26" s="113">
        <v>150737644</v>
      </c>
      <c r="X26" s="116">
        <v>156165526</v>
      </c>
      <c r="Y26" s="110">
        <v>0</v>
      </c>
      <c r="Z26" s="114">
        <v>0</v>
      </c>
      <c r="AA26" s="113">
        <v>0</v>
      </c>
      <c r="AB26" s="110">
        <v>0</v>
      </c>
      <c r="AC26" s="114">
        <v>8715393</v>
      </c>
      <c r="AD26" s="114">
        <v>19075357</v>
      </c>
      <c r="AE26" s="114">
        <v>17843340</v>
      </c>
      <c r="AF26" s="114">
        <v>22070055</v>
      </c>
      <c r="AG26" s="114">
        <v>17202611</v>
      </c>
      <c r="AH26" s="113">
        <v>84906756</v>
      </c>
      <c r="AI26" s="116">
        <v>84906756</v>
      </c>
      <c r="AJ26" s="110">
        <v>0</v>
      </c>
      <c r="AK26" s="114">
        <v>0</v>
      </c>
      <c r="AL26" s="113">
        <v>0</v>
      </c>
      <c r="AM26" s="110">
        <v>0</v>
      </c>
      <c r="AN26" s="114">
        <v>0</v>
      </c>
      <c r="AO26" s="114">
        <v>313956</v>
      </c>
      <c r="AP26" s="114">
        <v>1495180</v>
      </c>
      <c r="AQ26" s="114">
        <v>2164516</v>
      </c>
      <c r="AR26" s="114">
        <v>2288557</v>
      </c>
      <c r="AS26" s="113">
        <v>6262209</v>
      </c>
      <c r="AT26" s="116">
        <v>6262209</v>
      </c>
      <c r="AU26" s="110">
        <v>1006121</v>
      </c>
      <c r="AV26" s="114">
        <v>2127740</v>
      </c>
      <c r="AW26" s="113">
        <v>3133861</v>
      </c>
      <c r="AX26" s="110">
        <v>0</v>
      </c>
      <c r="AY26" s="114">
        <v>7621196</v>
      </c>
      <c r="AZ26" s="114">
        <v>11763705</v>
      </c>
      <c r="BA26" s="114">
        <v>6976459</v>
      </c>
      <c r="BB26" s="114">
        <v>7683900</v>
      </c>
      <c r="BC26" s="114">
        <v>4583864</v>
      </c>
      <c r="BD26" s="113">
        <v>38629124</v>
      </c>
      <c r="BE26" s="116">
        <v>41762985</v>
      </c>
      <c r="BF26" s="110">
        <v>397883</v>
      </c>
      <c r="BG26" s="114">
        <v>889970</v>
      </c>
      <c r="BH26" s="112">
        <v>1287853</v>
      </c>
      <c r="BI26" s="111">
        <v>0</v>
      </c>
      <c r="BJ26" s="114">
        <v>464287</v>
      </c>
      <c r="BK26" s="114">
        <v>1216120</v>
      </c>
      <c r="BL26" s="114">
        <v>515354</v>
      </c>
      <c r="BM26" s="114">
        <v>692565</v>
      </c>
      <c r="BN26" s="114">
        <v>150569</v>
      </c>
      <c r="BO26" s="113">
        <v>3038895</v>
      </c>
      <c r="BP26" s="116">
        <v>4326748</v>
      </c>
      <c r="BQ26" s="110">
        <v>542097</v>
      </c>
      <c r="BR26" s="114">
        <v>464071</v>
      </c>
      <c r="BS26" s="113">
        <v>1006168</v>
      </c>
      <c r="BT26" s="110">
        <v>0</v>
      </c>
      <c r="BU26" s="114">
        <v>3098362</v>
      </c>
      <c r="BV26" s="114">
        <v>4589978</v>
      </c>
      <c r="BW26" s="114">
        <v>4251214</v>
      </c>
      <c r="BX26" s="114">
        <v>3163793</v>
      </c>
      <c r="BY26" s="114">
        <v>2797313</v>
      </c>
      <c r="BZ26" s="113">
        <v>17900660</v>
      </c>
      <c r="CA26" s="116">
        <v>18906828</v>
      </c>
      <c r="CB26" s="110">
        <v>585165</v>
      </c>
      <c r="CC26" s="114">
        <v>1411307</v>
      </c>
      <c r="CD26" s="113">
        <v>1996472</v>
      </c>
      <c r="CE26" s="110">
        <v>0</v>
      </c>
      <c r="CF26" s="114">
        <v>18195615</v>
      </c>
      <c r="CG26" s="114">
        <v>28524773</v>
      </c>
      <c r="CH26" s="114">
        <v>22180047</v>
      </c>
      <c r="CI26" s="114">
        <v>10855545</v>
      </c>
      <c r="CJ26" s="114">
        <v>5146499</v>
      </c>
      <c r="CK26" s="113">
        <v>84902479</v>
      </c>
      <c r="CL26" s="116">
        <v>86898951</v>
      </c>
      <c r="CM26" s="110">
        <v>0</v>
      </c>
      <c r="CN26" s="114">
        <v>0</v>
      </c>
      <c r="CO26" s="113">
        <v>0</v>
      </c>
      <c r="CP26" s="111">
        <v>0</v>
      </c>
      <c r="CQ26" s="114">
        <v>16173213</v>
      </c>
      <c r="CR26" s="114">
        <v>24913162</v>
      </c>
      <c r="CS26" s="114">
        <v>19593729</v>
      </c>
      <c r="CT26" s="114">
        <v>9769221</v>
      </c>
      <c r="CU26" s="114">
        <v>4233260</v>
      </c>
      <c r="CV26" s="113">
        <v>74682585</v>
      </c>
      <c r="CW26" s="116">
        <v>74682585</v>
      </c>
      <c r="CX26" s="110">
        <v>585165</v>
      </c>
      <c r="CY26" s="114">
        <v>1411307</v>
      </c>
      <c r="CZ26" s="113">
        <v>1996472</v>
      </c>
      <c r="DA26" s="110">
        <v>0</v>
      </c>
      <c r="DB26" s="114">
        <v>2022402</v>
      </c>
      <c r="DC26" s="114">
        <v>3611611</v>
      </c>
      <c r="DD26" s="114">
        <v>2586318</v>
      </c>
      <c r="DE26" s="114">
        <v>1086324</v>
      </c>
      <c r="DF26" s="114">
        <v>913239</v>
      </c>
      <c r="DG26" s="113">
        <v>10219894</v>
      </c>
      <c r="DH26" s="116">
        <v>12216366</v>
      </c>
      <c r="DI26" s="110">
        <v>35654</v>
      </c>
      <c r="DJ26" s="114">
        <v>152524</v>
      </c>
      <c r="DK26" s="112">
        <v>188178</v>
      </c>
      <c r="DL26" s="111">
        <v>0</v>
      </c>
      <c r="DM26" s="114">
        <v>1698235</v>
      </c>
      <c r="DN26" s="114">
        <v>4370706</v>
      </c>
      <c r="DO26" s="114">
        <v>10205449</v>
      </c>
      <c r="DP26" s="114">
        <v>7612416</v>
      </c>
      <c r="DQ26" s="114">
        <v>5375543</v>
      </c>
      <c r="DR26" s="113">
        <v>29262349</v>
      </c>
      <c r="DS26" s="116">
        <v>29450527</v>
      </c>
      <c r="DT26" s="110">
        <v>35654</v>
      </c>
      <c r="DU26" s="114">
        <v>152524</v>
      </c>
      <c r="DV26" s="113">
        <v>188178</v>
      </c>
      <c r="DW26" s="110">
        <v>0</v>
      </c>
      <c r="DX26" s="114">
        <v>1698235</v>
      </c>
      <c r="DY26" s="114">
        <v>4178483</v>
      </c>
      <c r="DZ26" s="114">
        <v>10056248</v>
      </c>
      <c r="EA26" s="114">
        <v>7412500</v>
      </c>
      <c r="EB26" s="114">
        <v>5375543</v>
      </c>
      <c r="EC26" s="113">
        <v>28721009</v>
      </c>
      <c r="ED26" s="116">
        <v>28909187</v>
      </c>
      <c r="EE26" s="110">
        <v>0</v>
      </c>
      <c r="EF26" s="112">
        <v>0</v>
      </c>
      <c r="EG26" s="113">
        <v>0</v>
      </c>
      <c r="EH26" s="110">
        <v>0</v>
      </c>
      <c r="EI26" s="114">
        <v>0</v>
      </c>
      <c r="EJ26" s="114">
        <v>192223</v>
      </c>
      <c r="EK26" s="114">
        <v>149201</v>
      </c>
      <c r="EL26" s="114">
        <v>199916</v>
      </c>
      <c r="EM26" s="114">
        <v>0</v>
      </c>
      <c r="EN26" s="112">
        <v>541340</v>
      </c>
      <c r="EO26" s="116">
        <v>541340</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1088319</v>
      </c>
      <c r="FM26" s="114">
        <v>2743991</v>
      </c>
      <c r="FN26" s="113">
        <v>3832310</v>
      </c>
      <c r="FO26" s="110">
        <v>0</v>
      </c>
      <c r="FP26" s="114">
        <v>3359039</v>
      </c>
      <c r="FQ26" s="114">
        <v>9603566</v>
      </c>
      <c r="FR26" s="114">
        <v>7068803</v>
      </c>
      <c r="FS26" s="114">
        <v>6124211</v>
      </c>
      <c r="FT26" s="114">
        <v>4093091</v>
      </c>
      <c r="FU26" s="113">
        <v>30248710</v>
      </c>
      <c r="FV26" s="116">
        <v>34081020</v>
      </c>
      <c r="FW26" s="115">
        <v>773342</v>
      </c>
      <c r="FX26" s="114">
        <v>2283633</v>
      </c>
      <c r="FY26" s="112">
        <v>3056975</v>
      </c>
      <c r="FZ26" s="111">
        <v>0</v>
      </c>
      <c r="GA26" s="114">
        <v>2862213</v>
      </c>
      <c r="GB26" s="114">
        <v>9081777</v>
      </c>
      <c r="GC26" s="114">
        <v>6200037</v>
      </c>
      <c r="GD26" s="114">
        <v>5908678</v>
      </c>
      <c r="GE26" s="114">
        <v>3906791</v>
      </c>
      <c r="GF26" s="113">
        <v>27959496</v>
      </c>
      <c r="GG26" s="318">
        <v>31016471</v>
      </c>
      <c r="GH26" s="115">
        <v>122377</v>
      </c>
      <c r="GI26" s="114">
        <v>45288</v>
      </c>
      <c r="GJ26" s="112">
        <v>167665</v>
      </c>
      <c r="GK26" s="111">
        <v>0</v>
      </c>
      <c r="GL26" s="114">
        <v>61276</v>
      </c>
      <c r="GM26" s="114">
        <v>120991</v>
      </c>
      <c r="GN26" s="114">
        <v>276362</v>
      </c>
      <c r="GO26" s="114">
        <v>79353</v>
      </c>
      <c r="GP26" s="114">
        <v>164250</v>
      </c>
      <c r="GQ26" s="113">
        <v>702232</v>
      </c>
      <c r="GR26" s="116">
        <v>869897</v>
      </c>
      <c r="GS26" s="110">
        <v>192600</v>
      </c>
      <c r="GT26" s="114">
        <v>415070</v>
      </c>
      <c r="GU26" s="113">
        <v>607670</v>
      </c>
      <c r="GV26" s="110">
        <v>0</v>
      </c>
      <c r="GW26" s="114">
        <v>435550</v>
      </c>
      <c r="GX26" s="114">
        <v>400798</v>
      </c>
      <c r="GY26" s="114">
        <v>592404</v>
      </c>
      <c r="GZ26" s="114">
        <v>136180</v>
      </c>
      <c r="HA26" s="114">
        <v>22050</v>
      </c>
      <c r="HB26" s="112">
        <v>1586982</v>
      </c>
      <c r="HC26" s="116">
        <v>2194652</v>
      </c>
      <c r="HD26" s="110">
        <v>906181</v>
      </c>
      <c r="HE26" s="114">
        <v>1326382</v>
      </c>
      <c r="HF26" s="112">
        <v>2232563</v>
      </c>
      <c r="HG26" s="111">
        <v>0</v>
      </c>
      <c r="HH26" s="114">
        <v>9496757</v>
      </c>
      <c r="HI26" s="114">
        <v>13802703</v>
      </c>
      <c r="HJ26" s="114">
        <v>14573796</v>
      </c>
      <c r="HK26" s="114">
        <v>8700643</v>
      </c>
      <c r="HL26" s="114">
        <v>10921314</v>
      </c>
      <c r="HM26" s="113">
        <v>57495213</v>
      </c>
      <c r="HN26" s="109">
        <v>59727776</v>
      </c>
      <c r="HO26" s="115">
        <v>1113851</v>
      </c>
      <c r="HP26" s="114">
        <v>1898830</v>
      </c>
      <c r="HQ26" s="113">
        <v>3012681</v>
      </c>
      <c r="HR26" s="110">
        <v>0</v>
      </c>
      <c r="HS26" s="114">
        <v>11147450</v>
      </c>
      <c r="HT26" s="114">
        <v>13287083</v>
      </c>
      <c r="HU26" s="114">
        <v>8366531</v>
      </c>
      <c r="HV26" s="114">
        <v>5615244</v>
      </c>
      <c r="HW26" s="114">
        <v>2941273</v>
      </c>
      <c r="HX26" s="112">
        <v>41357581</v>
      </c>
      <c r="HY26" s="116">
        <v>44370262</v>
      </c>
      <c r="HZ26" s="150">
        <v>0</v>
      </c>
      <c r="IA26" s="135">
        <v>0</v>
      </c>
      <c r="IB26" s="150">
        <v>0</v>
      </c>
      <c r="IC26" s="134">
        <v>0</v>
      </c>
      <c r="ID26" s="135">
        <v>14535739</v>
      </c>
      <c r="IE26" s="136">
        <v>23159316</v>
      </c>
      <c r="IF26" s="137">
        <v>20620819</v>
      </c>
      <c r="IG26" s="135">
        <v>11112593</v>
      </c>
      <c r="IH26" s="137">
        <v>9210979</v>
      </c>
      <c r="II26" s="138">
        <v>78639446</v>
      </c>
      <c r="IJ26" s="150">
        <v>78639446</v>
      </c>
      <c r="IK26" s="232">
        <v>0</v>
      </c>
      <c r="IL26" s="236">
        <v>0</v>
      </c>
      <c r="IM26" s="237">
        <v>0</v>
      </c>
      <c r="IN26" s="140">
        <v>0</v>
      </c>
      <c r="IO26" s="119">
        <v>154521</v>
      </c>
      <c r="IP26" s="119">
        <v>636128</v>
      </c>
      <c r="IQ26" s="119">
        <v>214055</v>
      </c>
      <c r="IR26" s="119">
        <v>1151358</v>
      </c>
      <c r="IS26" s="119">
        <v>0</v>
      </c>
      <c r="IT26" s="141">
        <v>2156062</v>
      </c>
      <c r="IU26" s="320">
        <v>2156062</v>
      </c>
      <c r="IV26" s="142">
        <v>0</v>
      </c>
      <c r="IW26" s="119">
        <v>0</v>
      </c>
      <c r="IX26" s="120">
        <v>0</v>
      </c>
      <c r="IY26" s="144">
        <v>0</v>
      </c>
      <c r="IZ26" s="119">
        <v>0</v>
      </c>
      <c r="JA26" s="119">
        <v>0</v>
      </c>
      <c r="JB26" s="119">
        <v>0</v>
      </c>
      <c r="JC26" s="119">
        <v>0</v>
      </c>
      <c r="JD26" s="119">
        <v>0</v>
      </c>
      <c r="JE26" s="120">
        <v>0</v>
      </c>
      <c r="JF26" s="121">
        <v>0</v>
      </c>
      <c r="JG26" s="142">
        <v>0</v>
      </c>
      <c r="JH26" s="119">
        <v>0</v>
      </c>
      <c r="JI26" s="141">
        <v>0</v>
      </c>
      <c r="JJ26" s="118">
        <v>0</v>
      </c>
      <c r="JK26" s="119">
        <v>8142380</v>
      </c>
      <c r="JL26" s="119">
        <v>12268863</v>
      </c>
      <c r="JM26" s="119">
        <v>7551306</v>
      </c>
      <c r="JN26" s="119">
        <v>2981794</v>
      </c>
      <c r="JO26" s="119">
        <v>2558811</v>
      </c>
      <c r="JP26" s="120">
        <v>33503154</v>
      </c>
      <c r="JQ26" s="320">
        <v>33503154</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813919</v>
      </c>
      <c r="KH26" s="119">
        <v>869041</v>
      </c>
      <c r="KI26" s="119">
        <v>2952723</v>
      </c>
      <c r="KJ26" s="119">
        <v>2637915</v>
      </c>
      <c r="KK26" s="119">
        <v>917224</v>
      </c>
      <c r="KL26" s="120">
        <v>8190822</v>
      </c>
      <c r="KM26" s="143">
        <v>8190822</v>
      </c>
      <c r="KN26" s="232">
        <v>0</v>
      </c>
      <c r="KO26" s="236">
        <v>0</v>
      </c>
      <c r="KP26" s="237">
        <v>0</v>
      </c>
      <c r="KQ26" s="140"/>
      <c r="KR26" s="119">
        <v>5139785</v>
      </c>
      <c r="KS26" s="119">
        <v>8995136</v>
      </c>
      <c r="KT26" s="119">
        <v>9686333</v>
      </c>
      <c r="KU26" s="119">
        <v>4037041</v>
      </c>
      <c r="KV26" s="119">
        <v>3332431</v>
      </c>
      <c r="KW26" s="120">
        <v>31190726</v>
      </c>
      <c r="KX26" s="320">
        <v>31190726</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285134</v>
      </c>
      <c r="LZ26" s="119">
        <v>390148</v>
      </c>
      <c r="MA26" s="119">
        <v>216402</v>
      </c>
      <c r="MB26" s="119">
        <v>304485</v>
      </c>
      <c r="MC26" s="119">
        <v>2402513</v>
      </c>
      <c r="MD26" s="120">
        <v>3598682</v>
      </c>
      <c r="ME26" s="121">
        <v>3598682</v>
      </c>
      <c r="MF26" s="142">
        <v>0</v>
      </c>
      <c r="MG26" s="119">
        <v>0</v>
      </c>
      <c r="MH26" s="120">
        <v>0</v>
      </c>
      <c r="MI26" s="145"/>
      <c r="MJ26" s="119">
        <v>3574927</v>
      </c>
      <c r="MK26" s="119">
        <v>10817931</v>
      </c>
      <c r="ML26" s="119">
        <v>52980995</v>
      </c>
      <c r="MM26" s="119">
        <v>61554751</v>
      </c>
      <c r="MN26" s="119">
        <v>51989972</v>
      </c>
      <c r="MO26" s="120">
        <v>180918576</v>
      </c>
      <c r="MP26" s="143">
        <v>180918576</v>
      </c>
      <c r="MQ26" s="142">
        <v>0</v>
      </c>
      <c r="MR26" s="119">
        <v>0</v>
      </c>
      <c r="MS26" s="120">
        <v>0</v>
      </c>
      <c r="MT26" s="145"/>
      <c r="MU26" s="119">
        <v>201322</v>
      </c>
      <c r="MV26" s="119">
        <v>3681144</v>
      </c>
      <c r="MW26" s="119">
        <v>44538776</v>
      </c>
      <c r="MX26" s="119">
        <v>46367986</v>
      </c>
      <c r="MY26" s="119">
        <v>41167463</v>
      </c>
      <c r="MZ26" s="120">
        <v>135956691</v>
      </c>
      <c r="NA26" s="143">
        <v>135956691</v>
      </c>
      <c r="NB26" s="142">
        <v>0</v>
      </c>
      <c r="NC26" s="119">
        <v>0</v>
      </c>
      <c r="ND26" s="120">
        <v>0</v>
      </c>
      <c r="NE26" s="145"/>
      <c r="NF26" s="119">
        <v>3373605</v>
      </c>
      <c r="NG26" s="119">
        <v>7136787</v>
      </c>
      <c r="NH26" s="119">
        <v>7709263</v>
      </c>
      <c r="NI26" s="119">
        <v>11760187</v>
      </c>
      <c r="NJ26" s="119">
        <v>5930731</v>
      </c>
      <c r="NK26" s="120">
        <v>35910573</v>
      </c>
      <c r="NL26" s="320">
        <v>35910573</v>
      </c>
      <c r="NM26" s="142">
        <v>0</v>
      </c>
      <c r="NN26" s="119">
        <v>0</v>
      </c>
      <c r="NO26" s="120">
        <v>0</v>
      </c>
      <c r="NP26" s="145">
        <v>0</v>
      </c>
      <c r="NQ26" s="119">
        <v>0</v>
      </c>
      <c r="NR26" s="119">
        <v>0</v>
      </c>
      <c r="NS26" s="119">
        <v>350395</v>
      </c>
      <c r="NT26" s="119">
        <v>411200</v>
      </c>
      <c r="NU26" s="119">
        <v>342593</v>
      </c>
      <c r="NV26" s="120">
        <v>1104188</v>
      </c>
      <c r="NW26" s="121">
        <v>1104188</v>
      </c>
      <c r="NX26" s="142">
        <v>0</v>
      </c>
      <c r="NY26" s="119">
        <v>0</v>
      </c>
      <c r="NZ26" s="120">
        <v>0</v>
      </c>
      <c r="OA26" s="145"/>
      <c r="OB26" s="119">
        <v>0</v>
      </c>
      <c r="OC26" s="119">
        <v>0</v>
      </c>
      <c r="OD26" s="119">
        <v>382561</v>
      </c>
      <c r="OE26" s="119">
        <v>3015378</v>
      </c>
      <c r="OF26" s="119">
        <v>4549185</v>
      </c>
      <c r="OG26" s="120">
        <v>7947124</v>
      </c>
      <c r="OH26" s="121">
        <v>7947124</v>
      </c>
      <c r="OI26" s="142">
        <v>5675271</v>
      </c>
      <c r="OJ26" s="119">
        <v>11014815</v>
      </c>
      <c r="OK26" s="141">
        <v>16690086</v>
      </c>
      <c r="OL26" s="118">
        <v>0</v>
      </c>
      <c r="OM26" s="119">
        <v>81907000</v>
      </c>
      <c r="ON26" s="119">
        <v>140525194</v>
      </c>
      <c r="OO26" s="119">
        <v>167077987</v>
      </c>
      <c r="OP26" s="119">
        <v>147350232</v>
      </c>
      <c r="OQ26" s="119">
        <v>116701585</v>
      </c>
      <c r="OR26" s="120">
        <v>653561998</v>
      </c>
      <c r="OS26" s="143">
        <v>670252084</v>
      </c>
    </row>
    <row r="27" spans="2:409" ht="21" customHeight="1" x14ac:dyDescent="0.2">
      <c r="B27" s="62" t="s">
        <v>22</v>
      </c>
      <c r="C27" s="110">
        <v>1149574</v>
      </c>
      <c r="D27" s="114">
        <v>2928455</v>
      </c>
      <c r="E27" s="113">
        <v>4078029</v>
      </c>
      <c r="F27" s="109">
        <v>0</v>
      </c>
      <c r="G27" s="114">
        <v>24708029</v>
      </c>
      <c r="H27" s="114">
        <v>31642094</v>
      </c>
      <c r="I27" s="114">
        <v>23012869</v>
      </c>
      <c r="J27" s="114">
        <v>20674808</v>
      </c>
      <c r="K27" s="114">
        <v>17455076</v>
      </c>
      <c r="L27" s="173">
        <v>117492876</v>
      </c>
      <c r="M27" s="116">
        <v>121570905</v>
      </c>
      <c r="N27" s="110">
        <v>105416</v>
      </c>
      <c r="O27" s="114">
        <v>430802</v>
      </c>
      <c r="P27" s="113">
        <v>536218</v>
      </c>
      <c r="Q27" s="110">
        <v>0</v>
      </c>
      <c r="R27" s="114">
        <v>4676982</v>
      </c>
      <c r="S27" s="114">
        <v>7998619</v>
      </c>
      <c r="T27" s="114">
        <v>4398979</v>
      </c>
      <c r="U27" s="114">
        <v>7338015</v>
      </c>
      <c r="V27" s="114">
        <v>9441778</v>
      </c>
      <c r="W27" s="113">
        <v>33854373</v>
      </c>
      <c r="X27" s="116">
        <v>34390591</v>
      </c>
      <c r="Y27" s="110">
        <v>0</v>
      </c>
      <c r="Z27" s="114">
        <v>0</v>
      </c>
      <c r="AA27" s="113">
        <v>0</v>
      </c>
      <c r="AB27" s="110">
        <v>0</v>
      </c>
      <c r="AC27" s="114">
        <v>1827920</v>
      </c>
      <c r="AD27" s="114">
        <v>3569940</v>
      </c>
      <c r="AE27" s="114">
        <v>2226679</v>
      </c>
      <c r="AF27" s="114">
        <v>4467436</v>
      </c>
      <c r="AG27" s="114">
        <v>5690357</v>
      </c>
      <c r="AH27" s="113">
        <v>17782332</v>
      </c>
      <c r="AI27" s="116">
        <v>17782332</v>
      </c>
      <c r="AJ27" s="110">
        <v>0</v>
      </c>
      <c r="AK27" s="114">
        <v>0</v>
      </c>
      <c r="AL27" s="113">
        <v>0</v>
      </c>
      <c r="AM27" s="110">
        <v>0</v>
      </c>
      <c r="AN27" s="114">
        <v>36504</v>
      </c>
      <c r="AO27" s="114">
        <v>85176</v>
      </c>
      <c r="AP27" s="114">
        <v>100018</v>
      </c>
      <c r="AQ27" s="114">
        <v>569149</v>
      </c>
      <c r="AR27" s="114">
        <v>1446117</v>
      </c>
      <c r="AS27" s="113">
        <v>2236964</v>
      </c>
      <c r="AT27" s="116">
        <v>2236964</v>
      </c>
      <c r="AU27" s="110">
        <v>57572</v>
      </c>
      <c r="AV27" s="114">
        <v>276632</v>
      </c>
      <c r="AW27" s="113">
        <v>334204</v>
      </c>
      <c r="AX27" s="110">
        <v>0</v>
      </c>
      <c r="AY27" s="114">
        <v>1631365</v>
      </c>
      <c r="AZ27" s="114">
        <v>2651218</v>
      </c>
      <c r="BA27" s="114">
        <v>947336</v>
      </c>
      <c r="BB27" s="114">
        <v>1523881</v>
      </c>
      <c r="BC27" s="114">
        <v>1738993</v>
      </c>
      <c r="BD27" s="113">
        <v>8492793</v>
      </c>
      <c r="BE27" s="116">
        <v>8826997</v>
      </c>
      <c r="BF27" s="110">
        <v>0</v>
      </c>
      <c r="BG27" s="114">
        <v>77679</v>
      </c>
      <c r="BH27" s="112">
        <v>77679</v>
      </c>
      <c r="BI27" s="111">
        <v>0</v>
      </c>
      <c r="BJ27" s="114">
        <v>295714</v>
      </c>
      <c r="BK27" s="114">
        <v>646324</v>
      </c>
      <c r="BL27" s="114">
        <v>298119</v>
      </c>
      <c r="BM27" s="114">
        <v>113553</v>
      </c>
      <c r="BN27" s="114">
        <v>119668</v>
      </c>
      <c r="BO27" s="113">
        <v>1473378</v>
      </c>
      <c r="BP27" s="116">
        <v>1551057</v>
      </c>
      <c r="BQ27" s="110">
        <v>47844</v>
      </c>
      <c r="BR27" s="114">
        <v>76491</v>
      </c>
      <c r="BS27" s="113">
        <v>124335</v>
      </c>
      <c r="BT27" s="110">
        <v>0</v>
      </c>
      <c r="BU27" s="114">
        <v>885479</v>
      </c>
      <c r="BV27" s="114">
        <v>1045961</v>
      </c>
      <c r="BW27" s="114">
        <v>826827</v>
      </c>
      <c r="BX27" s="114">
        <v>663996</v>
      </c>
      <c r="BY27" s="114">
        <v>446643</v>
      </c>
      <c r="BZ27" s="113">
        <v>3868906</v>
      </c>
      <c r="CA27" s="116">
        <v>3993241</v>
      </c>
      <c r="CB27" s="110">
        <v>23186</v>
      </c>
      <c r="CC27" s="114">
        <v>173443</v>
      </c>
      <c r="CD27" s="113">
        <v>196629</v>
      </c>
      <c r="CE27" s="110">
        <v>0</v>
      </c>
      <c r="CF27" s="114">
        <v>7800166</v>
      </c>
      <c r="CG27" s="114">
        <v>8547187</v>
      </c>
      <c r="CH27" s="114">
        <v>5227881</v>
      </c>
      <c r="CI27" s="114">
        <v>3380934</v>
      </c>
      <c r="CJ27" s="114">
        <v>2177434</v>
      </c>
      <c r="CK27" s="113">
        <v>27133602</v>
      </c>
      <c r="CL27" s="116">
        <v>27330231</v>
      </c>
      <c r="CM27" s="110">
        <v>0</v>
      </c>
      <c r="CN27" s="114">
        <v>0</v>
      </c>
      <c r="CO27" s="113">
        <v>0</v>
      </c>
      <c r="CP27" s="111">
        <v>0</v>
      </c>
      <c r="CQ27" s="114">
        <v>7119568</v>
      </c>
      <c r="CR27" s="114">
        <v>7959382</v>
      </c>
      <c r="CS27" s="114">
        <v>4339108</v>
      </c>
      <c r="CT27" s="114">
        <v>2833871</v>
      </c>
      <c r="CU27" s="114">
        <v>2110663</v>
      </c>
      <c r="CV27" s="113">
        <v>24362592</v>
      </c>
      <c r="CW27" s="116">
        <v>24362592</v>
      </c>
      <c r="CX27" s="110">
        <v>23186</v>
      </c>
      <c r="CY27" s="114">
        <v>173443</v>
      </c>
      <c r="CZ27" s="113">
        <v>196629</v>
      </c>
      <c r="DA27" s="110">
        <v>0</v>
      </c>
      <c r="DB27" s="114">
        <v>680598</v>
      </c>
      <c r="DC27" s="114">
        <v>587805</v>
      </c>
      <c r="DD27" s="114">
        <v>888773</v>
      </c>
      <c r="DE27" s="114">
        <v>547063</v>
      </c>
      <c r="DF27" s="114">
        <v>66771</v>
      </c>
      <c r="DG27" s="113">
        <v>2771010</v>
      </c>
      <c r="DH27" s="116">
        <v>2967639</v>
      </c>
      <c r="DI27" s="110">
        <v>0</v>
      </c>
      <c r="DJ27" s="114">
        <v>142716</v>
      </c>
      <c r="DK27" s="112">
        <v>142716</v>
      </c>
      <c r="DL27" s="111">
        <v>0</v>
      </c>
      <c r="DM27" s="114">
        <v>694067</v>
      </c>
      <c r="DN27" s="114">
        <v>2247870</v>
      </c>
      <c r="DO27" s="114">
        <v>4045811</v>
      </c>
      <c r="DP27" s="114">
        <v>2072661</v>
      </c>
      <c r="DQ27" s="114">
        <v>893529</v>
      </c>
      <c r="DR27" s="113">
        <v>9953938</v>
      </c>
      <c r="DS27" s="116">
        <v>10096654</v>
      </c>
      <c r="DT27" s="110">
        <v>0</v>
      </c>
      <c r="DU27" s="114">
        <v>142716</v>
      </c>
      <c r="DV27" s="113">
        <v>142716</v>
      </c>
      <c r="DW27" s="110">
        <v>0</v>
      </c>
      <c r="DX27" s="114">
        <v>694067</v>
      </c>
      <c r="DY27" s="114">
        <v>2163511</v>
      </c>
      <c r="DZ27" s="114">
        <v>3900907</v>
      </c>
      <c r="EA27" s="114">
        <v>2021262</v>
      </c>
      <c r="EB27" s="114">
        <v>893529</v>
      </c>
      <c r="EC27" s="113">
        <v>9673276</v>
      </c>
      <c r="ED27" s="116">
        <v>9815992</v>
      </c>
      <c r="EE27" s="110">
        <v>0</v>
      </c>
      <c r="EF27" s="112">
        <v>0</v>
      </c>
      <c r="EG27" s="113">
        <v>0</v>
      </c>
      <c r="EH27" s="110">
        <v>0</v>
      </c>
      <c r="EI27" s="114">
        <v>0</v>
      </c>
      <c r="EJ27" s="114">
        <v>84359</v>
      </c>
      <c r="EK27" s="114">
        <v>144904</v>
      </c>
      <c r="EL27" s="114">
        <v>51399</v>
      </c>
      <c r="EM27" s="114">
        <v>0</v>
      </c>
      <c r="EN27" s="112">
        <v>280662</v>
      </c>
      <c r="EO27" s="116">
        <v>280662</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427038</v>
      </c>
      <c r="FM27" s="114">
        <v>1105376</v>
      </c>
      <c r="FN27" s="113">
        <v>1532414</v>
      </c>
      <c r="FO27" s="110">
        <v>0</v>
      </c>
      <c r="FP27" s="114">
        <v>1654666</v>
      </c>
      <c r="FQ27" s="114">
        <v>3567476</v>
      </c>
      <c r="FR27" s="114">
        <v>1929117</v>
      </c>
      <c r="FS27" s="114">
        <v>1582955</v>
      </c>
      <c r="FT27" s="114">
        <v>1569920</v>
      </c>
      <c r="FU27" s="113">
        <v>10304134</v>
      </c>
      <c r="FV27" s="116">
        <v>11836548</v>
      </c>
      <c r="FW27" s="115">
        <v>236752</v>
      </c>
      <c r="FX27" s="114">
        <v>879287</v>
      </c>
      <c r="FY27" s="112">
        <v>1116039</v>
      </c>
      <c r="FZ27" s="111">
        <v>0</v>
      </c>
      <c r="GA27" s="114">
        <v>1391155</v>
      </c>
      <c r="GB27" s="114">
        <v>3058020</v>
      </c>
      <c r="GC27" s="114">
        <v>1847343</v>
      </c>
      <c r="GD27" s="114">
        <v>1492955</v>
      </c>
      <c r="GE27" s="114">
        <v>1556852</v>
      </c>
      <c r="GF27" s="113">
        <v>9346325</v>
      </c>
      <c r="GG27" s="318">
        <v>10462364</v>
      </c>
      <c r="GH27" s="115">
        <v>0</v>
      </c>
      <c r="GI27" s="114">
        <v>50760</v>
      </c>
      <c r="GJ27" s="112">
        <v>50760</v>
      </c>
      <c r="GK27" s="111">
        <v>0</v>
      </c>
      <c r="GL27" s="114">
        <v>187911</v>
      </c>
      <c r="GM27" s="114">
        <v>10890</v>
      </c>
      <c r="GN27" s="114">
        <v>26730</v>
      </c>
      <c r="GO27" s="114">
        <v>90000</v>
      </c>
      <c r="GP27" s="114">
        <v>13068</v>
      </c>
      <c r="GQ27" s="113">
        <v>328599</v>
      </c>
      <c r="GR27" s="116">
        <v>379359</v>
      </c>
      <c r="GS27" s="110">
        <v>190286</v>
      </c>
      <c r="GT27" s="114">
        <v>175329</v>
      </c>
      <c r="GU27" s="113">
        <v>365615</v>
      </c>
      <c r="GV27" s="110">
        <v>0</v>
      </c>
      <c r="GW27" s="114">
        <v>75600</v>
      </c>
      <c r="GX27" s="114">
        <v>498566</v>
      </c>
      <c r="GY27" s="114">
        <v>55044</v>
      </c>
      <c r="GZ27" s="114">
        <v>0</v>
      </c>
      <c r="HA27" s="114">
        <v>0</v>
      </c>
      <c r="HB27" s="112">
        <v>629210</v>
      </c>
      <c r="HC27" s="116">
        <v>994825</v>
      </c>
      <c r="HD27" s="110">
        <v>358794</v>
      </c>
      <c r="HE27" s="114">
        <v>387546</v>
      </c>
      <c r="HF27" s="112">
        <v>746340</v>
      </c>
      <c r="HG27" s="111">
        <v>0</v>
      </c>
      <c r="HH27" s="114">
        <v>5097145</v>
      </c>
      <c r="HI27" s="114">
        <v>4708387</v>
      </c>
      <c r="HJ27" s="114">
        <v>5080008</v>
      </c>
      <c r="HK27" s="114">
        <v>4650367</v>
      </c>
      <c r="HL27" s="114">
        <v>2113018</v>
      </c>
      <c r="HM27" s="113">
        <v>21648925</v>
      </c>
      <c r="HN27" s="109">
        <v>22395265</v>
      </c>
      <c r="HO27" s="115">
        <v>235140</v>
      </c>
      <c r="HP27" s="114">
        <v>688572</v>
      </c>
      <c r="HQ27" s="113">
        <v>923712</v>
      </c>
      <c r="HR27" s="110">
        <v>0</v>
      </c>
      <c r="HS27" s="114">
        <v>4785003</v>
      </c>
      <c r="HT27" s="114">
        <v>4572555</v>
      </c>
      <c r="HU27" s="114">
        <v>2331073</v>
      </c>
      <c r="HV27" s="114">
        <v>1649876</v>
      </c>
      <c r="HW27" s="114">
        <v>1259397</v>
      </c>
      <c r="HX27" s="112">
        <v>14597904</v>
      </c>
      <c r="HY27" s="116">
        <v>15521616</v>
      </c>
      <c r="HZ27" s="131">
        <v>113619</v>
      </c>
      <c r="IA27" s="132">
        <v>394926</v>
      </c>
      <c r="IB27" s="133">
        <v>508545</v>
      </c>
      <c r="IC27" s="146">
        <v>0</v>
      </c>
      <c r="ID27" s="132">
        <v>11773302</v>
      </c>
      <c r="IE27" s="147">
        <v>15598634</v>
      </c>
      <c r="IF27" s="133">
        <v>12160764</v>
      </c>
      <c r="IG27" s="132">
        <v>12361550</v>
      </c>
      <c r="IH27" s="133">
        <v>5507262</v>
      </c>
      <c r="II27" s="148">
        <v>57401512</v>
      </c>
      <c r="IJ27" s="139">
        <v>57910057</v>
      </c>
      <c r="IK27" s="232">
        <v>0</v>
      </c>
      <c r="IL27" s="236">
        <v>0</v>
      </c>
      <c r="IM27" s="237">
        <v>0</v>
      </c>
      <c r="IN27" s="140">
        <v>0</v>
      </c>
      <c r="IO27" s="119">
        <v>155190</v>
      </c>
      <c r="IP27" s="119">
        <v>526353</v>
      </c>
      <c r="IQ27" s="119">
        <v>842112</v>
      </c>
      <c r="IR27" s="119">
        <v>219240</v>
      </c>
      <c r="IS27" s="119">
        <v>0</v>
      </c>
      <c r="IT27" s="141">
        <v>1742895</v>
      </c>
      <c r="IU27" s="320">
        <v>1742895</v>
      </c>
      <c r="IV27" s="142">
        <v>0</v>
      </c>
      <c r="IW27" s="119">
        <v>0</v>
      </c>
      <c r="IX27" s="120">
        <v>0</v>
      </c>
      <c r="IY27" s="144">
        <v>0</v>
      </c>
      <c r="IZ27" s="119">
        <v>0</v>
      </c>
      <c r="JA27" s="119">
        <v>0</v>
      </c>
      <c r="JB27" s="119">
        <v>0</v>
      </c>
      <c r="JC27" s="119">
        <v>0</v>
      </c>
      <c r="JD27" s="119">
        <v>0</v>
      </c>
      <c r="JE27" s="120">
        <v>0</v>
      </c>
      <c r="JF27" s="121">
        <v>0</v>
      </c>
      <c r="JG27" s="142">
        <v>0</v>
      </c>
      <c r="JH27" s="119">
        <v>0</v>
      </c>
      <c r="JI27" s="141">
        <v>0</v>
      </c>
      <c r="JJ27" s="118">
        <v>0</v>
      </c>
      <c r="JK27" s="119">
        <v>6270307</v>
      </c>
      <c r="JL27" s="119">
        <v>7081015</v>
      </c>
      <c r="JM27" s="119">
        <v>3308142</v>
      </c>
      <c r="JN27" s="119">
        <v>2492463</v>
      </c>
      <c r="JO27" s="119">
        <v>1188882</v>
      </c>
      <c r="JP27" s="120">
        <v>20340809</v>
      </c>
      <c r="JQ27" s="320">
        <v>20340809</v>
      </c>
      <c r="JR27" s="142">
        <v>0</v>
      </c>
      <c r="JS27" s="119">
        <v>0</v>
      </c>
      <c r="JT27" s="141">
        <v>0</v>
      </c>
      <c r="JU27" s="118">
        <v>0</v>
      </c>
      <c r="JV27" s="119">
        <v>393751</v>
      </c>
      <c r="JW27" s="119">
        <v>505818</v>
      </c>
      <c r="JX27" s="119">
        <v>645662</v>
      </c>
      <c r="JY27" s="119">
        <v>538878</v>
      </c>
      <c r="JZ27" s="119">
        <v>249192</v>
      </c>
      <c r="KA27" s="120">
        <v>2333301</v>
      </c>
      <c r="KB27" s="320">
        <v>2333301</v>
      </c>
      <c r="KC27" s="234">
        <v>113619</v>
      </c>
      <c r="KD27" s="230">
        <v>394926</v>
      </c>
      <c r="KE27" s="120">
        <v>508545</v>
      </c>
      <c r="KF27" s="118">
        <v>0</v>
      </c>
      <c r="KG27" s="119">
        <v>1814691</v>
      </c>
      <c r="KH27" s="119">
        <v>2947601</v>
      </c>
      <c r="KI27" s="119">
        <v>3025107</v>
      </c>
      <c r="KJ27" s="119">
        <v>2531097</v>
      </c>
      <c r="KK27" s="119">
        <v>1119771</v>
      </c>
      <c r="KL27" s="120">
        <v>11438267</v>
      </c>
      <c r="KM27" s="143">
        <v>11946812</v>
      </c>
      <c r="KN27" s="232">
        <v>0</v>
      </c>
      <c r="KO27" s="236">
        <v>0</v>
      </c>
      <c r="KP27" s="237">
        <v>0</v>
      </c>
      <c r="KQ27" s="140"/>
      <c r="KR27" s="119">
        <v>3139363</v>
      </c>
      <c r="KS27" s="119">
        <v>4537847</v>
      </c>
      <c r="KT27" s="119">
        <v>3068716</v>
      </c>
      <c r="KU27" s="119">
        <v>1618137</v>
      </c>
      <c r="KV27" s="119">
        <v>824931</v>
      </c>
      <c r="KW27" s="120">
        <v>13188994</v>
      </c>
      <c r="KX27" s="320">
        <v>13188994</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1271025</v>
      </c>
      <c r="LQ27" s="119">
        <v>4961735</v>
      </c>
      <c r="LR27" s="119">
        <v>2124486</v>
      </c>
      <c r="LS27" s="120">
        <v>8357246</v>
      </c>
      <c r="LT27" s="320">
        <v>835724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3279437</v>
      </c>
      <c r="MK27" s="119">
        <v>8582997</v>
      </c>
      <c r="ML27" s="119">
        <v>20955774</v>
      </c>
      <c r="MM27" s="119">
        <v>31614867</v>
      </c>
      <c r="MN27" s="119">
        <v>20026414</v>
      </c>
      <c r="MO27" s="120">
        <v>84459489</v>
      </c>
      <c r="MP27" s="143">
        <v>84459489</v>
      </c>
      <c r="MQ27" s="142">
        <v>0</v>
      </c>
      <c r="MR27" s="119">
        <v>0</v>
      </c>
      <c r="MS27" s="120">
        <v>0</v>
      </c>
      <c r="MT27" s="145"/>
      <c r="MU27" s="119">
        <v>456610</v>
      </c>
      <c r="MV27" s="119">
        <v>415980</v>
      </c>
      <c r="MW27" s="119">
        <v>11919339</v>
      </c>
      <c r="MX27" s="119">
        <v>16532800</v>
      </c>
      <c r="MY27" s="119">
        <v>9872717</v>
      </c>
      <c r="MZ27" s="120">
        <v>39197446</v>
      </c>
      <c r="NA27" s="143">
        <v>39197446</v>
      </c>
      <c r="NB27" s="142">
        <v>0</v>
      </c>
      <c r="NC27" s="119">
        <v>0</v>
      </c>
      <c r="ND27" s="120">
        <v>0</v>
      </c>
      <c r="NE27" s="145"/>
      <c r="NF27" s="119">
        <v>2822827</v>
      </c>
      <c r="NG27" s="119">
        <v>8167017</v>
      </c>
      <c r="NH27" s="119">
        <v>9036435</v>
      </c>
      <c r="NI27" s="119">
        <v>13601350</v>
      </c>
      <c r="NJ27" s="119">
        <v>8596440</v>
      </c>
      <c r="NK27" s="120">
        <v>42224069</v>
      </c>
      <c r="NL27" s="320">
        <v>42224069</v>
      </c>
      <c r="NM27" s="142">
        <v>0</v>
      </c>
      <c r="NN27" s="119">
        <v>0</v>
      </c>
      <c r="NO27" s="120">
        <v>0</v>
      </c>
      <c r="NP27" s="145">
        <v>0</v>
      </c>
      <c r="NQ27" s="119">
        <v>0</v>
      </c>
      <c r="NR27" s="119">
        <v>0</v>
      </c>
      <c r="NS27" s="119">
        <v>0</v>
      </c>
      <c r="NT27" s="119">
        <v>0</v>
      </c>
      <c r="NU27" s="119">
        <v>807699</v>
      </c>
      <c r="NV27" s="120">
        <v>807699</v>
      </c>
      <c r="NW27" s="121">
        <v>807699</v>
      </c>
      <c r="NX27" s="142">
        <v>0</v>
      </c>
      <c r="NY27" s="119">
        <v>0</v>
      </c>
      <c r="NZ27" s="120">
        <v>0</v>
      </c>
      <c r="OA27" s="145"/>
      <c r="OB27" s="119">
        <v>0</v>
      </c>
      <c r="OC27" s="119">
        <v>0</v>
      </c>
      <c r="OD27" s="119">
        <v>0</v>
      </c>
      <c r="OE27" s="119">
        <v>1480717</v>
      </c>
      <c r="OF27" s="119">
        <v>749558</v>
      </c>
      <c r="OG27" s="120">
        <v>2230275</v>
      </c>
      <c r="OH27" s="121">
        <v>2230275</v>
      </c>
      <c r="OI27" s="142">
        <v>1263193</v>
      </c>
      <c r="OJ27" s="119">
        <v>3323381</v>
      </c>
      <c r="OK27" s="141">
        <v>4586574</v>
      </c>
      <c r="OL27" s="118">
        <v>0</v>
      </c>
      <c r="OM27" s="119">
        <v>39760768</v>
      </c>
      <c r="ON27" s="119">
        <v>55823725</v>
      </c>
      <c r="OO27" s="119">
        <v>56129407</v>
      </c>
      <c r="OP27" s="119">
        <v>64651225</v>
      </c>
      <c r="OQ27" s="119">
        <v>42988752</v>
      </c>
      <c r="OR27" s="120">
        <v>259353877</v>
      </c>
      <c r="OS27" s="143">
        <v>263940451</v>
      </c>
    </row>
    <row r="28" spans="2:409" ht="21" customHeight="1" x14ac:dyDescent="0.2">
      <c r="B28" s="62" t="s">
        <v>23</v>
      </c>
      <c r="C28" s="110">
        <v>2739531</v>
      </c>
      <c r="D28" s="114">
        <v>6496696</v>
      </c>
      <c r="E28" s="113">
        <v>9236227</v>
      </c>
      <c r="F28" s="109">
        <v>0</v>
      </c>
      <c r="G28" s="114">
        <v>48969344</v>
      </c>
      <c r="H28" s="114">
        <v>61928010</v>
      </c>
      <c r="I28" s="114">
        <v>46220092</v>
      </c>
      <c r="J28" s="114">
        <v>49572078</v>
      </c>
      <c r="K28" s="114">
        <v>31551093</v>
      </c>
      <c r="L28" s="173">
        <v>238240617</v>
      </c>
      <c r="M28" s="116">
        <v>247476844</v>
      </c>
      <c r="N28" s="110">
        <v>1044815</v>
      </c>
      <c r="O28" s="114">
        <v>1814465</v>
      </c>
      <c r="P28" s="113">
        <v>2859280</v>
      </c>
      <c r="Q28" s="110">
        <v>0</v>
      </c>
      <c r="R28" s="114">
        <v>11597125</v>
      </c>
      <c r="S28" s="114">
        <v>16850021</v>
      </c>
      <c r="T28" s="114">
        <v>11354842</v>
      </c>
      <c r="U28" s="114">
        <v>13775887</v>
      </c>
      <c r="V28" s="114">
        <v>12347036</v>
      </c>
      <c r="W28" s="113">
        <v>65924911</v>
      </c>
      <c r="X28" s="116">
        <v>68784191</v>
      </c>
      <c r="Y28" s="110">
        <v>0</v>
      </c>
      <c r="Z28" s="114">
        <v>0</v>
      </c>
      <c r="AA28" s="113">
        <v>0</v>
      </c>
      <c r="AB28" s="110">
        <v>0</v>
      </c>
      <c r="AC28" s="114">
        <v>5237456</v>
      </c>
      <c r="AD28" s="114">
        <v>7743368</v>
      </c>
      <c r="AE28" s="114">
        <v>6327704</v>
      </c>
      <c r="AF28" s="114">
        <v>7079874</v>
      </c>
      <c r="AG28" s="114">
        <v>6708264</v>
      </c>
      <c r="AH28" s="113">
        <v>33096666</v>
      </c>
      <c r="AI28" s="116">
        <v>33096666</v>
      </c>
      <c r="AJ28" s="110">
        <v>0</v>
      </c>
      <c r="AK28" s="114">
        <v>0</v>
      </c>
      <c r="AL28" s="113">
        <v>0</v>
      </c>
      <c r="AM28" s="110">
        <v>0</v>
      </c>
      <c r="AN28" s="114">
        <v>57544</v>
      </c>
      <c r="AO28" s="114">
        <v>164140</v>
      </c>
      <c r="AP28" s="114">
        <v>373882</v>
      </c>
      <c r="AQ28" s="114">
        <v>713359</v>
      </c>
      <c r="AR28" s="114">
        <v>1083682</v>
      </c>
      <c r="AS28" s="113">
        <v>2392607</v>
      </c>
      <c r="AT28" s="116">
        <v>2392607</v>
      </c>
      <c r="AU28" s="110">
        <v>745956</v>
      </c>
      <c r="AV28" s="114">
        <v>1386443</v>
      </c>
      <c r="AW28" s="113">
        <v>2132399</v>
      </c>
      <c r="AX28" s="110">
        <v>0</v>
      </c>
      <c r="AY28" s="114">
        <v>3781276</v>
      </c>
      <c r="AZ28" s="114">
        <v>6175022</v>
      </c>
      <c r="BA28" s="114">
        <v>2398612</v>
      </c>
      <c r="BB28" s="114">
        <v>3137156</v>
      </c>
      <c r="BC28" s="114">
        <v>2783598</v>
      </c>
      <c r="BD28" s="113">
        <v>18275664</v>
      </c>
      <c r="BE28" s="116">
        <v>20408063</v>
      </c>
      <c r="BF28" s="110">
        <v>98815</v>
      </c>
      <c r="BG28" s="114">
        <v>247513</v>
      </c>
      <c r="BH28" s="112">
        <v>346328</v>
      </c>
      <c r="BI28" s="111">
        <v>0</v>
      </c>
      <c r="BJ28" s="114">
        <v>311751</v>
      </c>
      <c r="BK28" s="114">
        <v>805849</v>
      </c>
      <c r="BL28" s="114">
        <v>337507</v>
      </c>
      <c r="BM28" s="114">
        <v>302824</v>
      </c>
      <c r="BN28" s="114">
        <v>111182</v>
      </c>
      <c r="BO28" s="113">
        <v>1869113</v>
      </c>
      <c r="BP28" s="116">
        <v>2215441</v>
      </c>
      <c r="BQ28" s="110">
        <v>200044</v>
      </c>
      <c r="BR28" s="114">
        <v>180509</v>
      </c>
      <c r="BS28" s="113">
        <v>380553</v>
      </c>
      <c r="BT28" s="110">
        <v>0</v>
      </c>
      <c r="BU28" s="114">
        <v>2209098</v>
      </c>
      <c r="BV28" s="114">
        <v>1961642</v>
      </c>
      <c r="BW28" s="114">
        <v>1917137</v>
      </c>
      <c r="BX28" s="114">
        <v>2542674</v>
      </c>
      <c r="BY28" s="114">
        <v>1660310</v>
      </c>
      <c r="BZ28" s="113">
        <v>10290861</v>
      </c>
      <c r="CA28" s="116">
        <v>10671414</v>
      </c>
      <c r="CB28" s="110">
        <v>94172</v>
      </c>
      <c r="CC28" s="114">
        <v>364910</v>
      </c>
      <c r="CD28" s="113">
        <v>459082</v>
      </c>
      <c r="CE28" s="110">
        <v>0</v>
      </c>
      <c r="CF28" s="114">
        <v>17841727</v>
      </c>
      <c r="CG28" s="114">
        <v>21728015</v>
      </c>
      <c r="CH28" s="114">
        <v>14527291</v>
      </c>
      <c r="CI28" s="114">
        <v>11618132</v>
      </c>
      <c r="CJ28" s="114">
        <v>4038911</v>
      </c>
      <c r="CK28" s="113">
        <v>69754076</v>
      </c>
      <c r="CL28" s="116">
        <v>70213158</v>
      </c>
      <c r="CM28" s="110">
        <v>0</v>
      </c>
      <c r="CN28" s="114">
        <v>0</v>
      </c>
      <c r="CO28" s="113">
        <v>0</v>
      </c>
      <c r="CP28" s="111">
        <v>0</v>
      </c>
      <c r="CQ28" s="114">
        <v>15766805</v>
      </c>
      <c r="CR28" s="114">
        <v>17846789</v>
      </c>
      <c r="CS28" s="114">
        <v>10689005</v>
      </c>
      <c r="CT28" s="114">
        <v>9008507</v>
      </c>
      <c r="CU28" s="114">
        <v>3517400</v>
      </c>
      <c r="CV28" s="113">
        <v>56828506</v>
      </c>
      <c r="CW28" s="116">
        <v>56828506</v>
      </c>
      <c r="CX28" s="110">
        <v>94172</v>
      </c>
      <c r="CY28" s="114">
        <v>364910</v>
      </c>
      <c r="CZ28" s="113">
        <v>459082</v>
      </c>
      <c r="DA28" s="110">
        <v>0</v>
      </c>
      <c r="DB28" s="114">
        <v>2074922</v>
      </c>
      <c r="DC28" s="114">
        <v>3881226</v>
      </c>
      <c r="DD28" s="114">
        <v>3838286</v>
      </c>
      <c r="DE28" s="114">
        <v>2609625</v>
      </c>
      <c r="DF28" s="114">
        <v>521511</v>
      </c>
      <c r="DG28" s="113">
        <v>12925570</v>
      </c>
      <c r="DH28" s="116">
        <v>13384652</v>
      </c>
      <c r="DI28" s="110">
        <v>33327</v>
      </c>
      <c r="DJ28" s="114">
        <v>120384</v>
      </c>
      <c r="DK28" s="112">
        <v>153711</v>
      </c>
      <c r="DL28" s="111">
        <v>0</v>
      </c>
      <c r="DM28" s="114">
        <v>1300685</v>
      </c>
      <c r="DN28" s="114">
        <v>2805688</v>
      </c>
      <c r="DO28" s="114">
        <v>5026396</v>
      </c>
      <c r="DP28" s="114">
        <v>4499004</v>
      </c>
      <c r="DQ28" s="114">
        <v>2141122</v>
      </c>
      <c r="DR28" s="113">
        <v>15772895</v>
      </c>
      <c r="DS28" s="116">
        <v>15926606</v>
      </c>
      <c r="DT28" s="110">
        <v>33327</v>
      </c>
      <c r="DU28" s="114">
        <v>120384</v>
      </c>
      <c r="DV28" s="113">
        <v>153711</v>
      </c>
      <c r="DW28" s="110">
        <v>0</v>
      </c>
      <c r="DX28" s="114">
        <v>1271434</v>
      </c>
      <c r="DY28" s="114">
        <v>2667417</v>
      </c>
      <c r="DZ28" s="114">
        <v>4863474</v>
      </c>
      <c r="EA28" s="114">
        <v>4077763</v>
      </c>
      <c r="EB28" s="114">
        <v>1564278</v>
      </c>
      <c r="EC28" s="113">
        <v>14444366</v>
      </c>
      <c r="ED28" s="116">
        <v>14598077</v>
      </c>
      <c r="EE28" s="110">
        <v>0</v>
      </c>
      <c r="EF28" s="112">
        <v>0</v>
      </c>
      <c r="EG28" s="113">
        <v>0</v>
      </c>
      <c r="EH28" s="110">
        <v>0</v>
      </c>
      <c r="EI28" s="114">
        <v>29251</v>
      </c>
      <c r="EJ28" s="114">
        <v>138271</v>
      </c>
      <c r="EK28" s="114">
        <v>162922</v>
      </c>
      <c r="EL28" s="114">
        <v>421241</v>
      </c>
      <c r="EM28" s="114">
        <v>576844</v>
      </c>
      <c r="EN28" s="112">
        <v>1328529</v>
      </c>
      <c r="EO28" s="116">
        <v>1328529</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522584</v>
      </c>
      <c r="FM28" s="114">
        <v>2500031</v>
      </c>
      <c r="FN28" s="113">
        <v>3022615</v>
      </c>
      <c r="FO28" s="110">
        <v>0</v>
      </c>
      <c r="FP28" s="114">
        <v>2507017</v>
      </c>
      <c r="FQ28" s="114">
        <v>6150933</v>
      </c>
      <c r="FR28" s="114">
        <v>2567060</v>
      </c>
      <c r="FS28" s="114">
        <v>3766534</v>
      </c>
      <c r="FT28" s="114">
        <v>2093631</v>
      </c>
      <c r="FU28" s="113">
        <v>17085175</v>
      </c>
      <c r="FV28" s="116">
        <v>20107790</v>
      </c>
      <c r="FW28" s="115">
        <v>495584</v>
      </c>
      <c r="FX28" s="114">
        <v>1564042</v>
      </c>
      <c r="FY28" s="112">
        <v>2059626</v>
      </c>
      <c r="FZ28" s="111">
        <v>0</v>
      </c>
      <c r="GA28" s="114">
        <v>2272267</v>
      </c>
      <c r="GB28" s="114">
        <v>5732554</v>
      </c>
      <c r="GC28" s="114">
        <v>2461850</v>
      </c>
      <c r="GD28" s="114">
        <v>3439750</v>
      </c>
      <c r="GE28" s="114">
        <v>2087097</v>
      </c>
      <c r="GF28" s="113">
        <v>15993518</v>
      </c>
      <c r="GG28" s="318">
        <v>18053144</v>
      </c>
      <c r="GH28" s="115">
        <v>27000</v>
      </c>
      <c r="GI28" s="114">
        <v>135729</v>
      </c>
      <c r="GJ28" s="112">
        <v>162729</v>
      </c>
      <c r="GK28" s="111">
        <v>0</v>
      </c>
      <c r="GL28" s="114">
        <v>124860</v>
      </c>
      <c r="GM28" s="114">
        <v>114217</v>
      </c>
      <c r="GN28" s="114">
        <v>83610</v>
      </c>
      <c r="GO28" s="114">
        <v>200694</v>
      </c>
      <c r="GP28" s="114">
        <v>6534</v>
      </c>
      <c r="GQ28" s="113">
        <v>529915</v>
      </c>
      <c r="GR28" s="116">
        <v>692644</v>
      </c>
      <c r="GS28" s="110">
        <v>0</v>
      </c>
      <c r="GT28" s="114">
        <v>800260</v>
      </c>
      <c r="GU28" s="113">
        <v>800260</v>
      </c>
      <c r="GV28" s="110">
        <v>0</v>
      </c>
      <c r="GW28" s="114">
        <v>109890</v>
      </c>
      <c r="GX28" s="114">
        <v>304162</v>
      </c>
      <c r="GY28" s="114">
        <v>21600</v>
      </c>
      <c r="GZ28" s="114">
        <v>126090</v>
      </c>
      <c r="HA28" s="114">
        <v>0</v>
      </c>
      <c r="HB28" s="112">
        <v>561742</v>
      </c>
      <c r="HC28" s="116">
        <v>1362002</v>
      </c>
      <c r="HD28" s="110">
        <v>460359</v>
      </c>
      <c r="HE28" s="114">
        <v>475719</v>
      </c>
      <c r="HF28" s="112">
        <v>936078</v>
      </c>
      <c r="HG28" s="111">
        <v>0</v>
      </c>
      <c r="HH28" s="114">
        <v>7699006</v>
      </c>
      <c r="HI28" s="114">
        <v>6959642</v>
      </c>
      <c r="HJ28" s="114">
        <v>7311565</v>
      </c>
      <c r="HK28" s="114">
        <v>12249365</v>
      </c>
      <c r="HL28" s="114">
        <v>9210837</v>
      </c>
      <c r="HM28" s="113">
        <v>43430415</v>
      </c>
      <c r="HN28" s="109">
        <v>44366493</v>
      </c>
      <c r="HO28" s="115">
        <v>584274</v>
      </c>
      <c r="HP28" s="114">
        <v>1221187</v>
      </c>
      <c r="HQ28" s="113">
        <v>1805461</v>
      </c>
      <c r="HR28" s="110">
        <v>0</v>
      </c>
      <c r="HS28" s="114">
        <v>8023784</v>
      </c>
      <c r="HT28" s="114">
        <v>7433711</v>
      </c>
      <c r="HU28" s="114">
        <v>5432938</v>
      </c>
      <c r="HV28" s="114">
        <v>3663156</v>
      </c>
      <c r="HW28" s="114">
        <v>1719556</v>
      </c>
      <c r="HX28" s="112">
        <v>26273145</v>
      </c>
      <c r="HY28" s="116">
        <v>28078606</v>
      </c>
      <c r="HZ28" s="150">
        <v>0</v>
      </c>
      <c r="IA28" s="135">
        <v>241999</v>
      </c>
      <c r="IB28" s="150">
        <v>241999</v>
      </c>
      <c r="IC28" s="134">
        <v>0</v>
      </c>
      <c r="ID28" s="135">
        <v>10363064</v>
      </c>
      <c r="IE28" s="136">
        <v>7265073</v>
      </c>
      <c r="IF28" s="137">
        <v>8211392</v>
      </c>
      <c r="IG28" s="135">
        <v>5938370</v>
      </c>
      <c r="IH28" s="137">
        <v>3654544</v>
      </c>
      <c r="II28" s="138">
        <v>35432443</v>
      </c>
      <c r="IJ28" s="150">
        <v>35674442</v>
      </c>
      <c r="IK28" s="232">
        <v>0</v>
      </c>
      <c r="IL28" s="236">
        <v>0</v>
      </c>
      <c r="IM28" s="237">
        <v>0</v>
      </c>
      <c r="IN28" s="140">
        <v>0</v>
      </c>
      <c r="IO28" s="119">
        <v>78207</v>
      </c>
      <c r="IP28" s="119">
        <v>105389</v>
      </c>
      <c r="IQ28" s="119">
        <v>0</v>
      </c>
      <c r="IR28" s="119">
        <v>0</v>
      </c>
      <c r="IS28" s="119">
        <v>267732</v>
      </c>
      <c r="IT28" s="141">
        <v>451328</v>
      </c>
      <c r="IU28" s="320">
        <v>451328</v>
      </c>
      <c r="IV28" s="142">
        <v>0</v>
      </c>
      <c r="IW28" s="119">
        <v>0</v>
      </c>
      <c r="IX28" s="120">
        <v>0</v>
      </c>
      <c r="IY28" s="144">
        <v>0</v>
      </c>
      <c r="IZ28" s="119">
        <v>0</v>
      </c>
      <c r="JA28" s="119">
        <v>0</v>
      </c>
      <c r="JB28" s="119">
        <v>0</v>
      </c>
      <c r="JC28" s="119">
        <v>0</v>
      </c>
      <c r="JD28" s="119">
        <v>0</v>
      </c>
      <c r="JE28" s="120">
        <v>0</v>
      </c>
      <c r="JF28" s="121">
        <v>0</v>
      </c>
      <c r="JG28" s="142">
        <v>0</v>
      </c>
      <c r="JH28" s="119">
        <v>0</v>
      </c>
      <c r="JI28" s="141">
        <v>0</v>
      </c>
      <c r="JJ28" s="118">
        <v>0</v>
      </c>
      <c r="JK28" s="119">
        <v>2342258</v>
      </c>
      <c r="JL28" s="119">
        <v>2777900</v>
      </c>
      <c r="JM28" s="119">
        <v>1379323</v>
      </c>
      <c r="JN28" s="119">
        <v>1578529</v>
      </c>
      <c r="JO28" s="119">
        <v>990311</v>
      </c>
      <c r="JP28" s="120">
        <v>9068321</v>
      </c>
      <c r="JQ28" s="320">
        <v>9068321</v>
      </c>
      <c r="JR28" s="142">
        <v>0</v>
      </c>
      <c r="JS28" s="119">
        <v>0</v>
      </c>
      <c r="JT28" s="141">
        <v>0</v>
      </c>
      <c r="JU28" s="118">
        <v>0</v>
      </c>
      <c r="JV28" s="119">
        <v>0</v>
      </c>
      <c r="JW28" s="119">
        <v>80301</v>
      </c>
      <c r="JX28" s="119">
        <v>209521</v>
      </c>
      <c r="JY28" s="119">
        <v>297365</v>
      </c>
      <c r="JZ28" s="119">
        <v>0</v>
      </c>
      <c r="KA28" s="120">
        <v>587187</v>
      </c>
      <c r="KB28" s="320">
        <v>587187</v>
      </c>
      <c r="KC28" s="234">
        <v>0</v>
      </c>
      <c r="KD28" s="230">
        <v>0</v>
      </c>
      <c r="KE28" s="120">
        <v>0</v>
      </c>
      <c r="KF28" s="118">
        <v>0</v>
      </c>
      <c r="KG28" s="119">
        <v>639675</v>
      </c>
      <c r="KH28" s="119">
        <v>561827</v>
      </c>
      <c r="KI28" s="119">
        <v>1031876</v>
      </c>
      <c r="KJ28" s="119">
        <v>280163</v>
      </c>
      <c r="KK28" s="119">
        <v>307208</v>
      </c>
      <c r="KL28" s="120">
        <v>2820749</v>
      </c>
      <c r="KM28" s="143">
        <v>2820749</v>
      </c>
      <c r="KN28" s="232">
        <v>0</v>
      </c>
      <c r="KO28" s="236">
        <v>241999</v>
      </c>
      <c r="KP28" s="237">
        <v>241999</v>
      </c>
      <c r="KQ28" s="140"/>
      <c r="KR28" s="119">
        <v>7302924</v>
      </c>
      <c r="KS28" s="119">
        <v>3739656</v>
      </c>
      <c r="KT28" s="119">
        <v>5590672</v>
      </c>
      <c r="KU28" s="119">
        <v>3467250</v>
      </c>
      <c r="KV28" s="119">
        <v>2089293</v>
      </c>
      <c r="KW28" s="120">
        <v>22189795</v>
      </c>
      <c r="KX28" s="320">
        <v>22431794</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315063</v>
      </c>
      <c r="MC28" s="119">
        <v>0</v>
      </c>
      <c r="MD28" s="120">
        <v>315063</v>
      </c>
      <c r="ME28" s="121">
        <v>315063</v>
      </c>
      <c r="MF28" s="142">
        <v>0</v>
      </c>
      <c r="MG28" s="119">
        <v>0</v>
      </c>
      <c r="MH28" s="120">
        <v>0</v>
      </c>
      <c r="MI28" s="145"/>
      <c r="MJ28" s="119">
        <v>5203238</v>
      </c>
      <c r="MK28" s="119">
        <v>9975357</v>
      </c>
      <c r="ML28" s="119">
        <v>30929218</v>
      </c>
      <c r="MM28" s="119">
        <v>54150404</v>
      </c>
      <c r="MN28" s="119">
        <v>45496879</v>
      </c>
      <c r="MO28" s="120">
        <v>145755096</v>
      </c>
      <c r="MP28" s="143">
        <v>145755096</v>
      </c>
      <c r="MQ28" s="142">
        <v>0</v>
      </c>
      <c r="MR28" s="119">
        <v>0</v>
      </c>
      <c r="MS28" s="120">
        <v>0</v>
      </c>
      <c r="MT28" s="145"/>
      <c r="MU28" s="119">
        <v>866017</v>
      </c>
      <c r="MV28" s="119">
        <v>3189814</v>
      </c>
      <c r="MW28" s="119">
        <v>20405777</v>
      </c>
      <c r="MX28" s="119">
        <v>35436918</v>
      </c>
      <c r="MY28" s="119">
        <v>30445132</v>
      </c>
      <c r="MZ28" s="120">
        <v>90343658</v>
      </c>
      <c r="NA28" s="143">
        <v>90343658</v>
      </c>
      <c r="NB28" s="142">
        <v>0</v>
      </c>
      <c r="NC28" s="119">
        <v>0</v>
      </c>
      <c r="ND28" s="120">
        <v>0</v>
      </c>
      <c r="NE28" s="145"/>
      <c r="NF28" s="119">
        <v>4337221</v>
      </c>
      <c r="NG28" s="119">
        <v>6785543</v>
      </c>
      <c r="NH28" s="119">
        <v>10523441</v>
      </c>
      <c r="NI28" s="119">
        <v>17908263</v>
      </c>
      <c r="NJ28" s="119">
        <v>11141244</v>
      </c>
      <c r="NK28" s="120">
        <v>50695712</v>
      </c>
      <c r="NL28" s="320">
        <v>50695712</v>
      </c>
      <c r="NM28" s="142">
        <v>0</v>
      </c>
      <c r="NN28" s="119">
        <v>0</v>
      </c>
      <c r="NO28" s="120">
        <v>0</v>
      </c>
      <c r="NP28" s="145">
        <v>0</v>
      </c>
      <c r="NQ28" s="119">
        <v>0</v>
      </c>
      <c r="NR28" s="119">
        <v>0</v>
      </c>
      <c r="NS28" s="119">
        <v>0</v>
      </c>
      <c r="NT28" s="119">
        <v>0</v>
      </c>
      <c r="NU28" s="119">
        <v>720411</v>
      </c>
      <c r="NV28" s="120">
        <v>720411</v>
      </c>
      <c r="NW28" s="121">
        <v>720411</v>
      </c>
      <c r="NX28" s="142">
        <v>0</v>
      </c>
      <c r="NY28" s="119">
        <v>0</v>
      </c>
      <c r="NZ28" s="120">
        <v>0</v>
      </c>
      <c r="OA28" s="145"/>
      <c r="OB28" s="119">
        <v>0</v>
      </c>
      <c r="OC28" s="119">
        <v>0</v>
      </c>
      <c r="OD28" s="119">
        <v>0</v>
      </c>
      <c r="OE28" s="119">
        <v>805223</v>
      </c>
      <c r="OF28" s="119">
        <v>3190092</v>
      </c>
      <c r="OG28" s="120">
        <v>3995315</v>
      </c>
      <c r="OH28" s="121">
        <v>3995315</v>
      </c>
      <c r="OI28" s="142">
        <v>2739531</v>
      </c>
      <c r="OJ28" s="119">
        <v>6738695</v>
      </c>
      <c r="OK28" s="141">
        <v>9478226</v>
      </c>
      <c r="OL28" s="118">
        <v>0</v>
      </c>
      <c r="OM28" s="119">
        <v>64535646</v>
      </c>
      <c r="ON28" s="119">
        <v>79168440</v>
      </c>
      <c r="OO28" s="119">
        <v>85360702</v>
      </c>
      <c r="OP28" s="119">
        <v>109660852</v>
      </c>
      <c r="OQ28" s="119">
        <v>80702516</v>
      </c>
      <c r="OR28" s="120">
        <v>419428156</v>
      </c>
      <c r="OS28" s="143">
        <v>428906382</v>
      </c>
    </row>
    <row r="29" spans="2:409" ht="21" customHeight="1" x14ac:dyDescent="0.2">
      <c r="B29" s="62" t="s">
        <v>24</v>
      </c>
      <c r="C29" s="110">
        <v>2655340</v>
      </c>
      <c r="D29" s="114">
        <v>3161447</v>
      </c>
      <c r="E29" s="113">
        <v>5816787</v>
      </c>
      <c r="F29" s="109">
        <v>0</v>
      </c>
      <c r="G29" s="114">
        <v>26119599</v>
      </c>
      <c r="H29" s="114">
        <v>25814634</v>
      </c>
      <c r="I29" s="114">
        <v>24961616</v>
      </c>
      <c r="J29" s="114">
        <v>24885630</v>
      </c>
      <c r="K29" s="114">
        <v>25017062</v>
      </c>
      <c r="L29" s="173">
        <v>126798541</v>
      </c>
      <c r="M29" s="116">
        <v>132615328</v>
      </c>
      <c r="N29" s="110">
        <v>439821</v>
      </c>
      <c r="O29" s="114">
        <v>703801</v>
      </c>
      <c r="P29" s="113">
        <v>1143622</v>
      </c>
      <c r="Q29" s="110">
        <v>0</v>
      </c>
      <c r="R29" s="114">
        <v>6114151</v>
      </c>
      <c r="S29" s="114">
        <v>6310551</v>
      </c>
      <c r="T29" s="114">
        <v>8132745</v>
      </c>
      <c r="U29" s="114">
        <v>9129091</v>
      </c>
      <c r="V29" s="114">
        <v>11627553</v>
      </c>
      <c r="W29" s="113">
        <v>41314091</v>
      </c>
      <c r="X29" s="116">
        <v>42457713</v>
      </c>
      <c r="Y29" s="110">
        <v>0</v>
      </c>
      <c r="Z29" s="114">
        <v>0</v>
      </c>
      <c r="AA29" s="113">
        <v>0</v>
      </c>
      <c r="AB29" s="110">
        <v>0</v>
      </c>
      <c r="AC29" s="114">
        <v>2141447</v>
      </c>
      <c r="AD29" s="114">
        <v>2572821</v>
      </c>
      <c r="AE29" s="114">
        <v>4149430</v>
      </c>
      <c r="AF29" s="114">
        <v>5331846</v>
      </c>
      <c r="AG29" s="114">
        <v>6868873</v>
      </c>
      <c r="AH29" s="113">
        <v>21064417</v>
      </c>
      <c r="AI29" s="116">
        <v>21064417</v>
      </c>
      <c r="AJ29" s="110">
        <v>0</v>
      </c>
      <c r="AK29" s="114">
        <v>0</v>
      </c>
      <c r="AL29" s="113">
        <v>0</v>
      </c>
      <c r="AM29" s="110">
        <v>0</v>
      </c>
      <c r="AN29" s="114">
        <v>0</v>
      </c>
      <c r="AO29" s="114">
        <v>38726</v>
      </c>
      <c r="AP29" s="114">
        <v>399831</v>
      </c>
      <c r="AQ29" s="114">
        <v>555572</v>
      </c>
      <c r="AR29" s="114">
        <v>1314460</v>
      </c>
      <c r="AS29" s="113">
        <v>2308589</v>
      </c>
      <c r="AT29" s="116">
        <v>2308589</v>
      </c>
      <c r="AU29" s="110">
        <v>273657</v>
      </c>
      <c r="AV29" s="114">
        <v>452153</v>
      </c>
      <c r="AW29" s="113">
        <v>725810</v>
      </c>
      <c r="AX29" s="110">
        <v>0</v>
      </c>
      <c r="AY29" s="114">
        <v>2671462</v>
      </c>
      <c r="AZ29" s="114">
        <v>2410472</v>
      </c>
      <c r="BA29" s="114">
        <v>2346239</v>
      </c>
      <c r="BB29" s="114">
        <v>1822408</v>
      </c>
      <c r="BC29" s="114">
        <v>2025082</v>
      </c>
      <c r="BD29" s="113">
        <v>11275663</v>
      </c>
      <c r="BE29" s="116">
        <v>12001473</v>
      </c>
      <c r="BF29" s="110">
        <v>0</v>
      </c>
      <c r="BG29" s="114">
        <v>23395</v>
      </c>
      <c r="BH29" s="112">
        <v>23395</v>
      </c>
      <c r="BI29" s="111">
        <v>0</v>
      </c>
      <c r="BJ29" s="114">
        <v>177330</v>
      </c>
      <c r="BK29" s="114">
        <v>258079</v>
      </c>
      <c r="BL29" s="114">
        <v>48840</v>
      </c>
      <c r="BM29" s="114">
        <v>254087</v>
      </c>
      <c r="BN29" s="114">
        <v>202462</v>
      </c>
      <c r="BO29" s="113">
        <v>940798</v>
      </c>
      <c r="BP29" s="116">
        <v>964193</v>
      </c>
      <c r="BQ29" s="110">
        <v>166164</v>
      </c>
      <c r="BR29" s="114">
        <v>228253</v>
      </c>
      <c r="BS29" s="113">
        <v>394417</v>
      </c>
      <c r="BT29" s="110">
        <v>0</v>
      </c>
      <c r="BU29" s="114">
        <v>1123912</v>
      </c>
      <c r="BV29" s="114">
        <v>1030453</v>
      </c>
      <c r="BW29" s="114">
        <v>1188405</v>
      </c>
      <c r="BX29" s="114">
        <v>1165178</v>
      </c>
      <c r="BY29" s="114">
        <v>1216676</v>
      </c>
      <c r="BZ29" s="113">
        <v>5724624</v>
      </c>
      <c r="CA29" s="116">
        <v>6119041</v>
      </c>
      <c r="CB29" s="110">
        <v>286441</v>
      </c>
      <c r="CC29" s="114">
        <v>404435</v>
      </c>
      <c r="CD29" s="113">
        <v>690876</v>
      </c>
      <c r="CE29" s="110">
        <v>0</v>
      </c>
      <c r="CF29" s="114">
        <v>8026633</v>
      </c>
      <c r="CG29" s="114">
        <v>8534139</v>
      </c>
      <c r="CH29" s="114">
        <v>5185066</v>
      </c>
      <c r="CI29" s="114">
        <v>3556470</v>
      </c>
      <c r="CJ29" s="114">
        <v>2664917</v>
      </c>
      <c r="CK29" s="113">
        <v>27967225</v>
      </c>
      <c r="CL29" s="116">
        <v>28658101</v>
      </c>
      <c r="CM29" s="110">
        <v>0</v>
      </c>
      <c r="CN29" s="114">
        <v>0</v>
      </c>
      <c r="CO29" s="113">
        <v>0</v>
      </c>
      <c r="CP29" s="111">
        <v>0</v>
      </c>
      <c r="CQ29" s="114">
        <v>5992624</v>
      </c>
      <c r="CR29" s="114">
        <v>5938380</v>
      </c>
      <c r="CS29" s="114">
        <v>3982273</v>
      </c>
      <c r="CT29" s="114">
        <v>2530364</v>
      </c>
      <c r="CU29" s="114">
        <v>1053745</v>
      </c>
      <c r="CV29" s="113">
        <v>19497386</v>
      </c>
      <c r="CW29" s="116">
        <v>19497386</v>
      </c>
      <c r="CX29" s="110">
        <v>286441</v>
      </c>
      <c r="CY29" s="114">
        <v>404435</v>
      </c>
      <c r="CZ29" s="113">
        <v>690876</v>
      </c>
      <c r="DA29" s="110">
        <v>0</v>
      </c>
      <c r="DB29" s="114">
        <v>2034009</v>
      </c>
      <c r="DC29" s="114">
        <v>2595759</v>
      </c>
      <c r="DD29" s="114">
        <v>1202793</v>
      </c>
      <c r="DE29" s="114">
        <v>1026106</v>
      </c>
      <c r="DF29" s="114">
        <v>1611172</v>
      </c>
      <c r="DG29" s="113">
        <v>8469839</v>
      </c>
      <c r="DH29" s="116">
        <v>9160715</v>
      </c>
      <c r="DI29" s="110">
        <v>33812</v>
      </c>
      <c r="DJ29" s="114">
        <v>16408</v>
      </c>
      <c r="DK29" s="112">
        <v>50220</v>
      </c>
      <c r="DL29" s="111">
        <v>0</v>
      </c>
      <c r="DM29" s="114">
        <v>1131389</v>
      </c>
      <c r="DN29" s="114">
        <v>1124626</v>
      </c>
      <c r="DO29" s="114">
        <v>2104660</v>
      </c>
      <c r="DP29" s="114">
        <v>2630820</v>
      </c>
      <c r="DQ29" s="114">
        <v>2355789</v>
      </c>
      <c r="DR29" s="113">
        <v>9347284</v>
      </c>
      <c r="DS29" s="116">
        <v>9397504</v>
      </c>
      <c r="DT29" s="110">
        <v>33812</v>
      </c>
      <c r="DU29" s="114">
        <v>16408</v>
      </c>
      <c r="DV29" s="113">
        <v>50220</v>
      </c>
      <c r="DW29" s="110">
        <v>0</v>
      </c>
      <c r="DX29" s="114">
        <v>1073060</v>
      </c>
      <c r="DY29" s="114">
        <v>1019892</v>
      </c>
      <c r="DZ29" s="114">
        <v>2054015</v>
      </c>
      <c r="EA29" s="114">
        <v>2261315</v>
      </c>
      <c r="EB29" s="114">
        <v>1789147</v>
      </c>
      <c r="EC29" s="113">
        <v>8197429</v>
      </c>
      <c r="ED29" s="116">
        <v>8247649</v>
      </c>
      <c r="EE29" s="110">
        <v>0</v>
      </c>
      <c r="EF29" s="112">
        <v>0</v>
      </c>
      <c r="EG29" s="113">
        <v>0</v>
      </c>
      <c r="EH29" s="110">
        <v>0</v>
      </c>
      <c r="EI29" s="114">
        <v>58329</v>
      </c>
      <c r="EJ29" s="114">
        <v>104734</v>
      </c>
      <c r="EK29" s="114">
        <v>50645</v>
      </c>
      <c r="EL29" s="114">
        <v>369505</v>
      </c>
      <c r="EM29" s="114">
        <v>566642</v>
      </c>
      <c r="EN29" s="112">
        <v>1149855</v>
      </c>
      <c r="EO29" s="116">
        <v>1149855</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725906</v>
      </c>
      <c r="FM29" s="114">
        <v>615202</v>
      </c>
      <c r="FN29" s="113">
        <v>1341108</v>
      </c>
      <c r="FO29" s="110">
        <v>0</v>
      </c>
      <c r="FP29" s="114">
        <v>1238395</v>
      </c>
      <c r="FQ29" s="114">
        <v>2266632</v>
      </c>
      <c r="FR29" s="114">
        <v>1926324</v>
      </c>
      <c r="FS29" s="114">
        <v>1505542</v>
      </c>
      <c r="FT29" s="114">
        <v>1636498</v>
      </c>
      <c r="FU29" s="113">
        <v>8573391</v>
      </c>
      <c r="FV29" s="116">
        <v>9914499</v>
      </c>
      <c r="FW29" s="115">
        <v>313096</v>
      </c>
      <c r="FX29" s="114">
        <v>393870</v>
      </c>
      <c r="FY29" s="112">
        <v>706966</v>
      </c>
      <c r="FZ29" s="111">
        <v>0</v>
      </c>
      <c r="GA29" s="114">
        <v>900736</v>
      </c>
      <c r="GB29" s="114">
        <v>2086632</v>
      </c>
      <c r="GC29" s="114">
        <v>1547694</v>
      </c>
      <c r="GD29" s="114">
        <v>1454942</v>
      </c>
      <c r="GE29" s="114">
        <v>1608778</v>
      </c>
      <c r="GF29" s="113">
        <v>7598782</v>
      </c>
      <c r="GG29" s="318">
        <v>8305748</v>
      </c>
      <c r="GH29" s="115">
        <v>67410</v>
      </c>
      <c r="GI29" s="114">
        <v>41332</v>
      </c>
      <c r="GJ29" s="112">
        <v>108742</v>
      </c>
      <c r="GK29" s="111">
        <v>0</v>
      </c>
      <c r="GL29" s="114">
        <v>77649</v>
      </c>
      <c r="GM29" s="114">
        <v>0</v>
      </c>
      <c r="GN29" s="114">
        <v>38610</v>
      </c>
      <c r="GO29" s="114">
        <v>24500</v>
      </c>
      <c r="GP29" s="114">
        <v>27720</v>
      </c>
      <c r="GQ29" s="113">
        <v>168479</v>
      </c>
      <c r="GR29" s="116">
        <v>277221</v>
      </c>
      <c r="GS29" s="110">
        <v>345400</v>
      </c>
      <c r="GT29" s="114">
        <v>180000</v>
      </c>
      <c r="GU29" s="113">
        <v>525400</v>
      </c>
      <c r="GV29" s="110">
        <v>0</v>
      </c>
      <c r="GW29" s="114">
        <v>260010</v>
      </c>
      <c r="GX29" s="114">
        <v>180000</v>
      </c>
      <c r="GY29" s="114">
        <v>340020</v>
      </c>
      <c r="GZ29" s="114">
        <v>26100</v>
      </c>
      <c r="HA29" s="114">
        <v>0</v>
      </c>
      <c r="HB29" s="112">
        <v>806130</v>
      </c>
      <c r="HC29" s="116">
        <v>1331530</v>
      </c>
      <c r="HD29" s="110">
        <v>672674</v>
      </c>
      <c r="HE29" s="114">
        <v>1004214</v>
      </c>
      <c r="HF29" s="112">
        <v>1676888</v>
      </c>
      <c r="HG29" s="111">
        <v>0</v>
      </c>
      <c r="HH29" s="114">
        <v>5718468</v>
      </c>
      <c r="HI29" s="114">
        <v>4919441</v>
      </c>
      <c r="HJ29" s="114">
        <v>5318184</v>
      </c>
      <c r="HK29" s="114">
        <v>6708391</v>
      </c>
      <c r="HL29" s="114">
        <v>5585244</v>
      </c>
      <c r="HM29" s="113">
        <v>28249728</v>
      </c>
      <c r="HN29" s="109">
        <v>29926616</v>
      </c>
      <c r="HO29" s="115">
        <v>496686</v>
      </c>
      <c r="HP29" s="114">
        <v>417387</v>
      </c>
      <c r="HQ29" s="113">
        <v>914073</v>
      </c>
      <c r="HR29" s="110">
        <v>0</v>
      </c>
      <c r="HS29" s="114">
        <v>3890563</v>
      </c>
      <c r="HT29" s="114">
        <v>2659245</v>
      </c>
      <c r="HU29" s="114">
        <v>2294637</v>
      </c>
      <c r="HV29" s="114">
        <v>1355316</v>
      </c>
      <c r="HW29" s="114">
        <v>1147061</v>
      </c>
      <c r="HX29" s="112">
        <v>11346822</v>
      </c>
      <c r="HY29" s="116">
        <v>12260895</v>
      </c>
      <c r="HZ29" s="131">
        <v>421519</v>
      </c>
      <c r="IA29" s="132">
        <v>301230</v>
      </c>
      <c r="IB29" s="133">
        <v>722749</v>
      </c>
      <c r="IC29" s="146">
        <v>0</v>
      </c>
      <c r="ID29" s="132">
        <v>4672618</v>
      </c>
      <c r="IE29" s="147">
        <v>3972815</v>
      </c>
      <c r="IF29" s="133">
        <v>6249510</v>
      </c>
      <c r="IG29" s="132">
        <v>4540449</v>
      </c>
      <c r="IH29" s="133">
        <v>2346388</v>
      </c>
      <c r="II29" s="148">
        <v>21781780</v>
      </c>
      <c r="IJ29" s="139">
        <v>22504529</v>
      </c>
      <c r="IK29" s="232">
        <v>0</v>
      </c>
      <c r="IL29" s="236">
        <v>0</v>
      </c>
      <c r="IM29" s="237">
        <v>0</v>
      </c>
      <c r="IN29" s="140">
        <v>0</v>
      </c>
      <c r="IO29" s="119">
        <v>144990</v>
      </c>
      <c r="IP29" s="119">
        <v>214492</v>
      </c>
      <c r="IQ29" s="119">
        <v>326823</v>
      </c>
      <c r="IR29" s="119">
        <v>403929</v>
      </c>
      <c r="IS29" s="119">
        <v>142192</v>
      </c>
      <c r="IT29" s="141">
        <v>1232426</v>
      </c>
      <c r="IU29" s="320">
        <v>1232426</v>
      </c>
      <c r="IV29" s="142">
        <v>0</v>
      </c>
      <c r="IW29" s="119">
        <v>0</v>
      </c>
      <c r="IX29" s="120">
        <v>0</v>
      </c>
      <c r="IY29" s="144">
        <v>0</v>
      </c>
      <c r="IZ29" s="119">
        <v>0</v>
      </c>
      <c r="JA29" s="119">
        <v>0</v>
      </c>
      <c r="JB29" s="119">
        <v>0</v>
      </c>
      <c r="JC29" s="119">
        <v>0</v>
      </c>
      <c r="JD29" s="119">
        <v>0</v>
      </c>
      <c r="JE29" s="120">
        <v>0</v>
      </c>
      <c r="JF29" s="121">
        <v>0</v>
      </c>
      <c r="JG29" s="142">
        <v>0</v>
      </c>
      <c r="JH29" s="119">
        <v>0</v>
      </c>
      <c r="JI29" s="141">
        <v>0</v>
      </c>
      <c r="JJ29" s="118">
        <v>0</v>
      </c>
      <c r="JK29" s="119">
        <v>1862291</v>
      </c>
      <c r="JL29" s="119">
        <v>866658</v>
      </c>
      <c r="JM29" s="119">
        <v>1117194</v>
      </c>
      <c r="JN29" s="119">
        <v>512236</v>
      </c>
      <c r="JO29" s="119">
        <v>140945</v>
      </c>
      <c r="JP29" s="120">
        <v>4499324</v>
      </c>
      <c r="JQ29" s="320">
        <v>4499324</v>
      </c>
      <c r="JR29" s="142">
        <v>0</v>
      </c>
      <c r="JS29" s="119">
        <v>0</v>
      </c>
      <c r="JT29" s="141">
        <v>0</v>
      </c>
      <c r="JU29" s="118">
        <v>0</v>
      </c>
      <c r="JV29" s="119">
        <v>623534</v>
      </c>
      <c r="JW29" s="119">
        <v>375241</v>
      </c>
      <c r="JX29" s="119">
        <v>863656</v>
      </c>
      <c r="JY29" s="119">
        <v>146621</v>
      </c>
      <c r="JZ29" s="119">
        <v>229909</v>
      </c>
      <c r="KA29" s="120">
        <v>2238961</v>
      </c>
      <c r="KB29" s="320">
        <v>2238961</v>
      </c>
      <c r="KC29" s="234">
        <v>421519</v>
      </c>
      <c r="KD29" s="230">
        <v>301230</v>
      </c>
      <c r="KE29" s="120">
        <v>722749</v>
      </c>
      <c r="KF29" s="118">
        <v>0</v>
      </c>
      <c r="KG29" s="119">
        <v>1799370</v>
      </c>
      <c r="KH29" s="119">
        <v>1431615</v>
      </c>
      <c r="KI29" s="119">
        <v>1106104</v>
      </c>
      <c r="KJ29" s="119">
        <v>1688247</v>
      </c>
      <c r="KK29" s="119">
        <v>848710</v>
      </c>
      <c r="KL29" s="120">
        <v>6874046</v>
      </c>
      <c r="KM29" s="143">
        <v>7596795</v>
      </c>
      <c r="KN29" s="232">
        <v>0</v>
      </c>
      <c r="KO29" s="236">
        <v>0</v>
      </c>
      <c r="KP29" s="237">
        <v>0</v>
      </c>
      <c r="KQ29" s="140"/>
      <c r="KR29" s="119">
        <v>242433</v>
      </c>
      <c r="KS29" s="119">
        <v>1084809</v>
      </c>
      <c r="KT29" s="119">
        <v>2835733</v>
      </c>
      <c r="KU29" s="119">
        <v>1789416</v>
      </c>
      <c r="KV29" s="119">
        <v>984632</v>
      </c>
      <c r="KW29" s="120">
        <v>6937023</v>
      </c>
      <c r="KX29" s="320">
        <v>6937023</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3267533</v>
      </c>
      <c r="MK29" s="119">
        <v>4783335</v>
      </c>
      <c r="ML29" s="119">
        <v>13419997</v>
      </c>
      <c r="MM29" s="119">
        <v>28008961</v>
      </c>
      <c r="MN29" s="119">
        <v>21467435</v>
      </c>
      <c r="MO29" s="120">
        <v>70947261</v>
      </c>
      <c r="MP29" s="143">
        <v>70947261</v>
      </c>
      <c r="MQ29" s="142">
        <v>0</v>
      </c>
      <c r="MR29" s="119">
        <v>0</v>
      </c>
      <c r="MS29" s="120">
        <v>0</v>
      </c>
      <c r="MT29" s="145"/>
      <c r="MU29" s="119">
        <v>0</v>
      </c>
      <c r="MV29" s="119">
        <v>0</v>
      </c>
      <c r="MW29" s="119">
        <v>8169324</v>
      </c>
      <c r="MX29" s="119">
        <v>19288629</v>
      </c>
      <c r="MY29" s="119">
        <v>19105252</v>
      </c>
      <c r="MZ29" s="120">
        <v>46563205</v>
      </c>
      <c r="NA29" s="143">
        <v>46563205</v>
      </c>
      <c r="NB29" s="142">
        <v>0</v>
      </c>
      <c r="NC29" s="119">
        <v>0</v>
      </c>
      <c r="ND29" s="120">
        <v>0</v>
      </c>
      <c r="NE29" s="145"/>
      <c r="NF29" s="119">
        <v>3267533</v>
      </c>
      <c r="NG29" s="119">
        <v>4783335</v>
      </c>
      <c r="NH29" s="119">
        <v>5250673</v>
      </c>
      <c r="NI29" s="119">
        <v>8720332</v>
      </c>
      <c r="NJ29" s="119">
        <v>2362183</v>
      </c>
      <c r="NK29" s="120">
        <v>24384056</v>
      </c>
      <c r="NL29" s="320">
        <v>24384056</v>
      </c>
      <c r="NM29" s="142">
        <v>0</v>
      </c>
      <c r="NN29" s="119">
        <v>0</v>
      </c>
      <c r="NO29" s="120">
        <v>0</v>
      </c>
      <c r="NP29" s="145">
        <v>0</v>
      </c>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3076859</v>
      </c>
      <c r="OJ29" s="119">
        <v>3462677</v>
      </c>
      <c r="OK29" s="141">
        <v>6539536</v>
      </c>
      <c r="OL29" s="118">
        <v>0</v>
      </c>
      <c r="OM29" s="119">
        <v>34059750</v>
      </c>
      <c r="ON29" s="119">
        <v>34570784</v>
      </c>
      <c r="OO29" s="119">
        <v>44631123</v>
      </c>
      <c r="OP29" s="119">
        <v>57435040</v>
      </c>
      <c r="OQ29" s="119">
        <v>48830885</v>
      </c>
      <c r="OR29" s="120">
        <v>219527582</v>
      </c>
      <c r="OS29" s="143">
        <v>226067118</v>
      </c>
    </row>
    <row r="30" spans="2:409" ht="21" customHeight="1" x14ac:dyDescent="0.2">
      <c r="B30" s="62" t="s">
        <v>25</v>
      </c>
      <c r="C30" s="110">
        <v>1959872</v>
      </c>
      <c r="D30" s="114">
        <v>4455974</v>
      </c>
      <c r="E30" s="113">
        <v>6415846</v>
      </c>
      <c r="F30" s="109">
        <v>0</v>
      </c>
      <c r="G30" s="114">
        <v>28600161</v>
      </c>
      <c r="H30" s="114">
        <v>29008052</v>
      </c>
      <c r="I30" s="114">
        <v>20286465</v>
      </c>
      <c r="J30" s="114">
        <v>25032229</v>
      </c>
      <c r="K30" s="114">
        <v>16298290</v>
      </c>
      <c r="L30" s="173">
        <v>119225197</v>
      </c>
      <c r="M30" s="116">
        <v>125641043</v>
      </c>
      <c r="N30" s="110">
        <v>624418</v>
      </c>
      <c r="O30" s="114">
        <v>1371681</v>
      </c>
      <c r="P30" s="113">
        <v>1996099</v>
      </c>
      <c r="Q30" s="110">
        <v>0</v>
      </c>
      <c r="R30" s="114">
        <v>7751601</v>
      </c>
      <c r="S30" s="114">
        <v>7950509</v>
      </c>
      <c r="T30" s="114">
        <v>6401852</v>
      </c>
      <c r="U30" s="114">
        <v>8969355</v>
      </c>
      <c r="V30" s="114">
        <v>9057713</v>
      </c>
      <c r="W30" s="113">
        <v>40131030</v>
      </c>
      <c r="X30" s="116">
        <v>42127129</v>
      </c>
      <c r="Y30" s="110">
        <v>0</v>
      </c>
      <c r="Z30" s="114">
        <v>0</v>
      </c>
      <c r="AA30" s="113">
        <v>0</v>
      </c>
      <c r="AB30" s="110">
        <v>0</v>
      </c>
      <c r="AC30" s="114">
        <v>3859650</v>
      </c>
      <c r="AD30" s="114">
        <v>4050703</v>
      </c>
      <c r="AE30" s="114">
        <v>3868709</v>
      </c>
      <c r="AF30" s="114">
        <v>5556037</v>
      </c>
      <c r="AG30" s="114">
        <v>4921256</v>
      </c>
      <c r="AH30" s="113">
        <v>22256355</v>
      </c>
      <c r="AI30" s="116">
        <v>22256355</v>
      </c>
      <c r="AJ30" s="110">
        <v>0</v>
      </c>
      <c r="AK30" s="114">
        <v>0</v>
      </c>
      <c r="AL30" s="113">
        <v>0</v>
      </c>
      <c r="AM30" s="110">
        <v>0</v>
      </c>
      <c r="AN30" s="114">
        <v>103424</v>
      </c>
      <c r="AO30" s="114">
        <v>400992</v>
      </c>
      <c r="AP30" s="114">
        <v>393895</v>
      </c>
      <c r="AQ30" s="114">
        <v>950569</v>
      </c>
      <c r="AR30" s="114">
        <v>1803994</v>
      </c>
      <c r="AS30" s="113">
        <v>3652874</v>
      </c>
      <c r="AT30" s="116">
        <v>3652874</v>
      </c>
      <c r="AU30" s="110">
        <v>448080</v>
      </c>
      <c r="AV30" s="114">
        <v>1119017</v>
      </c>
      <c r="AW30" s="113">
        <v>1567097</v>
      </c>
      <c r="AX30" s="110">
        <v>0</v>
      </c>
      <c r="AY30" s="114">
        <v>2849200</v>
      </c>
      <c r="AZ30" s="114">
        <v>2302230</v>
      </c>
      <c r="BA30" s="114">
        <v>1310347</v>
      </c>
      <c r="BB30" s="114">
        <v>1289153</v>
      </c>
      <c r="BC30" s="114">
        <v>1575589</v>
      </c>
      <c r="BD30" s="113">
        <v>9326519</v>
      </c>
      <c r="BE30" s="116">
        <v>10893616</v>
      </c>
      <c r="BF30" s="110">
        <v>76498</v>
      </c>
      <c r="BG30" s="114">
        <v>118860</v>
      </c>
      <c r="BH30" s="112">
        <v>195358</v>
      </c>
      <c r="BI30" s="111">
        <v>0</v>
      </c>
      <c r="BJ30" s="114">
        <v>42735</v>
      </c>
      <c r="BK30" s="114">
        <v>390561</v>
      </c>
      <c r="BL30" s="114">
        <v>216352</v>
      </c>
      <c r="BM30" s="114">
        <v>236637</v>
      </c>
      <c r="BN30" s="114">
        <v>214915</v>
      </c>
      <c r="BO30" s="113">
        <v>1101200</v>
      </c>
      <c r="BP30" s="116">
        <v>1296558</v>
      </c>
      <c r="BQ30" s="110">
        <v>99840</v>
      </c>
      <c r="BR30" s="114">
        <v>133804</v>
      </c>
      <c r="BS30" s="113">
        <v>233644</v>
      </c>
      <c r="BT30" s="110">
        <v>0</v>
      </c>
      <c r="BU30" s="114">
        <v>896592</v>
      </c>
      <c r="BV30" s="114">
        <v>806023</v>
      </c>
      <c r="BW30" s="114">
        <v>612549</v>
      </c>
      <c r="BX30" s="114">
        <v>936959</v>
      </c>
      <c r="BY30" s="114">
        <v>541959</v>
      </c>
      <c r="BZ30" s="113">
        <v>3794082</v>
      </c>
      <c r="CA30" s="116">
        <v>4027726</v>
      </c>
      <c r="CB30" s="110">
        <v>212020</v>
      </c>
      <c r="CC30" s="114">
        <v>833803</v>
      </c>
      <c r="CD30" s="113">
        <v>1045823</v>
      </c>
      <c r="CE30" s="110">
        <v>0</v>
      </c>
      <c r="CF30" s="114">
        <v>10350009</v>
      </c>
      <c r="CG30" s="114">
        <v>10062706</v>
      </c>
      <c r="CH30" s="114">
        <v>6351945</v>
      </c>
      <c r="CI30" s="114">
        <v>6707497</v>
      </c>
      <c r="CJ30" s="114">
        <v>1025324</v>
      </c>
      <c r="CK30" s="113">
        <v>34497481</v>
      </c>
      <c r="CL30" s="116">
        <v>35543304</v>
      </c>
      <c r="CM30" s="110">
        <v>0</v>
      </c>
      <c r="CN30" s="114">
        <v>0</v>
      </c>
      <c r="CO30" s="113">
        <v>0</v>
      </c>
      <c r="CP30" s="111">
        <v>0</v>
      </c>
      <c r="CQ30" s="114">
        <v>7750428</v>
      </c>
      <c r="CR30" s="114">
        <v>6176650</v>
      </c>
      <c r="CS30" s="114">
        <v>4647736</v>
      </c>
      <c r="CT30" s="114">
        <v>5766059</v>
      </c>
      <c r="CU30" s="114">
        <v>682047</v>
      </c>
      <c r="CV30" s="113">
        <v>25022920</v>
      </c>
      <c r="CW30" s="116">
        <v>25022920</v>
      </c>
      <c r="CX30" s="110">
        <v>212020</v>
      </c>
      <c r="CY30" s="114">
        <v>833803</v>
      </c>
      <c r="CZ30" s="113">
        <v>1045823</v>
      </c>
      <c r="DA30" s="110">
        <v>0</v>
      </c>
      <c r="DB30" s="114">
        <v>2599581</v>
      </c>
      <c r="DC30" s="114">
        <v>3886056</v>
      </c>
      <c r="DD30" s="114">
        <v>1704209</v>
      </c>
      <c r="DE30" s="114">
        <v>941438</v>
      </c>
      <c r="DF30" s="114">
        <v>343277</v>
      </c>
      <c r="DG30" s="113">
        <v>9474561</v>
      </c>
      <c r="DH30" s="116">
        <v>10520384</v>
      </c>
      <c r="DI30" s="110">
        <v>0</v>
      </c>
      <c r="DJ30" s="114">
        <v>98706</v>
      </c>
      <c r="DK30" s="112">
        <v>98706</v>
      </c>
      <c r="DL30" s="111">
        <v>0</v>
      </c>
      <c r="DM30" s="114">
        <v>628375</v>
      </c>
      <c r="DN30" s="114">
        <v>1995722</v>
      </c>
      <c r="DO30" s="114">
        <v>1703530</v>
      </c>
      <c r="DP30" s="114">
        <v>1509134</v>
      </c>
      <c r="DQ30" s="114">
        <v>393132</v>
      </c>
      <c r="DR30" s="113">
        <v>6229893</v>
      </c>
      <c r="DS30" s="116">
        <v>6328599</v>
      </c>
      <c r="DT30" s="110">
        <v>0</v>
      </c>
      <c r="DU30" s="114">
        <v>98706</v>
      </c>
      <c r="DV30" s="113">
        <v>98706</v>
      </c>
      <c r="DW30" s="110">
        <v>0</v>
      </c>
      <c r="DX30" s="114">
        <v>546318</v>
      </c>
      <c r="DY30" s="114">
        <v>1824947</v>
      </c>
      <c r="DZ30" s="114">
        <v>1538080</v>
      </c>
      <c r="EA30" s="114">
        <v>969308</v>
      </c>
      <c r="EB30" s="114">
        <v>393132</v>
      </c>
      <c r="EC30" s="113">
        <v>5271785</v>
      </c>
      <c r="ED30" s="116">
        <v>5370491</v>
      </c>
      <c r="EE30" s="110">
        <v>0</v>
      </c>
      <c r="EF30" s="112">
        <v>0</v>
      </c>
      <c r="EG30" s="113">
        <v>0</v>
      </c>
      <c r="EH30" s="110">
        <v>0</v>
      </c>
      <c r="EI30" s="114">
        <v>82057</v>
      </c>
      <c r="EJ30" s="114">
        <v>170775</v>
      </c>
      <c r="EK30" s="114">
        <v>165450</v>
      </c>
      <c r="EL30" s="114">
        <v>539826</v>
      </c>
      <c r="EM30" s="114">
        <v>0</v>
      </c>
      <c r="EN30" s="112">
        <v>958108</v>
      </c>
      <c r="EO30" s="116">
        <v>958108</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500200</v>
      </c>
      <c r="FM30" s="114">
        <v>1119692</v>
      </c>
      <c r="FN30" s="113">
        <v>1619892</v>
      </c>
      <c r="FO30" s="110">
        <v>0</v>
      </c>
      <c r="FP30" s="114">
        <v>1164516</v>
      </c>
      <c r="FQ30" s="114">
        <v>2960212</v>
      </c>
      <c r="FR30" s="114">
        <v>1795315</v>
      </c>
      <c r="FS30" s="114">
        <v>1810333</v>
      </c>
      <c r="FT30" s="114">
        <v>1247809</v>
      </c>
      <c r="FU30" s="113">
        <v>8978185</v>
      </c>
      <c r="FV30" s="116">
        <v>10598077</v>
      </c>
      <c r="FW30" s="115">
        <v>383200</v>
      </c>
      <c r="FX30" s="114">
        <v>776382</v>
      </c>
      <c r="FY30" s="112">
        <v>1159582</v>
      </c>
      <c r="FZ30" s="111">
        <v>0</v>
      </c>
      <c r="GA30" s="114">
        <v>929036</v>
      </c>
      <c r="GB30" s="114">
        <v>2773120</v>
      </c>
      <c r="GC30" s="114">
        <v>1615315</v>
      </c>
      <c r="GD30" s="114">
        <v>1770733</v>
      </c>
      <c r="GE30" s="114">
        <v>1247809</v>
      </c>
      <c r="GF30" s="113">
        <v>8336013</v>
      </c>
      <c r="GG30" s="318">
        <v>9495595</v>
      </c>
      <c r="GH30" s="115">
        <v>0</v>
      </c>
      <c r="GI30" s="114">
        <v>73260</v>
      </c>
      <c r="GJ30" s="112">
        <v>73260</v>
      </c>
      <c r="GK30" s="111">
        <v>0</v>
      </c>
      <c r="GL30" s="114">
        <v>78700</v>
      </c>
      <c r="GM30" s="114">
        <v>44892</v>
      </c>
      <c r="GN30" s="114">
        <v>0</v>
      </c>
      <c r="GO30" s="114">
        <v>0</v>
      </c>
      <c r="GP30" s="114">
        <v>0</v>
      </c>
      <c r="GQ30" s="113">
        <v>123592</v>
      </c>
      <c r="GR30" s="116">
        <v>196852</v>
      </c>
      <c r="GS30" s="110">
        <v>117000</v>
      </c>
      <c r="GT30" s="114">
        <v>270050</v>
      </c>
      <c r="GU30" s="113">
        <v>387050</v>
      </c>
      <c r="GV30" s="110">
        <v>0</v>
      </c>
      <c r="GW30" s="114">
        <v>156780</v>
      </c>
      <c r="GX30" s="114">
        <v>142200</v>
      </c>
      <c r="GY30" s="114">
        <v>180000</v>
      </c>
      <c r="GZ30" s="114">
        <v>39600</v>
      </c>
      <c r="HA30" s="114">
        <v>0</v>
      </c>
      <c r="HB30" s="112">
        <v>518580</v>
      </c>
      <c r="HC30" s="116">
        <v>905630</v>
      </c>
      <c r="HD30" s="110">
        <v>179024</v>
      </c>
      <c r="HE30" s="114">
        <v>284768</v>
      </c>
      <c r="HF30" s="112">
        <v>463792</v>
      </c>
      <c r="HG30" s="111">
        <v>0</v>
      </c>
      <c r="HH30" s="114">
        <v>3910061</v>
      </c>
      <c r="HI30" s="114">
        <v>2440606</v>
      </c>
      <c r="HJ30" s="114">
        <v>1787492</v>
      </c>
      <c r="HK30" s="114">
        <v>4201144</v>
      </c>
      <c r="HL30" s="114">
        <v>3612682</v>
      </c>
      <c r="HM30" s="113">
        <v>15951985</v>
      </c>
      <c r="HN30" s="109">
        <v>16415777</v>
      </c>
      <c r="HO30" s="115">
        <v>444210</v>
      </c>
      <c r="HP30" s="114">
        <v>747324</v>
      </c>
      <c r="HQ30" s="113">
        <v>1191534</v>
      </c>
      <c r="HR30" s="110">
        <v>0</v>
      </c>
      <c r="HS30" s="114">
        <v>4795599</v>
      </c>
      <c r="HT30" s="114">
        <v>3598297</v>
      </c>
      <c r="HU30" s="114">
        <v>2246331</v>
      </c>
      <c r="HV30" s="114">
        <v>1834766</v>
      </c>
      <c r="HW30" s="114">
        <v>961630</v>
      </c>
      <c r="HX30" s="112">
        <v>13436623</v>
      </c>
      <c r="HY30" s="116">
        <v>14628157</v>
      </c>
      <c r="HZ30" s="150">
        <v>87720</v>
      </c>
      <c r="IA30" s="135">
        <v>0</v>
      </c>
      <c r="IB30" s="150">
        <v>87720</v>
      </c>
      <c r="IC30" s="134">
        <v>0</v>
      </c>
      <c r="ID30" s="135">
        <v>8141843</v>
      </c>
      <c r="IE30" s="136">
        <v>4904035</v>
      </c>
      <c r="IF30" s="137">
        <v>3354550</v>
      </c>
      <c r="IG30" s="135">
        <v>2200566</v>
      </c>
      <c r="IH30" s="137">
        <v>151785</v>
      </c>
      <c r="II30" s="138">
        <v>18752779</v>
      </c>
      <c r="IJ30" s="150">
        <v>18840499</v>
      </c>
      <c r="IK30" s="232">
        <v>0</v>
      </c>
      <c r="IL30" s="236">
        <v>0</v>
      </c>
      <c r="IM30" s="237">
        <v>0</v>
      </c>
      <c r="IN30" s="140">
        <v>0</v>
      </c>
      <c r="IO30" s="119">
        <v>0</v>
      </c>
      <c r="IP30" s="119">
        <v>0</v>
      </c>
      <c r="IQ30" s="119">
        <v>0</v>
      </c>
      <c r="IR30" s="119">
        <v>0</v>
      </c>
      <c r="IS30" s="119">
        <v>0</v>
      </c>
      <c r="IT30" s="141">
        <v>0</v>
      </c>
      <c r="IU30" s="320">
        <v>0</v>
      </c>
      <c r="IV30" s="142">
        <v>0</v>
      </c>
      <c r="IW30" s="119">
        <v>0</v>
      </c>
      <c r="IX30" s="120">
        <v>0</v>
      </c>
      <c r="IY30" s="144">
        <v>0</v>
      </c>
      <c r="IZ30" s="119">
        <v>0</v>
      </c>
      <c r="JA30" s="119">
        <v>0</v>
      </c>
      <c r="JB30" s="119">
        <v>0</v>
      </c>
      <c r="JC30" s="119">
        <v>0</v>
      </c>
      <c r="JD30" s="119">
        <v>0</v>
      </c>
      <c r="JE30" s="120">
        <v>0</v>
      </c>
      <c r="JF30" s="121">
        <v>0</v>
      </c>
      <c r="JG30" s="142">
        <v>0</v>
      </c>
      <c r="JH30" s="119">
        <v>0</v>
      </c>
      <c r="JI30" s="141">
        <v>0</v>
      </c>
      <c r="JJ30" s="118">
        <v>0</v>
      </c>
      <c r="JK30" s="119">
        <v>4560622</v>
      </c>
      <c r="JL30" s="119">
        <v>2173539</v>
      </c>
      <c r="JM30" s="119">
        <v>1380322</v>
      </c>
      <c r="JN30" s="119">
        <v>568745</v>
      </c>
      <c r="JO30" s="119">
        <v>151785</v>
      </c>
      <c r="JP30" s="120">
        <v>8835013</v>
      </c>
      <c r="JQ30" s="320">
        <v>8835013</v>
      </c>
      <c r="JR30" s="142">
        <v>0</v>
      </c>
      <c r="JS30" s="119">
        <v>0</v>
      </c>
      <c r="JT30" s="141">
        <v>0</v>
      </c>
      <c r="JU30" s="118">
        <v>0</v>
      </c>
      <c r="JV30" s="119">
        <v>0</v>
      </c>
      <c r="JW30" s="119">
        <v>0</v>
      </c>
      <c r="JX30" s="119">
        <v>0</v>
      </c>
      <c r="JY30" s="119">
        <v>0</v>
      </c>
      <c r="JZ30" s="119">
        <v>0</v>
      </c>
      <c r="KA30" s="120">
        <v>0</v>
      </c>
      <c r="KB30" s="320">
        <v>0</v>
      </c>
      <c r="KC30" s="234">
        <v>87720</v>
      </c>
      <c r="KD30" s="230">
        <v>0</v>
      </c>
      <c r="KE30" s="120">
        <v>87720</v>
      </c>
      <c r="KF30" s="118">
        <v>0</v>
      </c>
      <c r="KG30" s="119">
        <v>492140</v>
      </c>
      <c r="KH30" s="119">
        <v>1222900</v>
      </c>
      <c r="KI30" s="119">
        <v>503974</v>
      </c>
      <c r="KJ30" s="119">
        <v>256382</v>
      </c>
      <c r="KK30" s="119">
        <v>0</v>
      </c>
      <c r="KL30" s="120">
        <v>2475396</v>
      </c>
      <c r="KM30" s="143">
        <v>2563116</v>
      </c>
      <c r="KN30" s="232">
        <v>0</v>
      </c>
      <c r="KO30" s="236">
        <v>0</v>
      </c>
      <c r="KP30" s="237">
        <v>0</v>
      </c>
      <c r="KQ30" s="140"/>
      <c r="KR30" s="119">
        <v>3089081</v>
      </c>
      <c r="KS30" s="119">
        <v>1507596</v>
      </c>
      <c r="KT30" s="119">
        <v>1470254</v>
      </c>
      <c r="KU30" s="119">
        <v>1375439</v>
      </c>
      <c r="KV30" s="119">
        <v>0</v>
      </c>
      <c r="KW30" s="120">
        <v>7442370</v>
      </c>
      <c r="KX30" s="320">
        <v>744237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3627698</v>
      </c>
      <c r="MK30" s="119">
        <v>6849222</v>
      </c>
      <c r="ML30" s="119">
        <v>21168565</v>
      </c>
      <c r="MM30" s="119">
        <v>33195371</v>
      </c>
      <c r="MN30" s="119">
        <v>20636880</v>
      </c>
      <c r="MO30" s="120">
        <v>85477736</v>
      </c>
      <c r="MP30" s="143">
        <v>85477736</v>
      </c>
      <c r="MQ30" s="142">
        <v>0</v>
      </c>
      <c r="MR30" s="119">
        <v>0</v>
      </c>
      <c r="MS30" s="120">
        <v>0</v>
      </c>
      <c r="MT30" s="145"/>
      <c r="MU30" s="119">
        <v>679447</v>
      </c>
      <c r="MV30" s="119">
        <v>1890494</v>
      </c>
      <c r="MW30" s="119">
        <v>14924830</v>
      </c>
      <c r="MX30" s="119">
        <v>19657624</v>
      </c>
      <c r="MY30" s="119">
        <v>14950732</v>
      </c>
      <c r="MZ30" s="120">
        <v>52103127</v>
      </c>
      <c r="NA30" s="143">
        <v>52103127</v>
      </c>
      <c r="NB30" s="142">
        <v>0</v>
      </c>
      <c r="NC30" s="119">
        <v>0</v>
      </c>
      <c r="ND30" s="120">
        <v>0</v>
      </c>
      <c r="NE30" s="145"/>
      <c r="NF30" s="119">
        <v>2948251</v>
      </c>
      <c r="NG30" s="119">
        <v>4958728</v>
      </c>
      <c r="NH30" s="119">
        <v>6243735</v>
      </c>
      <c r="NI30" s="119">
        <v>13140764</v>
      </c>
      <c r="NJ30" s="119">
        <v>4406129</v>
      </c>
      <c r="NK30" s="120">
        <v>31697607</v>
      </c>
      <c r="NL30" s="320">
        <v>31697607</v>
      </c>
      <c r="NM30" s="142">
        <v>0</v>
      </c>
      <c r="NN30" s="119">
        <v>0</v>
      </c>
      <c r="NO30" s="120">
        <v>0</v>
      </c>
      <c r="NP30" s="145">
        <v>0</v>
      </c>
      <c r="NQ30" s="119">
        <v>0</v>
      </c>
      <c r="NR30" s="119">
        <v>0</v>
      </c>
      <c r="NS30" s="119">
        <v>0</v>
      </c>
      <c r="NT30" s="119">
        <v>0</v>
      </c>
      <c r="NU30" s="119">
        <v>0</v>
      </c>
      <c r="NV30" s="120">
        <v>0</v>
      </c>
      <c r="NW30" s="121">
        <v>0</v>
      </c>
      <c r="NX30" s="142">
        <v>0</v>
      </c>
      <c r="NY30" s="119">
        <v>0</v>
      </c>
      <c r="NZ30" s="120">
        <v>0</v>
      </c>
      <c r="OA30" s="145"/>
      <c r="OB30" s="119">
        <v>0</v>
      </c>
      <c r="OC30" s="119">
        <v>0</v>
      </c>
      <c r="OD30" s="119">
        <v>0</v>
      </c>
      <c r="OE30" s="119">
        <v>396983</v>
      </c>
      <c r="OF30" s="119">
        <v>1280019</v>
      </c>
      <c r="OG30" s="120">
        <v>1677002</v>
      </c>
      <c r="OH30" s="121">
        <v>1677002</v>
      </c>
      <c r="OI30" s="142">
        <v>2047592</v>
      </c>
      <c r="OJ30" s="119">
        <v>4455974</v>
      </c>
      <c r="OK30" s="141">
        <v>6503566</v>
      </c>
      <c r="OL30" s="118">
        <v>0</v>
      </c>
      <c r="OM30" s="119">
        <v>40369702</v>
      </c>
      <c r="ON30" s="119">
        <v>40761309</v>
      </c>
      <c r="OO30" s="119">
        <v>44809580</v>
      </c>
      <c r="OP30" s="119">
        <v>60428166</v>
      </c>
      <c r="OQ30" s="119">
        <v>37086955</v>
      </c>
      <c r="OR30" s="120">
        <v>223455712</v>
      </c>
      <c r="OS30" s="143">
        <v>229959278</v>
      </c>
    </row>
    <row r="31" spans="2:409" ht="21" customHeight="1" x14ac:dyDescent="0.2">
      <c r="B31" s="62" t="s">
        <v>26</v>
      </c>
      <c r="C31" s="110">
        <v>1799653</v>
      </c>
      <c r="D31" s="114">
        <v>2243079</v>
      </c>
      <c r="E31" s="113">
        <v>4042732</v>
      </c>
      <c r="F31" s="109">
        <v>0</v>
      </c>
      <c r="G31" s="114">
        <v>22876451</v>
      </c>
      <c r="H31" s="114">
        <v>28525280</v>
      </c>
      <c r="I31" s="114">
        <v>22857732</v>
      </c>
      <c r="J31" s="114">
        <v>22751682</v>
      </c>
      <c r="K31" s="114">
        <v>18565344</v>
      </c>
      <c r="L31" s="173">
        <v>115576489</v>
      </c>
      <c r="M31" s="116">
        <v>119619221</v>
      </c>
      <c r="N31" s="110">
        <v>312658</v>
      </c>
      <c r="O31" s="114">
        <v>481728</v>
      </c>
      <c r="P31" s="113">
        <v>794386</v>
      </c>
      <c r="Q31" s="110">
        <v>0</v>
      </c>
      <c r="R31" s="114">
        <v>5929774</v>
      </c>
      <c r="S31" s="114">
        <v>8178556</v>
      </c>
      <c r="T31" s="114">
        <v>6377748</v>
      </c>
      <c r="U31" s="114">
        <v>9821791</v>
      </c>
      <c r="V31" s="114">
        <v>10093400</v>
      </c>
      <c r="W31" s="113">
        <v>40401269</v>
      </c>
      <c r="X31" s="116">
        <v>41195655</v>
      </c>
      <c r="Y31" s="110">
        <v>0</v>
      </c>
      <c r="Z31" s="114">
        <v>0</v>
      </c>
      <c r="AA31" s="113">
        <v>0</v>
      </c>
      <c r="AB31" s="110">
        <v>0</v>
      </c>
      <c r="AC31" s="114">
        <v>2747283</v>
      </c>
      <c r="AD31" s="114">
        <v>4235090</v>
      </c>
      <c r="AE31" s="114">
        <v>3219160</v>
      </c>
      <c r="AF31" s="114">
        <v>5980114</v>
      </c>
      <c r="AG31" s="114">
        <v>6394417</v>
      </c>
      <c r="AH31" s="113">
        <v>22576064</v>
      </c>
      <c r="AI31" s="116">
        <v>22576064</v>
      </c>
      <c r="AJ31" s="110">
        <v>0</v>
      </c>
      <c r="AK31" s="114">
        <v>0</v>
      </c>
      <c r="AL31" s="113">
        <v>0</v>
      </c>
      <c r="AM31" s="110">
        <v>0</v>
      </c>
      <c r="AN31" s="114">
        <v>0</v>
      </c>
      <c r="AO31" s="114">
        <v>91137</v>
      </c>
      <c r="AP31" s="114">
        <v>407789</v>
      </c>
      <c r="AQ31" s="114">
        <v>647605</v>
      </c>
      <c r="AR31" s="114">
        <v>913965</v>
      </c>
      <c r="AS31" s="113">
        <v>2060496</v>
      </c>
      <c r="AT31" s="116">
        <v>2060496</v>
      </c>
      <c r="AU31" s="110">
        <v>202126</v>
      </c>
      <c r="AV31" s="114">
        <v>431247</v>
      </c>
      <c r="AW31" s="113">
        <v>633373</v>
      </c>
      <c r="AX31" s="110">
        <v>0</v>
      </c>
      <c r="AY31" s="114">
        <v>2364573</v>
      </c>
      <c r="AZ31" s="114">
        <v>2842215</v>
      </c>
      <c r="BA31" s="114">
        <v>1784295</v>
      </c>
      <c r="BB31" s="114">
        <v>2224752</v>
      </c>
      <c r="BC31" s="114">
        <v>2035362</v>
      </c>
      <c r="BD31" s="113">
        <v>11251197</v>
      </c>
      <c r="BE31" s="116">
        <v>11884570</v>
      </c>
      <c r="BF31" s="110">
        <v>0</v>
      </c>
      <c r="BG31" s="114">
        <v>0</v>
      </c>
      <c r="BH31" s="112">
        <v>0</v>
      </c>
      <c r="BI31" s="111">
        <v>0</v>
      </c>
      <c r="BJ31" s="114">
        <v>53325</v>
      </c>
      <c r="BK31" s="114">
        <v>326241</v>
      </c>
      <c r="BL31" s="114">
        <v>145681</v>
      </c>
      <c r="BM31" s="114">
        <v>123760</v>
      </c>
      <c r="BN31" s="114">
        <v>93754</v>
      </c>
      <c r="BO31" s="113">
        <v>742761</v>
      </c>
      <c r="BP31" s="116">
        <v>742761</v>
      </c>
      <c r="BQ31" s="110">
        <v>110532</v>
      </c>
      <c r="BR31" s="114">
        <v>50481</v>
      </c>
      <c r="BS31" s="113">
        <v>161013</v>
      </c>
      <c r="BT31" s="110">
        <v>0</v>
      </c>
      <c r="BU31" s="114">
        <v>764593</v>
      </c>
      <c r="BV31" s="114">
        <v>683873</v>
      </c>
      <c r="BW31" s="114">
        <v>820823</v>
      </c>
      <c r="BX31" s="114">
        <v>845560</v>
      </c>
      <c r="BY31" s="114">
        <v>655902</v>
      </c>
      <c r="BZ31" s="113">
        <v>3770751</v>
      </c>
      <c r="CA31" s="116">
        <v>3931764</v>
      </c>
      <c r="CB31" s="110">
        <v>112155</v>
      </c>
      <c r="CC31" s="114">
        <v>243887</v>
      </c>
      <c r="CD31" s="113">
        <v>356042</v>
      </c>
      <c r="CE31" s="110">
        <v>0</v>
      </c>
      <c r="CF31" s="114">
        <v>6932087</v>
      </c>
      <c r="CG31" s="114">
        <v>7915042</v>
      </c>
      <c r="CH31" s="114">
        <v>5320622</v>
      </c>
      <c r="CI31" s="114">
        <v>2860223</v>
      </c>
      <c r="CJ31" s="114">
        <v>2214350</v>
      </c>
      <c r="CK31" s="113">
        <v>25242324</v>
      </c>
      <c r="CL31" s="116">
        <v>25598366</v>
      </c>
      <c r="CM31" s="110">
        <v>0</v>
      </c>
      <c r="CN31" s="114">
        <v>0</v>
      </c>
      <c r="CO31" s="113">
        <v>0</v>
      </c>
      <c r="CP31" s="111">
        <v>0</v>
      </c>
      <c r="CQ31" s="114">
        <v>5941038</v>
      </c>
      <c r="CR31" s="114">
        <v>6077825</v>
      </c>
      <c r="CS31" s="114">
        <v>4132861</v>
      </c>
      <c r="CT31" s="114">
        <v>2165197</v>
      </c>
      <c r="CU31" s="114">
        <v>1765154</v>
      </c>
      <c r="CV31" s="113">
        <v>20082075</v>
      </c>
      <c r="CW31" s="116">
        <v>20082075</v>
      </c>
      <c r="CX31" s="110">
        <v>112155</v>
      </c>
      <c r="CY31" s="114">
        <v>243887</v>
      </c>
      <c r="CZ31" s="113">
        <v>356042</v>
      </c>
      <c r="DA31" s="110">
        <v>0</v>
      </c>
      <c r="DB31" s="114">
        <v>991049</v>
      </c>
      <c r="DC31" s="114">
        <v>1837217</v>
      </c>
      <c r="DD31" s="114">
        <v>1187761</v>
      </c>
      <c r="DE31" s="114">
        <v>695026</v>
      </c>
      <c r="DF31" s="114">
        <v>449196</v>
      </c>
      <c r="DG31" s="113">
        <v>5160249</v>
      </c>
      <c r="DH31" s="116">
        <v>5516291</v>
      </c>
      <c r="DI31" s="110">
        <v>0</v>
      </c>
      <c r="DJ31" s="114">
        <v>151601</v>
      </c>
      <c r="DK31" s="112">
        <v>151601</v>
      </c>
      <c r="DL31" s="111">
        <v>0</v>
      </c>
      <c r="DM31" s="114">
        <v>878830</v>
      </c>
      <c r="DN31" s="114">
        <v>1798708</v>
      </c>
      <c r="DO31" s="114">
        <v>2814183</v>
      </c>
      <c r="DP31" s="114">
        <v>2314067</v>
      </c>
      <c r="DQ31" s="114">
        <v>1471442</v>
      </c>
      <c r="DR31" s="113">
        <v>9277230</v>
      </c>
      <c r="DS31" s="116">
        <v>9428831</v>
      </c>
      <c r="DT31" s="110">
        <v>0</v>
      </c>
      <c r="DU31" s="114">
        <v>151601</v>
      </c>
      <c r="DV31" s="113">
        <v>151601</v>
      </c>
      <c r="DW31" s="110">
        <v>0</v>
      </c>
      <c r="DX31" s="114">
        <v>751279</v>
      </c>
      <c r="DY31" s="114">
        <v>1707935</v>
      </c>
      <c r="DZ31" s="114">
        <v>2617121</v>
      </c>
      <c r="EA31" s="114">
        <v>2102153</v>
      </c>
      <c r="EB31" s="114">
        <v>1298934</v>
      </c>
      <c r="EC31" s="113">
        <v>8477422</v>
      </c>
      <c r="ED31" s="116">
        <v>8629023</v>
      </c>
      <c r="EE31" s="110">
        <v>0</v>
      </c>
      <c r="EF31" s="112">
        <v>0</v>
      </c>
      <c r="EG31" s="113">
        <v>0</v>
      </c>
      <c r="EH31" s="110">
        <v>0</v>
      </c>
      <c r="EI31" s="114">
        <v>127551</v>
      </c>
      <c r="EJ31" s="114">
        <v>90773</v>
      </c>
      <c r="EK31" s="114">
        <v>197062</v>
      </c>
      <c r="EL31" s="114">
        <v>211914</v>
      </c>
      <c r="EM31" s="114">
        <v>172508</v>
      </c>
      <c r="EN31" s="112">
        <v>799808</v>
      </c>
      <c r="EO31" s="116">
        <v>799808</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511987</v>
      </c>
      <c r="FM31" s="114">
        <v>582279</v>
      </c>
      <c r="FN31" s="113">
        <v>1094266</v>
      </c>
      <c r="FO31" s="110">
        <v>0</v>
      </c>
      <c r="FP31" s="114">
        <v>1371595</v>
      </c>
      <c r="FQ31" s="114">
        <v>2736652</v>
      </c>
      <c r="FR31" s="114">
        <v>1845893</v>
      </c>
      <c r="FS31" s="114">
        <v>1862942</v>
      </c>
      <c r="FT31" s="114">
        <v>1533131</v>
      </c>
      <c r="FU31" s="113">
        <v>9350213</v>
      </c>
      <c r="FV31" s="116">
        <v>10444479</v>
      </c>
      <c r="FW31" s="115">
        <v>243762</v>
      </c>
      <c r="FX31" s="114">
        <v>506722</v>
      </c>
      <c r="FY31" s="112">
        <v>750484</v>
      </c>
      <c r="FZ31" s="111">
        <v>0</v>
      </c>
      <c r="GA31" s="114">
        <v>1085901</v>
      </c>
      <c r="GB31" s="114">
        <v>2668521</v>
      </c>
      <c r="GC31" s="114">
        <v>1665043</v>
      </c>
      <c r="GD31" s="114">
        <v>1834430</v>
      </c>
      <c r="GE31" s="114">
        <v>1518479</v>
      </c>
      <c r="GF31" s="113">
        <v>8772374</v>
      </c>
      <c r="GG31" s="318">
        <v>9522858</v>
      </c>
      <c r="GH31" s="115">
        <v>50310</v>
      </c>
      <c r="GI31" s="114">
        <v>22410</v>
      </c>
      <c r="GJ31" s="112">
        <v>72720</v>
      </c>
      <c r="GK31" s="111">
        <v>0</v>
      </c>
      <c r="GL31" s="114">
        <v>0</v>
      </c>
      <c r="GM31" s="114">
        <v>68131</v>
      </c>
      <c r="GN31" s="114">
        <v>44055</v>
      </c>
      <c r="GO31" s="114">
        <v>28512</v>
      </c>
      <c r="GP31" s="114">
        <v>14652</v>
      </c>
      <c r="GQ31" s="113">
        <v>155350</v>
      </c>
      <c r="GR31" s="116">
        <v>228070</v>
      </c>
      <c r="GS31" s="110">
        <v>217915</v>
      </c>
      <c r="GT31" s="114">
        <v>53147</v>
      </c>
      <c r="GU31" s="113">
        <v>271062</v>
      </c>
      <c r="GV31" s="110">
        <v>0</v>
      </c>
      <c r="GW31" s="114">
        <v>285694</v>
      </c>
      <c r="GX31" s="114">
        <v>0</v>
      </c>
      <c r="GY31" s="114">
        <v>136795</v>
      </c>
      <c r="GZ31" s="114">
        <v>0</v>
      </c>
      <c r="HA31" s="114">
        <v>0</v>
      </c>
      <c r="HB31" s="112">
        <v>422489</v>
      </c>
      <c r="HC31" s="116">
        <v>693551</v>
      </c>
      <c r="HD31" s="110">
        <v>555443</v>
      </c>
      <c r="HE31" s="114">
        <v>291472</v>
      </c>
      <c r="HF31" s="112">
        <v>846915</v>
      </c>
      <c r="HG31" s="111">
        <v>0</v>
      </c>
      <c r="HH31" s="114">
        <v>3501081</v>
      </c>
      <c r="HI31" s="114">
        <v>4164678</v>
      </c>
      <c r="HJ31" s="114">
        <v>4077893</v>
      </c>
      <c r="HK31" s="114">
        <v>4028705</v>
      </c>
      <c r="HL31" s="114">
        <v>1992594</v>
      </c>
      <c r="HM31" s="113">
        <v>17764951</v>
      </c>
      <c r="HN31" s="109">
        <v>18611866</v>
      </c>
      <c r="HO31" s="115">
        <v>307410</v>
      </c>
      <c r="HP31" s="114">
        <v>492112</v>
      </c>
      <c r="HQ31" s="113">
        <v>799522</v>
      </c>
      <c r="HR31" s="110">
        <v>0</v>
      </c>
      <c r="HS31" s="114">
        <v>4263084</v>
      </c>
      <c r="HT31" s="114">
        <v>3731644</v>
      </c>
      <c r="HU31" s="114">
        <v>2421393</v>
      </c>
      <c r="HV31" s="114">
        <v>1863954</v>
      </c>
      <c r="HW31" s="114">
        <v>1260427</v>
      </c>
      <c r="HX31" s="112">
        <v>13540502</v>
      </c>
      <c r="HY31" s="116">
        <v>14340024</v>
      </c>
      <c r="HZ31" s="131">
        <v>53875</v>
      </c>
      <c r="IA31" s="132">
        <v>0</v>
      </c>
      <c r="IB31" s="133">
        <v>53875</v>
      </c>
      <c r="IC31" s="146">
        <v>0</v>
      </c>
      <c r="ID31" s="132">
        <v>6161616</v>
      </c>
      <c r="IE31" s="147">
        <v>5993877</v>
      </c>
      <c r="IF31" s="133">
        <v>9633867</v>
      </c>
      <c r="IG31" s="132">
        <v>4997847</v>
      </c>
      <c r="IH31" s="133">
        <v>4287588</v>
      </c>
      <c r="II31" s="148">
        <v>31074795</v>
      </c>
      <c r="IJ31" s="139">
        <v>31128670</v>
      </c>
      <c r="IK31" s="232">
        <v>0</v>
      </c>
      <c r="IL31" s="236">
        <v>0</v>
      </c>
      <c r="IM31" s="237">
        <v>0</v>
      </c>
      <c r="IN31" s="140">
        <v>0</v>
      </c>
      <c r="IO31" s="119">
        <v>0</v>
      </c>
      <c r="IP31" s="119">
        <v>0</v>
      </c>
      <c r="IQ31" s="119">
        <v>0</v>
      </c>
      <c r="IR31" s="119">
        <v>0</v>
      </c>
      <c r="IS31" s="119">
        <v>0</v>
      </c>
      <c r="IT31" s="141">
        <v>0</v>
      </c>
      <c r="IU31" s="320">
        <v>0</v>
      </c>
      <c r="IV31" s="142">
        <v>0</v>
      </c>
      <c r="IW31" s="119">
        <v>0</v>
      </c>
      <c r="IX31" s="120">
        <v>0</v>
      </c>
      <c r="IY31" s="144">
        <v>0</v>
      </c>
      <c r="IZ31" s="119">
        <v>0</v>
      </c>
      <c r="JA31" s="119">
        <v>0</v>
      </c>
      <c r="JB31" s="119">
        <v>0</v>
      </c>
      <c r="JC31" s="119">
        <v>0</v>
      </c>
      <c r="JD31" s="119">
        <v>0</v>
      </c>
      <c r="JE31" s="120">
        <v>0</v>
      </c>
      <c r="JF31" s="121">
        <v>0</v>
      </c>
      <c r="JG31" s="142">
        <v>0</v>
      </c>
      <c r="JH31" s="119">
        <v>0</v>
      </c>
      <c r="JI31" s="141">
        <v>0</v>
      </c>
      <c r="JJ31" s="118">
        <v>0</v>
      </c>
      <c r="JK31" s="119">
        <v>2615576</v>
      </c>
      <c r="JL31" s="119">
        <v>2732062</v>
      </c>
      <c r="JM31" s="119">
        <v>3210155</v>
      </c>
      <c r="JN31" s="119">
        <v>1318096</v>
      </c>
      <c r="JO31" s="119">
        <v>1353044</v>
      </c>
      <c r="JP31" s="120">
        <v>11228933</v>
      </c>
      <c r="JQ31" s="320">
        <v>11228933</v>
      </c>
      <c r="JR31" s="142">
        <v>0</v>
      </c>
      <c r="JS31" s="119">
        <v>0</v>
      </c>
      <c r="JT31" s="141">
        <v>0</v>
      </c>
      <c r="JU31" s="118">
        <v>0</v>
      </c>
      <c r="JV31" s="119">
        <v>68843</v>
      </c>
      <c r="JW31" s="119">
        <v>277537</v>
      </c>
      <c r="JX31" s="119">
        <v>1387586</v>
      </c>
      <c r="JY31" s="119">
        <v>472825</v>
      </c>
      <c r="JZ31" s="119">
        <v>710574</v>
      </c>
      <c r="KA31" s="120">
        <v>2917365</v>
      </c>
      <c r="KB31" s="320">
        <v>2917365</v>
      </c>
      <c r="KC31" s="234">
        <v>53875</v>
      </c>
      <c r="KD31" s="230">
        <v>0</v>
      </c>
      <c r="KE31" s="120">
        <v>53875</v>
      </c>
      <c r="KF31" s="118">
        <v>0</v>
      </c>
      <c r="KG31" s="119">
        <v>906199</v>
      </c>
      <c r="KH31" s="119">
        <v>960824</v>
      </c>
      <c r="KI31" s="119">
        <v>536528</v>
      </c>
      <c r="KJ31" s="119">
        <v>283948</v>
      </c>
      <c r="KK31" s="119">
        <v>955404</v>
      </c>
      <c r="KL31" s="120">
        <v>3642903</v>
      </c>
      <c r="KM31" s="143">
        <v>3696778</v>
      </c>
      <c r="KN31" s="232">
        <v>0</v>
      </c>
      <c r="KO31" s="236">
        <v>0</v>
      </c>
      <c r="KP31" s="237">
        <v>0</v>
      </c>
      <c r="KQ31" s="140"/>
      <c r="KR31" s="119">
        <v>2570998</v>
      </c>
      <c r="KS31" s="119">
        <v>2023454</v>
      </c>
      <c r="KT31" s="119">
        <v>4253338</v>
      </c>
      <c r="KU31" s="119">
        <v>2922978</v>
      </c>
      <c r="KV31" s="119">
        <v>1268566</v>
      </c>
      <c r="KW31" s="120">
        <v>13039334</v>
      </c>
      <c r="KX31" s="320">
        <v>13039334</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246260</v>
      </c>
      <c r="LQ31" s="119">
        <v>0</v>
      </c>
      <c r="LR31" s="119">
        <v>0</v>
      </c>
      <c r="LS31" s="120">
        <v>246260</v>
      </c>
      <c r="LT31" s="320">
        <v>24626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2494101</v>
      </c>
      <c r="MK31" s="119">
        <v>6866145</v>
      </c>
      <c r="ML31" s="119">
        <v>13132442</v>
      </c>
      <c r="MM31" s="119">
        <v>27290926</v>
      </c>
      <c r="MN31" s="119">
        <v>17435495</v>
      </c>
      <c r="MO31" s="120">
        <v>67219109</v>
      </c>
      <c r="MP31" s="143">
        <v>67219109</v>
      </c>
      <c r="MQ31" s="142">
        <v>0</v>
      </c>
      <c r="MR31" s="119">
        <v>0</v>
      </c>
      <c r="MS31" s="120">
        <v>0</v>
      </c>
      <c r="MT31" s="145"/>
      <c r="MU31" s="119">
        <v>0</v>
      </c>
      <c r="MV31" s="119">
        <v>1966920</v>
      </c>
      <c r="MW31" s="119">
        <v>7807337</v>
      </c>
      <c r="MX31" s="119">
        <v>19839244</v>
      </c>
      <c r="MY31" s="119">
        <v>11651956</v>
      </c>
      <c r="MZ31" s="120">
        <v>41265457</v>
      </c>
      <c r="NA31" s="143">
        <v>41265457</v>
      </c>
      <c r="NB31" s="142">
        <v>0</v>
      </c>
      <c r="NC31" s="119">
        <v>0</v>
      </c>
      <c r="ND31" s="120">
        <v>0</v>
      </c>
      <c r="NE31" s="145"/>
      <c r="NF31" s="119">
        <v>2494101</v>
      </c>
      <c r="NG31" s="119">
        <v>4899225</v>
      </c>
      <c r="NH31" s="119">
        <v>5325105</v>
      </c>
      <c r="NI31" s="119">
        <v>6632738</v>
      </c>
      <c r="NJ31" s="119">
        <v>4935168</v>
      </c>
      <c r="NK31" s="120">
        <v>24286337</v>
      </c>
      <c r="NL31" s="320">
        <v>24286337</v>
      </c>
      <c r="NM31" s="142">
        <v>0</v>
      </c>
      <c r="NN31" s="119">
        <v>0</v>
      </c>
      <c r="NO31" s="120">
        <v>0</v>
      </c>
      <c r="NP31" s="145">
        <v>0</v>
      </c>
      <c r="NQ31" s="119">
        <v>0</v>
      </c>
      <c r="NR31" s="119">
        <v>0</v>
      </c>
      <c r="NS31" s="119">
        <v>0</v>
      </c>
      <c r="NT31" s="119">
        <v>0</v>
      </c>
      <c r="NU31" s="119">
        <v>0</v>
      </c>
      <c r="NV31" s="120">
        <v>0</v>
      </c>
      <c r="NW31" s="121">
        <v>0</v>
      </c>
      <c r="NX31" s="142">
        <v>0</v>
      </c>
      <c r="NY31" s="119">
        <v>0</v>
      </c>
      <c r="NZ31" s="120">
        <v>0</v>
      </c>
      <c r="OA31" s="145"/>
      <c r="OB31" s="119">
        <v>0</v>
      </c>
      <c r="OC31" s="119">
        <v>0</v>
      </c>
      <c r="OD31" s="119">
        <v>0</v>
      </c>
      <c r="OE31" s="119">
        <v>818944</v>
      </c>
      <c r="OF31" s="119">
        <v>848371</v>
      </c>
      <c r="OG31" s="120">
        <v>1667315</v>
      </c>
      <c r="OH31" s="121">
        <v>1667315</v>
      </c>
      <c r="OI31" s="142">
        <v>1853528</v>
      </c>
      <c r="OJ31" s="119">
        <v>2243079</v>
      </c>
      <c r="OK31" s="141">
        <v>4096607</v>
      </c>
      <c r="OL31" s="118">
        <v>0</v>
      </c>
      <c r="OM31" s="119">
        <v>31532168</v>
      </c>
      <c r="ON31" s="119">
        <v>41385302</v>
      </c>
      <c r="OO31" s="119">
        <v>45624041</v>
      </c>
      <c r="OP31" s="119">
        <v>55040455</v>
      </c>
      <c r="OQ31" s="119">
        <v>40288427</v>
      </c>
      <c r="OR31" s="120">
        <v>213870393</v>
      </c>
      <c r="OS31" s="143">
        <v>217967000</v>
      </c>
    </row>
    <row r="32" spans="2:409" ht="21" customHeight="1" x14ac:dyDescent="0.2">
      <c r="B32" s="62" t="s">
        <v>27</v>
      </c>
      <c r="C32" s="110">
        <v>2719453</v>
      </c>
      <c r="D32" s="114">
        <v>6386441</v>
      </c>
      <c r="E32" s="113">
        <v>9105894</v>
      </c>
      <c r="F32" s="109">
        <v>0</v>
      </c>
      <c r="G32" s="114">
        <v>21077466</v>
      </c>
      <c r="H32" s="114">
        <v>23243726</v>
      </c>
      <c r="I32" s="114">
        <v>24445736</v>
      </c>
      <c r="J32" s="114">
        <v>25567248</v>
      </c>
      <c r="K32" s="114">
        <v>16159571</v>
      </c>
      <c r="L32" s="173">
        <v>110493747</v>
      </c>
      <c r="M32" s="116">
        <v>119599641</v>
      </c>
      <c r="N32" s="110">
        <v>642551</v>
      </c>
      <c r="O32" s="114">
        <v>1519761</v>
      </c>
      <c r="P32" s="113">
        <v>2162312</v>
      </c>
      <c r="Q32" s="110">
        <v>0</v>
      </c>
      <c r="R32" s="114">
        <v>3933726</v>
      </c>
      <c r="S32" s="114">
        <v>5804497</v>
      </c>
      <c r="T32" s="114">
        <v>6805334</v>
      </c>
      <c r="U32" s="114">
        <v>8651743</v>
      </c>
      <c r="V32" s="114">
        <v>8765667</v>
      </c>
      <c r="W32" s="113">
        <v>33960967</v>
      </c>
      <c r="X32" s="116">
        <v>36123279</v>
      </c>
      <c r="Y32" s="110">
        <v>0</v>
      </c>
      <c r="Z32" s="114">
        <v>0</v>
      </c>
      <c r="AA32" s="113">
        <v>0</v>
      </c>
      <c r="AB32" s="110">
        <v>0</v>
      </c>
      <c r="AC32" s="114">
        <v>2091903</v>
      </c>
      <c r="AD32" s="114">
        <v>3247029</v>
      </c>
      <c r="AE32" s="114">
        <v>3777233</v>
      </c>
      <c r="AF32" s="114">
        <v>4865436</v>
      </c>
      <c r="AG32" s="114">
        <v>5200644</v>
      </c>
      <c r="AH32" s="113">
        <v>19182245</v>
      </c>
      <c r="AI32" s="116">
        <v>19182245</v>
      </c>
      <c r="AJ32" s="110">
        <v>0</v>
      </c>
      <c r="AK32" s="114">
        <v>0</v>
      </c>
      <c r="AL32" s="113">
        <v>0</v>
      </c>
      <c r="AM32" s="110">
        <v>0</v>
      </c>
      <c r="AN32" s="114">
        <v>51346</v>
      </c>
      <c r="AO32" s="114">
        <v>310523</v>
      </c>
      <c r="AP32" s="114">
        <v>424388</v>
      </c>
      <c r="AQ32" s="114">
        <v>1172955</v>
      </c>
      <c r="AR32" s="114">
        <v>984582</v>
      </c>
      <c r="AS32" s="113">
        <v>2943794</v>
      </c>
      <c r="AT32" s="116">
        <v>2943794</v>
      </c>
      <c r="AU32" s="110">
        <v>561308</v>
      </c>
      <c r="AV32" s="114">
        <v>1240720</v>
      </c>
      <c r="AW32" s="113">
        <v>1802028</v>
      </c>
      <c r="AX32" s="110">
        <v>0</v>
      </c>
      <c r="AY32" s="114">
        <v>1020532</v>
      </c>
      <c r="AZ32" s="114">
        <v>1450753</v>
      </c>
      <c r="BA32" s="114">
        <v>1519845</v>
      </c>
      <c r="BB32" s="114">
        <v>1623559</v>
      </c>
      <c r="BC32" s="114">
        <v>2034232</v>
      </c>
      <c r="BD32" s="113">
        <v>7648921</v>
      </c>
      <c r="BE32" s="116">
        <v>9450949</v>
      </c>
      <c r="BF32" s="110">
        <v>0</v>
      </c>
      <c r="BG32" s="114">
        <v>80241</v>
      </c>
      <c r="BH32" s="112">
        <v>80241</v>
      </c>
      <c r="BI32" s="111">
        <v>0</v>
      </c>
      <c r="BJ32" s="114">
        <v>53326</v>
      </c>
      <c r="BK32" s="114">
        <v>77714</v>
      </c>
      <c r="BL32" s="114">
        <v>0</v>
      </c>
      <c r="BM32" s="114">
        <v>127177</v>
      </c>
      <c r="BN32" s="114">
        <v>44439</v>
      </c>
      <c r="BO32" s="113">
        <v>302656</v>
      </c>
      <c r="BP32" s="116">
        <v>382897</v>
      </c>
      <c r="BQ32" s="110">
        <v>81243</v>
      </c>
      <c r="BR32" s="114">
        <v>198800</v>
      </c>
      <c r="BS32" s="113">
        <v>280043</v>
      </c>
      <c r="BT32" s="110">
        <v>0</v>
      </c>
      <c r="BU32" s="114">
        <v>716619</v>
      </c>
      <c r="BV32" s="114">
        <v>718478</v>
      </c>
      <c r="BW32" s="114">
        <v>1083868</v>
      </c>
      <c r="BX32" s="114">
        <v>862616</v>
      </c>
      <c r="BY32" s="114">
        <v>501770</v>
      </c>
      <c r="BZ32" s="113">
        <v>3883351</v>
      </c>
      <c r="CA32" s="116">
        <v>4163394</v>
      </c>
      <c r="CB32" s="110">
        <v>220703</v>
      </c>
      <c r="CC32" s="114">
        <v>1391291</v>
      </c>
      <c r="CD32" s="113">
        <v>1611994</v>
      </c>
      <c r="CE32" s="110">
        <v>0</v>
      </c>
      <c r="CF32" s="114">
        <v>7251190</v>
      </c>
      <c r="CG32" s="114">
        <v>6829843</v>
      </c>
      <c r="CH32" s="114">
        <v>5267868</v>
      </c>
      <c r="CI32" s="114">
        <v>3969919</v>
      </c>
      <c r="CJ32" s="114">
        <v>1825576</v>
      </c>
      <c r="CK32" s="113">
        <v>25144396</v>
      </c>
      <c r="CL32" s="116">
        <v>26756390</v>
      </c>
      <c r="CM32" s="110">
        <v>0</v>
      </c>
      <c r="CN32" s="114">
        <v>0</v>
      </c>
      <c r="CO32" s="113">
        <v>0</v>
      </c>
      <c r="CP32" s="111">
        <v>0</v>
      </c>
      <c r="CQ32" s="114">
        <v>6209428</v>
      </c>
      <c r="CR32" s="114">
        <v>5434231</v>
      </c>
      <c r="CS32" s="114">
        <v>4235780</v>
      </c>
      <c r="CT32" s="114">
        <v>3329069</v>
      </c>
      <c r="CU32" s="114">
        <v>1424914</v>
      </c>
      <c r="CV32" s="113">
        <v>20633422</v>
      </c>
      <c r="CW32" s="116">
        <v>20633422</v>
      </c>
      <c r="CX32" s="110">
        <v>220703</v>
      </c>
      <c r="CY32" s="114">
        <v>1391291</v>
      </c>
      <c r="CZ32" s="113">
        <v>1611994</v>
      </c>
      <c r="DA32" s="110">
        <v>0</v>
      </c>
      <c r="DB32" s="114">
        <v>1041762</v>
      </c>
      <c r="DC32" s="114">
        <v>1395612</v>
      </c>
      <c r="DD32" s="114">
        <v>1032088</v>
      </c>
      <c r="DE32" s="114">
        <v>640850</v>
      </c>
      <c r="DF32" s="114">
        <v>400662</v>
      </c>
      <c r="DG32" s="113">
        <v>4510974</v>
      </c>
      <c r="DH32" s="116">
        <v>6122968</v>
      </c>
      <c r="DI32" s="110">
        <v>0</v>
      </c>
      <c r="DJ32" s="114">
        <v>37150</v>
      </c>
      <c r="DK32" s="112">
        <v>37150</v>
      </c>
      <c r="DL32" s="111">
        <v>0</v>
      </c>
      <c r="DM32" s="114">
        <v>625043</v>
      </c>
      <c r="DN32" s="114">
        <v>862790</v>
      </c>
      <c r="DO32" s="114">
        <v>1056138</v>
      </c>
      <c r="DP32" s="114">
        <v>1977189</v>
      </c>
      <c r="DQ32" s="114">
        <v>967571</v>
      </c>
      <c r="DR32" s="113">
        <v>5488731</v>
      </c>
      <c r="DS32" s="116">
        <v>5525881</v>
      </c>
      <c r="DT32" s="110">
        <v>0</v>
      </c>
      <c r="DU32" s="114">
        <v>37150</v>
      </c>
      <c r="DV32" s="113">
        <v>37150</v>
      </c>
      <c r="DW32" s="110">
        <v>0</v>
      </c>
      <c r="DX32" s="114">
        <v>355583</v>
      </c>
      <c r="DY32" s="114">
        <v>840605</v>
      </c>
      <c r="DZ32" s="114">
        <v>1000626</v>
      </c>
      <c r="EA32" s="114">
        <v>1560003</v>
      </c>
      <c r="EB32" s="114">
        <v>882379</v>
      </c>
      <c r="EC32" s="113">
        <v>4639196</v>
      </c>
      <c r="ED32" s="116">
        <v>4676346</v>
      </c>
      <c r="EE32" s="110">
        <v>0</v>
      </c>
      <c r="EF32" s="112">
        <v>0</v>
      </c>
      <c r="EG32" s="113">
        <v>0</v>
      </c>
      <c r="EH32" s="110">
        <v>0</v>
      </c>
      <c r="EI32" s="114">
        <v>269460</v>
      </c>
      <c r="EJ32" s="114">
        <v>22185</v>
      </c>
      <c r="EK32" s="114">
        <v>55512</v>
      </c>
      <c r="EL32" s="114">
        <v>417186</v>
      </c>
      <c r="EM32" s="114">
        <v>85192</v>
      </c>
      <c r="EN32" s="112">
        <v>849535</v>
      </c>
      <c r="EO32" s="116">
        <v>849535</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805640</v>
      </c>
      <c r="FM32" s="114">
        <v>1261491</v>
      </c>
      <c r="FN32" s="113">
        <v>2067131</v>
      </c>
      <c r="FO32" s="110">
        <v>0</v>
      </c>
      <c r="FP32" s="114">
        <v>747460</v>
      </c>
      <c r="FQ32" s="114">
        <v>2350775</v>
      </c>
      <c r="FR32" s="114">
        <v>1436540</v>
      </c>
      <c r="FS32" s="114">
        <v>1502187</v>
      </c>
      <c r="FT32" s="114">
        <v>1216666</v>
      </c>
      <c r="FU32" s="113">
        <v>7253628</v>
      </c>
      <c r="FV32" s="116">
        <v>9320759</v>
      </c>
      <c r="FW32" s="115">
        <v>452280</v>
      </c>
      <c r="FX32" s="114">
        <v>895909</v>
      </c>
      <c r="FY32" s="112">
        <v>1348189</v>
      </c>
      <c r="FZ32" s="111">
        <v>0</v>
      </c>
      <c r="GA32" s="114">
        <v>541438</v>
      </c>
      <c r="GB32" s="114">
        <v>2006561</v>
      </c>
      <c r="GC32" s="114">
        <v>1354964</v>
      </c>
      <c r="GD32" s="114">
        <v>1502187</v>
      </c>
      <c r="GE32" s="114">
        <v>1216666</v>
      </c>
      <c r="GF32" s="113">
        <v>6621816</v>
      </c>
      <c r="GG32" s="318">
        <v>7970005</v>
      </c>
      <c r="GH32" s="115">
        <v>23760</v>
      </c>
      <c r="GI32" s="114">
        <v>206192</v>
      </c>
      <c r="GJ32" s="112">
        <v>229952</v>
      </c>
      <c r="GK32" s="111">
        <v>0</v>
      </c>
      <c r="GL32" s="114">
        <v>44748</v>
      </c>
      <c r="GM32" s="114">
        <v>84480</v>
      </c>
      <c r="GN32" s="114">
        <v>81576</v>
      </c>
      <c r="GO32" s="114">
        <v>0</v>
      </c>
      <c r="GP32" s="114">
        <v>0</v>
      </c>
      <c r="GQ32" s="113">
        <v>210804</v>
      </c>
      <c r="GR32" s="116">
        <v>440756</v>
      </c>
      <c r="GS32" s="110">
        <v>329600</v>
      </c>
      <c r="GT32" s="114">
        <v>159390</v>
      </c>
      <c r="GU32" s="113">
        <v>488990</v>
      </c>
      <c r="GV32" s="110">
        <v>0</v>
      </c>
      <c r="GW32" s="114">
        <v>161274</v>
      </c>
      <c r="GX32" s="114">
        <v>259734</v>
      </c>
      <c r="GY32" s="114">
        <v>0</v>
      </c>
      <c r="GZ32" s="114">
        <v>0</v>
      </c>
      <c r="HA32" s="114">
        <v>0</v>
      </c>
      <c r="HB32" s="112">
        <v>421008</v>
      </c>
      <c r="HC32" s="116">
        <v>909998</v>
      </c>
      <c r="HD32" s="110">
        <v>543163</v>
      </c>
      <c r="HE32" s="114">
        <v>1447730</v>
      </c>
      <c r="HF32" s="112">
        <v>1990893</v>
      </c>
      <c r="HG32" s="111">
        <v>0</v>
      </c>
      <c r="HH32" s="114">
        <v>5501367</v>
      </c>
      <c r="HI32" s="114">
        <v>4948141</v>
      </c>
      <c r="HJ32" s="114">
        <v>7852489</v>
      </c>
      <c r="HK32" s="114">
        <v>8001481</v>
      </c>
      <c r="HL32" s="114">
        <v>2508577</v>
      </c>
      <c r="HM32" s="113">
        <v>28812055</v>
      </c>
      <c r="HN32" s="109">
        <v>30802948</v>
      </c>
      <c r="HO32" s="115">
        <v>507396</v>
      </c>
      <c r="HP32" s="114">
        <v>729018</v>
      </c>
      <c r="HQ32" s="113">
        <v>1236414</v>
      </c>
      <c r="HR32" s="110">
        <v>0</v>
      </c>
      <c r="HS32" s="114">
        <v>3018680</v>
      </c>
      <c r="HT32" s="114">
        <v>2447680</v>
      </c>
      <c r="HU32" s="114">
        <v>2027367</v>
      </c>
      <c r="HV32" s="114">
        <v>1464729</v>
      </c>
      <c r="HW32" s="114">
        <v>875514</v>
      </c>
      <c r="HX32" s="112">
        <v>9833970</v>
      </c>
      <c r="HY32" s="116">
        <v>11070384</v>
      </c>
      <c r="HZ32" s="150">
        <v>0</v>
      </c>
      <c r="IA32" s="135">
        <v>0</v>
      </c>
      <c r="IB32" s="150">
        <v>0</v>
      </c>
      <c r="IC32" s="134">
        <v>0</v>
      </c>
      <c r="ID32" s="135">
        <v>5495865</v>
      </c>
      <c r="IE32" s="136">
        <v>2303243</v>
      </c>
      <c r="IF32" s="137">
        <v>5997239</v>
      </c>
      <c r="IG32" s="135">
        <v>3807085</v>
      </c>
      <c r="IH32" s="137">
        <v>2271101</v>
      </c>
      <c r="II32" s="138">
        <v>19874533</v>
      </c>
      <c r="IJ32" s="150">
        <v>19874533</v>
      </c>
      <c r="IK32" s="232">
        <v>0</v>
      </c>
      <c r="IL32" s="236">
        <v>0</v>
      </c>
      <c r="IM32" s="237">
        <v>0</v>
      </c>
      <c r="IN32" s="140">
        <v>0</v>
      </c>
      <c r="IO32" s="119">
        <v>0</v>
      </c>
      <c r="IP32" s="119">
        <v>105462</v>
      </c>
      <c r="IQ32" s="119">
        <v>172056</v>
      </c>
      <c r="IR32" s="119">
        <v>0</v>
      </c>
      <c r="IS32" s="119">
        <v>147097</v>
      </c>
      <c r="IT32" s="141">
        <v>424615</v>
      </c>
      <c r="IU32" s="320">
        <v>424615</v>
      </c>
      <c r="IV32" s="142">
        <v>0</v>
      </c>
      <c r="IW32" s="119">
        <v>0</v>
      </c>
      <c r="IX32" s="120">
        <v>0</v>
      </c>
      <c r="IY32" s="144">
        <v>0</v>
      </c>
      <c r="IZ32" s="119">
        <v>0</v>
      </c>
      <c r="JA32" s="119">
        <v>0</v>
      </c>
      <c r="JB32" s="119">
        <v>0</v>
      </c>
      <c r="JC32" s="119">
        <v>0</v>
      </c>
      <c r="JD32" s="119">
        <v>0</v>
      </c>
      <c r="JE32" s="120">
        <v>0</v>
      </c>
      <c r="JF32" s="121">
        <v>0</v>
      </c>
      <c r="JG32" s="142">
        <v>0</v>
      </c>
      <c r="JH32" s="119">
        <v>0</v>
      </c>
      <c r="JI32" s="141">
        <v>0</v>
      </c>
      <c r="JJ32" s="118">
        <v>0</v>
      </c>
      <c r="JK32" s="119">
        <v>1956856</v>
      </c>
      <c r="JL32" s="119">
        <v>680678</v>
      </c>
      <c r="JM32" s="119">
        <v>671090</v>
      </c>
      <c r="JN32" s="119">
        <v>249531</v>
      </c>
      <c r="JO32" s="119">
        <v>0</v>
      </c>
      <c r="JP32" s="120">
        <v>3558155</v>
      </c>
      <c r="JQ32" s="320">
        <v>3558155</v>
      </c>
      <c r="JR32" s="142">
        <v>0</v>
      </c>
      <c r="JS32" s="119">
        <v>0</v>
      </c>
      <c r="JT32" s="141">
        <v>0</v>
      </c>
      <c r="JU32" s="118">
        <v>0</v>
      </c>
      <c r="JV32" s="119">
        <v>314822</v>
      </c>
      <c r="JW32" s="119">
        <v>180005</v>
      </c>
      <c r="JX32" s="119">
        <v>40355</v>
      </c>
      <c r="JY32" s="119">
        <v>0</v>
      </c>
      <c r="JZ32" s="119">
        <v>0</v>
      </c>
      <c r="KA32" s="120">
        <v>535182</v>
      </c>
      <c r="KB32" s="320">
        <v>535182</v>
      </c>
      <c r="KC32" s="234">
        <v>0</v>
      </c>
      <c r="KD32" s="230">
        <v>0</v>
      </c>
      <c r="KE32" s="120">
        <v>0</v>
      </c>
      <c r="KF32" s="118">
        <v>0</v>
      </c>
      <c r="KG32" s="119">
        <v>0</v>
      </c>
      <c r="KH32" s="119">
        <v>195943</v>
      </c>
      <c r="KI32" s="119">
        <v>0</v>
      </c>
      <c r="KJ32" s="119">
        <v>0</v>
      </c>
      <c r="KK32" s="119">
        <v>0</v>
      </c>
      <c r="KL32" s="120">
        <v>195943</v>
      </c>
      <c r="KM32" s="143">
        <v>195943</v>
      </c>
      <c r="KN32" s="232">
        <v>0</v>
      </c>
      <c r="KO32" s="236">
        <v>0</v>
      </c>
      <c r="KP32" s="237">
        <v>0</v>
      </c>
      <c r="KQ32" s="140"/>
      <c r="KR32" s="119">
        <v>3224187</v>
      </c>
      <c r="KS32" s="119">
        <v>1141155</v>
      </c>
      <c r="KT32" s="119">
        <v>2805781</v>
      </c>
      <c r="KU32" s="119">
        <v>516458</v>
      </c>
      <c r="KV32" s="119">
        <v>835202</v>
      </c>
      <c r="KW32" s="120">
        <v>8522783</v>
      </c>
      <c r="KX32" s="320">
        <v>8522783</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307957</v>
      </c>
      <c r="LQ32" s="119">
        <v>2728985</v>
      </c>
      <c r="LR32" s="119">
        <v>1288802</v>
      </c>
      <c r="LS32" s="120">
        <v>6325744</v>
      </c>
      <c r="LT32" s="320">
        <v>6325744</v>
      </c>
      <c r="LU32" s="142">
        <v>0</v>
      </c>
      <c r="LV32" s="119">
        <v>0</v>
      </c>
      <c r="LW32" s="120">
        <v>0</v>
      </c>
      <c r="LX32" s="145"/>
      <c r="LY32" s="119">
        <v>0</v>
      </c>
      <c r="LZ32" s="119">
        <v>0</v>
      </c>
      <c r="MA32" s="119">
        <v>0</v>
      </c>
      <c r="MB32" s="119">
        <v>312111</v>
      </c>
      <c r="MC32" s="119">
        <v>0</v>
      </c>
      <c r="MD32" s="120">
        <v>312111</v>
      </c>
      <c r="ME32" s="121">
        <v>312111</v>
      </c>
      <c r="MF32" s="142">
        <v>0</v>
      </c>
      <c r="MG32" s="119">
        <v>0</v>
      </c>
      <c r="MH32" s="120">
        <v>0</v>
      </c>
      <c r="MI32" s="145"/>
      <c r="MJ32" s="119">
        <v>2450299</v>
      </c>
      <c r="MK32" s="119">
        <v>5312974</v>
      </c>
      <c r="ML32" s="119">
        <v>15972594</v>
      </c>
      <c r="MM32" s="119">
        <v>20842760</v>
      </c>
      <c r="MN32" s="119">
        <v>16121282</v>
      </c>
      <c r="MO32" s="120">
        <v>60699909</v>
      </c>
      <c r="MP32" s="143">
        <v>60699909</v>
      </c>
      <c r="MQ32" s="142">
        <v>0</v>
      </c>
      <c r="MR32" s="119">
        <v>0</v>
      </c>
      <c r="MS32" s="120">
        <v>0</v>
      </c>
      <c r="MT32" s="145"/>
      <c r="MU32" s="119">
        <v>401422</v>
      </c>
      <c r="MV32" s="119">
        <v>445458</v>
      </c>
      <c r="MW32" s="119">
        <v>9081258</v>
      </c>
      <c r="MX32" s="119">
        <v>13792205</v>
      </c>
      <c r="MY32" s="119">
        <v>12036830</v>
      </c>
      <c r="MZ32" s="120">
        <v>35757173</v>
      </c>
      <c r="NA32" s="143">
        <v>35757173</v>
      </c>
      <c r="NB32" s="142">
        <v>0</v>
      </c>
      <c r="NC32" s="119">
        <v>0</v>
      </c>
      <c r="ND32" s="120">
        <v>0</v>
      </c>
      <c r="NE32" s="145"/>
      <c r="NF32" s="119">
        <v>2048877</v>
      </c>
      <c r="NG32" s="119">
        <v>4867516</v>
      </c>
      <c r="NH32" s="119">
        <v>6891336</v>
      </c>
      <c r="NI32" s="119">
        <v>5948376</v>
      </c>
      <c r="NJ32" s="119">
        <v>3633358</v>
      </c>
      <c r="NK32" s="120">
        <v>23389463</v>
      </c>
      <c r="NL32" s="320">
        <v>23389463</v>
      </c>
      <c r="NM32" s="142">
        <v>0</v>
      </c>
      <c r="NN32" s="119">
        <v>0</v>
      </c>
      <c r="NO32" s="120">
        <v>0</v>
      </c>
      <c r="NP32" s="145">
        <v>0</v>
      </c>
      <c r="NQ32" s="119">
        <v>0</v>
      </c>
      <c r="NR32" s="119">
        <v>0</v>
      </c>
      <c r="NS32" s="119">
        <v>0</v>
      </c>
      <c r="NT32" s="119">
        <v>0</v>
      </c>
      <c r="NU32" s="119">
        <v>0</v>
      </c>
      <c r="NV32" s="120">
        <v>0</v>
      </c>
      <c r="NW32" s="121">
        <v>0</v>
      </c>
      <c r="NX32" s="142">
        <v>0</v>
      </c>
      <c r="NY32" s="119">
        <v>0</v>
      </c>
      <c r="NZ32" s="120">
        <v>0</v>
      </c>
      <c r="OA32" s="145"/>
      <c r="OB32" s="119">
        <v>0</v>
      </c>
      <c r="OC32" s="119">
        <v>0</v>
      </c>
      <c r="OD32" s="119">
        <v>0</v>
      </c>
      <c r="OE32" s="119">
        <v>1102179</v>
      </c>
      <c r="OF32" s="119">
        <v>451094</v>
      </c>
      <c r="OG32" s="120">
        <v>1553273</v>
      </c>
      <c r="OH32" s="121">
        <v>1553273</v>
      </c>
      <c r="OI32" s="142">
        <v>2719453</v>
      </c>
      <c r="OJ32" s="119">
        <v>6386441</v>
      </c>
      <c r="OK32" s="141">
        <v>9105894</v>
      </c>
      <c r="OL32" s="118">
        <v>0</v>
      </c>
      <c r="OM32" s="119">
        <v>29023630</v>
      </c>
      <c r="ON32" s="119">
        <v>30859943</v>
      </c>
      <c r="OO32" s="119">
        <v>46415569</v>
      </c>
      <c r="OP32" s="119">
        <v>50217093</v>
      </c>
      <c r="OQ32" s="119">
        <v>34551954</v>
      </c>
      <c r="OR32" s="120">
        <v>191068189</v>
      </c>
      <c r="OS32" s="143">
        <v>200174083</v>
      </c>
    </row>
    <row r="33" spans="2:409" ht="21" customHeight="1" x14ac:dyDescent="0.2">
      <c r="B33" s="62" t="s">
        <v>28</v>
      </c>
      <c r="C33" s="110">
        <v>210028</v>
      </c>
      <c r="D33" s="114">
        <v>504102</v>
      </c>
      <c r="E33" s="113">
        <v>714130</v>
      </c>
      <c r="F33" s="109">
        <v>0</v>
      </c>
      <c r="G33" s="114">
        <v>4982928</v>
      </c>
      <c r="H33" s="114">
        <v>8836325</v>
      </c>
      <c r="I33" s="114">
        <v>4953686</v>
      </c>
      <c r="J33" s="114">
        <v>7240065</v>
      </c>
      <c r="K33" s="114">
        <v>5788098</v>
      </c>
      <c r="L33" s="173">
        <v>31801102</v>
      </c>
      <c r="M33" s="116">
        <v>32515232</v>
      </c>
      <c r="N33" s="110">
        <v>72126</v>
      </c>
      <c r="O33" s="114">
        <v>62496</v>
      </c>
      <c r="P33" s="113">
        <v>134622</v>
      </c>
      <c r="Q33" s="110">
        <v>0</v>
      </c>
      <c r="R33" s="114">
        <v>919834</v>
      </c>
      <c r="S33" s="114">
        <v>1644795</v>
      </c>
      <c r="T33" s="114">
        <v>1038669</v>
      </c>
      <c r="U33" s="114">
        <v>1543574</v>
      </c>
      <c r="V33" s="114">
        <v>2058831</v>
      </c>
      <c r="W33" s="113">
        <v>7205703</v>
      </c>
      <c r="X33" s="116">
        <v>7340325</v>
      </c>
      <c r="Y33" s="110">
        <v>0</v>
      </c>
      <c r="Z33" s="114">
        <v>0</v>
      </c>
      <c r="AA33" s="113">
        <v>0</v>
      </c>
      <c r="AB33" s="110">
        <v>0</v>
      </c>
      <c r="AC33" s="114">
        <v>494958</v>
      </c>
      <c r="AD33" s="114">
        <v>650966</v>
      </c>
      <c r="AE33" s="114">
        <v>305558</v>
      </c>
      <c r="AF33" s="114">
        <v>639067</v>
      </c>
      <c r="AG33" s="114">
        <v>904439</v>
      </c>
      <c r="AH33" s="113">
        <v>2994988</v>
      </c>
      <c r="AI33" s="116">
        <v>2994988</v>
      </c>
      <c r="AJ33" s="110">
        <v>0</v>
      </c>
      <c r="AK33" s="114">
        <v>0</v>
      </c>
      <c r="AL33" s="113">
        <v>0</v>
      </c>
      <c r="AM33" s="110">
        <v>0</v>
      </c>
      <c r="AN33" s="114">
        <v>0</v>
      </c>
      <c r="AO33" s="114">
        <v>0</v>
      </c>
      <c r="AP33" s="114">
        <v>101430</v>
      </c>
      <c r="AQ33" s="114">
        <v>50715</v>
      </c>
      <c r="AR33" s="114">
        <v>101431</v>
      </c>
      <c r="AS33" s="113">
        <v>253576</v>
      </c>
      <c r="AT33" s="116">
        <v>253576</v>
      </c>
      <c r="AU33" s="110">
        <v>69444</v>
      </c>
      <c r="AV33" s="114">
        <v>59814</v>
      </c>
      <c r="AW33" s="113">
        <v>129258</v>
      </c>
      <c r="AX33" s="110">
        <v>0</v>
      </c>
      <c r="AY33" s="114">
        <v>152066</v>
      </c>
      <c r="AZ33" s="114">
        <v>700721</v>
      </c>
      <c r="BA33" s="114">
        <v>459031</v>
      </c>
      <c r="BB33" s="114">
        <v>502856</v>
      </c>
      <c r="BC33" s="114">
        <v>825613</v>
      </c>
      <c r="BD33" s="113">
        <v>2640287</v>
      </c>
      <c r="BE33" s="116">
        <v>2769545</v>
      </c>
      <c r="BF33" s="110">
        <v>0</v>
      </c>
      <c r="BG33" s="114">
        <v>0</v>
      </c>
      <c r="BH33" s="112">
        <v>0</v>
      </c>
      <c r="BI33" s="111">
        <v>0</v>
      </c>
      <c r="BJ33" s="114">
        <v>111291</v>
      </c>
      <c r="BK33" s="114">
        <v>35550</v>
      </c>
      <c r="BL33" s="114">
        <v>0</v>
      </c>
      <c r="BM33" s="114">
        <v>77488</v>
      </c>
      <c r="BN33" s="114">
        <v>53326</v>
      </c>
      <c r="BO33" s="113">
        <v>277655</v>
      </c>
      <c r="BP33" s="116">
        <v>277655</v>
      </c>
      <c r="BQ33" s="110">
        <v>2682</v>
      </c>
      <c r="BR33" s="114">
        <v>2682</v>
      </c>
      <c r="BS33" s="113">
        <v>5364</v>
      </c>
      <c r="BT33" s="110">
        <v>0</v>
      </c>
      <c r="BU33" s="114">
        <v>161519</v>
      </c>
      <c r="BV33" s="114">
        <v>257558</v>
      </c>
      <c r="BW33" s="114">
        <v>172650</v>
      </c>
      <c r="BX33" s="114">
        <v>273448</v>
      </c>
      <c r="BY33" s="114">
        <v>174022</v>
      </c>
      <c r="BZ33" s="113">
        <v>1039197</v>
      </c>
      <c r="CA33" s="116">
        <v>1044561</v>
      </c>
      <c r="CB33" s="110">
        <v>0</v>
      </c>
      <c r="CC33" s="114">
        <v>168591</v>
      </c>
      <c r="CD33" s="113">
        <v>168591</v>
      </c>
      <c r="CE33" s="110">
        <v>0</v>
      </c>
      <c r="CF33" s="114">
        <v>2250093</v>
      </c>
      <c r="CG33" s="114">
        <v>3624141</v>
      </c>
      <c r="CH33" s="114">
        <v>1899006</v>
      </c>
      <c r="CI33" s="114">
        <v>2264804</v>
      </c>
      <c r="CJ33" s="114">
        <v>1748918</v>
      </c>
      <c r="CK33" s="113">
        <v>11786962</v>
      </c>
      <c r="CL33" s="116">
        <v>11955553</v>
      </c>
      <c r="CM33" s="110">
        <v>0</v>
      </c>
      <c r="CN33" s="114">
        <v>0</v>
      </c>
      <c r="CO33" s="113">
        <v>0</v>
      </c>
      <c r="CP33" s="111">
        <v>0</v>
      </c>
      <c r="CQ33" s="114">
        <v>1922808</v>
      </c>
      <c r="CR33" s="114">
        <v>2728286</v>
      </c>
      <c r="CS33" s="114">
        <v>1548441</v>
      </c>
      <c r="CT33" s="114">
        <v>1671137</v>
      </c>
      <c r="CU33" s="114">
        <v>1273773</v>
      </c>
      <c r="CV33" s="113">
        <v>9144445</v>
      </c>
      <c r="CW33" s="116">
        <v>9144445</v>
      </c>
      <c r="CX33" s="110">
        <v>0</v>
      </c>
      <c r="CY33" s="114">
        <v>168591</v>
      </c>
      <c r="CZ33" s="113">
        <v>168591</v>
      </c>
      <c r="DA33" s="110">
        <v>0</v>
      </c>
      <c r="DB33" s="114">
        <v>327285</v>
      </c>
      <c r="DC33" s="114">
        <v>895855</v>
      </c>
      <c r="DD33" s="114">
        <v>350565</v>
      </c>
      <c r="DE33" s="114">
        <v>593667</v>
      </c>
      <c r="DF33" s="114">
        <v>475145</v>
      </c>
      <c r="DG33" s="113">
        <v>2642517</v>
      </c>
      <c r="DH33" s="116">
        <v>2811108</v>
      </c>
      <c r="DI33" s="110">
        <v>0</v>
      </c>
      <c r="DJ33" s="114">
        <v>29555</v>
      </c>
      <c r="DK33" s="112">
        <v>29555</v>
      </c>
      <c r="DL33" s="111">
        <v>0</v>
      </c>
      <c r="DM33" s="114">
        <v>144510</v>
      </c>
      <c r="DN33" s="114">
        <v>301380</v>
      </c>
      <c r="DO33" s="114">
        <v>301603</v>
      </c>
      <c r="DP33" s="114">
        <v>1054451</v>
      </c>
      <c r="DQ33" s="114">
        <v>524828</v>
      </c>
      <c r="DR33" s="113">
        <v>2326772</v>
      </c>
      <c r="DS33" s="116">
        <v>2356327</v>
      </c>
      <c r="DT33" s="110">
        <v>0</v>
      </c>
      <c r="DU33" s="114">
        <v>29555</v>
      </c>
      <c r="DV33" s="113">
        <v>29555</v>
      </c>
      <c r="DW33" s="110">
        <v>0</v>
      </c>
      <c r="DX33" s="114">
        <v>18909</v>
      </c>
      <c r="DY33" s="114">
        <v>301380</v>
      </c>
      <c r="DZ33" s="114">
        <v>260662</v>
      </c>
      <c r="EA33" s="114">
        <v>848370</v>
      </c>
      <c r="EB33" s="114">
        <v>263509</v>
      </c>
      <c r="EC33" s="113">
        <v>1692830</v>
      </c>
      <c r="ED33" s="116">
        <v>1722385</v>
      </c>
      <c r="EE33" s="110">
        <v>0</v>
      </c>
      <c r="EF33" s="112">
        <v>0</v>
      </c>
      <c r="EG33" s="113">
        <v>0</v>
      </c>
      <c r="EH33" s="110">
        <v>0</v>
      </c>
      <c r="EI33" s="114">
        <v>125601</v>
      </c>
      <c r="EJ33" s="114">
        <v>0</v>
      </c>
      <c r="EK33" s="114">
        <v>40941</v>
      </c>
      <c r="EL33" s="114">
        <v>206081</v>
      </c>
      <c r="EM33" s="114">
        <v>261319</v>
      </c>
      <c r="EN33" s="112">
        <v>633942</v>
      </c>
      <c r="EO33" s="116">
        <v>633942</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36260</v>
      </c>
      <c r="FM33" s="114">
        <v>169000</v>
      </c>
      <c r="FN33" s="113">
        <v>205260</v>
      </c>
      <c r="FO33" s="110">
        <v>0</v>
      </c>
      <c r="FP33" s="114">
        <v>225100</v>
      </c>
      <c r="FQ33" s="114">
        <v>828351</v>
      </c>
      <c r="FR33" s="114">
        <v>454011</v>
      </c>
      <c r="FS33" s="114">
        <v>526320</v>
      </c>
      <c r="FT33" s="114">
        <v>566452</v>
      </c>
      <c r="FU33" s="113">
        <v>2600234</v>
      </c>
      <c r="FV33" s="116">
        <v>2805494</v>
      </c>
      <c r="FW33" s="115">
        <v>36260</v>
      </c>
      <c r="FX33" s="114">
        <v>79900</v>
      </c>
      <c r="FY33" s="112">
        <v>116160</v>
      </c>
      <c r="FZ33" s="111">
        <v>0</v>
      </c>
      <c r="GA33" s="114">
        <v>201340</v>
      </c>
      <c r="GB33" s="114">
        <v>813951</v>
      </c>
      <c r="GC33" s="114">
        <v>309723</v>
      </c>
      <c r="GD33" s="114">
        <v>446220</v>
      </c>
      <c r="GE33" s="114">
        <v>566452</v>
      </c>
      <c r="GF33" s="113">
        <v>2337686</v>
      </c>
      <c r="GG33" s="318">
        <v>2453846</v>
      </c>
      <c r="GH33" s="115">
        <v>0</v>
      </c>
      <c r="GI33" s="114">
        <v>0</v>
      </c>
      <c r="GJ33" s="112">
        <v>0</v>
      </c>
      <c r="GK33" s="111">
        <v>0</v>
      </c>
      <c r="GL33" s="114">
        <v>23760</v>
      </c>
      <c r="GM33" s="114">
        <v>14400</v>
      </c>
      <c r="GN33" s="114">
        <v>0</v>
      </c>
      <c r="GO33" s="114">
        <v>0</v>
      </c>
      <c r="GP33" s="114">
        <v>0</v>
      </c>
      <c r="GQ33" s="113">
        <v>38160</v>
      </c>
      <c r="GR33" s="116">
        <v>38160</v>
      </c>
      <c r="GS33" s="110">
        <v>0</v>
      </c>
      <c r="GT33" s="114">
        <v>89100</v>
      </c>
      <c r="GU33" s="113">
        <v>89100</v>
      </c>
      <c r="GV33" s="110">
        <v>0</v>
      </c>
      <c r="GW33" s="114">
        <v>0</v>
      </c>
      <c r="GX33" s="114">
        <v>0</v>
      </c>
      <c r="GY33" s="114">
        <v>144288</v>
      </c>
      <c r="GZ33" s="114">
        <v>80100</v>
      </c>
      <c r="HA33" s="114">
        <v>0</v>
      </c>
      <c r="HB33" s="112">
        <v>224388</v>
      </c>
      <c r="HC33" s="116">
        <v>313488</v>
      </c>
      <c r="HD33" s="110">
        <v>57842</v>
      </c>
      <c r="HE33" s="114">
        <v>0</v>
      </c>
      <c r="HF33" s="112">
        <v>57842</v>
      </c>
      <c r="HG33" s="111">
        <v>0</v>
      </c>
      <c r="HH33" s="114">
        <v>571146</v>
      </c>
      <c r="HI33" s="114">
        <v>1327872</v>
      </c>
      <c r="HJ33" s="114">
        <v>711296</v>
      </c>
      <c r="HK33" s="114">
        <v>1343467</v>
      </c>
      <c r="HL33" s="114">
        <v>493342</v>
      </c>
      <c r="HM33" s="113">
        <v>4447123</v>
      </c>
      <c r="HN33" s="109">
        <v>4504965</v>
      </c>
      <c r="HO33" s="115">
        <v>43800</v>
      </c>
      <c r="HP33" s="114">
        <v>74460</v>
      </c>
      <c r="HQ33" s="113">
        <v>118260</v>
      </c>
      <c r="HR33" s="110">
        <v>0</v>
      </c>
      <c r="HS33" s="114">
        <v>872245</v>
      </c>
      <c r="HT33" s="114">
        <v>1109786</v>
      </c>
      <c r="HU33" s="114">
        <v>549101</v>
      </c>
      <c r="HV33" s="114">
        <v>507449</v>
      </c>
      <c r="HW33" s="114">
        <v>395727</v>
      </c>
      <c r="HX33" s="112">
        <v>3434308</v>
      </c>
      <c r="HY33" s="116">
        <v>3552568</v>
      </c>
      <c r="HZ33" s="131">
        <v>0</v>
      </c>
      <c r="IA33" s="132">
        <v>0</v>
      </c>
      <c r="IB33" s="133">
        <v>0</v>
      </c>
      <c r="IC33" s="146">
        <v>0</v>
      </c>
      <c r="ID33" s="132">
        <v>719483</v>
      </c>
      <c r="IE33" s="147">
        <v>1657716</v>
      </c>
      <c r="IF33" s="133">
        <v>2171565</v>
      </c>
      <c r="IG33" s="132">
        <v>444582</v>
      </c>
      <c r="IH33" s="133">
        <v>1089697</v>
      </c>
      <c r="II33" s="148">
        <v>6083043</v>
      </c>
      <c r="IJ33" s="139">
        <v>6083043</v>
      </c>
      <c r="IK33" s="232">
        <v>0</v>
      </c>
      <c r="IL33" s="236">
        <v>0</v>
      </c>
      <c r="IM33" s="237">
        <v>0</v>
      </c>
      <c r="IN33" s="140">
        <v>0</v>
      </c>
      <c r="IO33" s="119">
        <v>0</v>
      </c>
      <c r="IP33" s="119">
        <v>0</v>
      </c>
      <c r="IQ33" s="119">
        <v>0</v>
      </c>
      <c r="IR33" s="119">
        <v>0</v>
      </c>
      <c r="IS33" s="119">
        <v>0</v>
      </c>
      <c r="IT33" s="141">
        <v>0</v>
      </c>
      <c r="IU33" s="320">
        <v>0</v>
      </c>
      <c r="IV33" s="142">
        <v>0</v>
      </c>
      <c r="IW33" s="119">
        <v>0</v>
      </c>
      <c r="IX33" s="120">
        <v>0</v>
      </c>
      <c r="IY33" s="144">
        <v>0</v>
      </c>
      <c r="IZ33" s="119">
        <v>0</v>
      </c>
      <c r="JA33" s="119">
        <v>0</v>
      </c>
      <c r="JB33" s="119">
        <v>0</v>
      </c>
      <c r="JC33" s="119">
        <v>0</v>
      </c>
      <c r="JD33" s="119">
        <v>0</v>
      </c>
      <c r="JE33" s="120">
        <v>0</v>
      </c>
      <c r="JF33" s="121">
        <v>0</v>
      </c>
      <c r="JG33" s="142">
        <v>0</v>
      </c>
      <c r="JH33" s="119">
        <v>0</v>
      </c>
      <c r="JI33" s="141">
        <v>0</v>
      </c>
      <c r="JJ33" s="118">
        <v>0</v>
      </c>
      <c r="JK33" s="119">
        <v>622580</v>
      </c>
      <c r="JL33" s="119">
        <v>560625</v>
      </c>
      <c r="JM33" s="119">
        <v>74547</v>
      </c>
      <c r="JN33" s="119">
        <v>170775</v>
      </c>
      <c r="JO33" s="119">
        <v>38538</v>
      </c>
      <c r="JP33" s="120">
        <v>1467065</v>
      </c>
      <c r="JQ33" s="320">
        <v>1467065</v>
      </c>
      <c r="JR33" s="142">
        <v>0</v>
      </c>
      <c r="JS33" s="119">
        <v>0</v>
      </c>
      <c r="JT33" s="141">
        <v>0</v>
      </c>
      <c r="JU33" s="118">
        <v>0</v>
      </c>
      <c r="JV33" s="119">
        <v>96903</v>
      </c>
      <c r="JW33" s="119">
        <v>59346</v>
      </c>
      <c r="JX33" s="119">
        <v>226161</v>
      </c>
      <c r="JY33" s="119">
        <v>0</v>
      </c>
      <c r="JZ33" s="119">
        <v>40480</v>
      </c>
      <c r="KA33" s="120">
        <v>422890</v>
      </c>
      <c r="KB33" s="320">
        <v>42289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037745</v>
      </c>
      <c r="KT33" s="119">
        <v>1613250</v>
      </c>
      <c r="KU33" s="119">
        <v>273807</v>
      </c>
      <c r="KV33" s="119">
        <v>1010679</v>
      </c>
      <c r="KW33" s="120">
        <v>3935481</v>
      </c>
      <c r="KX33" s="320">
        <v>3935481</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57607</v>
      </c>
      <c r="LQ33" s="119">
        <v>0</v>
      </c>
      <c r="LR33" s="119">
        <v>0</v>
      </c>
      <c r="LS33" s="120">
        <v>257607</v>
      </c>
      <c r="LT33" s="320">
        <v>257607</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243959</v>
      </c>
      <c r="MK33" s="119">
        <v>2248811</v>
      </c>
      <c r="ML33" s="119">
        <v>5752025</v>
      </c>
      <c r="MM33" s="119">
        <v>8072558</v>
      </c>
      <c r="MN33" s="119">
        <v>4278652</v>
      </c>
      <c r="MO33" s="120">
        <v>20596005</v>
      </c>
      <c r="MP33" s="143">
        <v>20596005</v>
      </c>
      <c r="MQ33" s="142">
        <v>0</v>
      </c>
      <c r="MR33" s="119">
        <v>0</v>
      </c>
      <c r="MS33" s="120">
        <v>0</v>
      </c>
      <c r="MT33" s="145"/>
      <c r="MU33" s="119">
        <v>0</v>
      </c>
      <c r="MV33" s="119">
        <v>204354</v>
      </c>
      <c r="MW33" s="119">
        <v>3514850</v>
      </c>
      <c r="MX33" s="119">
        <v>4963507</v>
      </c>
      <c r="MY33" s="119">
        <v>3024598</v>
      </c>
      <c r="MZ33" s="120">
        <v>11707309</v>
      </c>
      <c r="NA33" s="143">
        <v>11707309</v>
      </c>
      <c r="NB33" s="142">
        <v>0</v>
      </c>
      <c r="NC33" s="119">
        <v>0</v>
      </c>
      <c r="ND33" s="120">
        <v>0</v>
      </c>
      <c r="NE33" s="145"/>
      <c r="NF33" s="119">
        <v>243959</v>
      </c>
      <c r="NG33" s="119">
        <v>2044457</v>
      </c>
      <c r="NH33" s="119">
        <v>2237175</v>
      </c>
      <c r="NI33" s="119">
        <v>3109051</v>
      </c>
      <c r="NJ33" s="119">
        <v>1254054</v>
      </c>
      <c r="NK33" s="120">
        <v>8888696</v>
      </c>
      <c r="NL33" s="320">
        <v>8888696</v>
      </c>
      <c r="NM33" s="142">
        <v>0</v>
      </c>
      <c r="NN33" s="119">
        <v>0</v>
      </c>
      <c r="NO33" s="120">
        <v>0</v>
      </c>
      <c r="NP33" s="145">
        <v>0</v>
      </c>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210028</v>
      </c>
      <c r="OJ33" s="119">
        <v>504102</v>
      </c>
      <c r="OK33" s="141">
        <v>714130</v>
      </c>
      <c r="OL33" s="118">
        <v>0</v>
      </c>
      <c r="OM33" s="119">
        <v>5946370</v>
      </c>
      <c r="ON33" s="119">
        <v>12742852</v>
      </c>
      <c r="OO33" s="119">
        <v>12877276</v>
      </c>
      <c r="OP33" s="119">
        <v>15757205</v>
      </c>
      <c r="OQ33" s="119">
        <v>11156447</v>
      </c>
      <c r="OR33" s="120">
        <v>58480150</v>
      </c>
      <c r="OS33" s="143">
        <v>59194280</v>
      </c>
    </row>
    <row r="34" spans="2:409" ht="21" customHeight="1" x14ac:dyDescent="0.2">
      <c r="B34" s="62" t="s">
        <v>29</v>
      </c>
      <c r="C34" s="110">
        <v>366969</v>
      </c>
      <c r="D34" s="114">
        <v>619119</v>
      </c>
      <c r="E34" s="113">
        <v>986088</v>
      </c>
      <c r="F34" s="109">
        <v>0</v>
      </c>
      <c r="G34" s="114">
        <v>7164226</v>
      </c>
      <c r="H34" s="114">
        <v>11259915</v>
      </c>
      <c r="I34" s="114">
        <v>6990678</v>
      </c>
      <c r="J34" s="114">
        <v>11613217</v>
      </c>
      <c r="K34" s="114">
        <v>6290809</v>
      </c>
      <c r="L34" s="173">
        <v>43318845</v>
      </c>
      <c r="M34" s="116">
        <v>44304933</v>
      </c>
      <c r="N34" s="110">
        <v>32220</v>
      </c>
      <c r="O34" s="114">
        <v>148860</v>
      </c>
      <c r="P34" s="113">
        <v>181080</v>
      </c>
      <c r="Q34" s="110">
        <v>0</v>
      </c>
      <c r="R34" s="114">
        <v>1788066</v>
      </c>
      <c r="S34" s="114">
        <v>2118693</v>
      </c>
      <c r="T34" s="114">
        <v>1917781</v>
      </c>
      <c r="U34" s="114">
        <v>4468408</v>
      </c>
      <c r="V34" s="114">
        <v>2525583</v>
      </c>
      <c r="W34" s="113">
        <v>12818531</v>
      </c>
      <c r="X34" s="116">
        <v>12999611</v>
      </c>
      <c r="Y34" s="110">
        <v>0</v>
      </c>
      <c r="Z34" s="114">
        <v>0</v>
      </c>
      <c r="AA34" s="113">
        <v>0</v>
      </c>
      <c r="AB34" s="110">
        <v>0</v>
      </c>
      <c r="AC34" s="114">
        <v>899286</v>
      </c>
      <c r="AD34" s="114">
        <v>1038176</v>
      </c>
      <c r="AE34" s="114">
        <v>1073597</v>
      </c>
      <c r="AF34" s="114">
        <v>3435459</v>
      </c>
      <c r="AG34" s="114">
        <v>1740231</v>
      </c>
      <c r="AH34" s="113">
        <v>8186749</v>
      </c>
      <c r="AI34" s="116">
        <v>8186749</v>
      </c>
      <c r="AJ34" s="110">
        <v>0</v>
      </c>
      <c r="AK34" s="114">
        <v>0</v>
      </c>
      <c r="AL34" s="113">
        <v>0</v>
      </c>
      <c r="AM34" s="110">
        <v>0</v>
      </c>
      <c r="AN34" s="114">
        <v>0</v>
      </c>
      <c r="AO34" s="114">
        <v>0</v>
      </c>
      <c r="AP34" s="114">
        <v>48672</v>
      </c>
      <c r="AQ34" s="114">
        <v>185584</v>
      </c>
      <c r="AR34" s="114">
        <v>280888</v>
      </c>
      <c r="AS34" s="113">
        <v>515144</v>
      </c>
      <c r="AT34" s="116">
        <v>515144</v>
      </c>
      <c r="AU34" s="110">
        <v>8208</v>
      </c>
      <c r="AV34" s="114">
        <v>111834</v>
      </c>
      <c r="AW34" s="113">
        <v>120042</v>
      </c>
      <c r="AX34" s="110">
        <v>0</v>
      </c>
      <c r="AY34" s="114">
        <v>701881</v>
      </c>
      <c r="AZ34" s="114">
        <v>633500</v>
      </c>
      <c r="BA34" s="114">
        <v>547626</v>
      </c>
      <c r="BB34" s="114">
        <v>437608</v>
      </c>
      <c r="BC34" s="114">
        <v>344291</v>
      </c>
      <c r="BD34" s="113">
        <v>2664906</v>
      </c>
      <c r="BE34" s="116">
        <v>2784948</v>
      </c>
      <c r="BF34" s="110">
        <v>0</v>
      </c>
      <c r="BG34" s="114">
        <v>34344</v>
      </c>
      <c r="BH34" s="112">
        <v>34344</v>
      </c>
      <c r="BI34" s="111">
        <v>0</v>
      </c>
      <c r="BJ34" s="114">
        <v>77436</v>
      </c>
      <c r="BK34" s="114">
        <v>90884</v>
      </c>
      <c r="BL34" s="114">
        <v>107072</v>
      </c>
      <c r="BM34" s="114">
        <v>188564</v>
      </c>
      <c r="BN34" s="114">
        <v>0</v>
      </c>
      <c r="BO34" s="113">
        <v>463956</v>
      </c>
      <c r="BP34" s="116">
        <v>498300</v>
      </c>
      <c r="BQ34" s="110">
        <v>24012</v>
      </c>
      <c r="BR34" s="114">
        <v>2682</v>
      </c>
      <c r="BS34" s="113">
        <v>26694</v>
      </c>
      <c r="BT34" s="110">
        <v>0</v>
      </c>
      <c r="BU34" s="114">
        <v>109463</v>
      </c>
      <c r="BV34" s="114">
        <v>356133</v>
      </c>
      <c r="BW34" s="114">
        <v>140814</v>
      </c>
      <c r="BX34" s="114">
        <v>221193</v>
      </c>
      <c r="BY34" s="114">
        <v>160173</v>
      </c>
      <c r="BZ34" s="113">
        <v>987776</v>
      </c>
      <c r="CA34" s="116">
        <v>1014470</v>
      </c>
      <c r="CB34" s="110">
        <v>44199</v>
      </c>
      <c r="CC34" s="114">
        <v>76734</v>
      </c>
      <c r="CD34" s="113">
        <v>120933</v>
      </c>
      <c r="CE34" s="110">
        <v>0</v>
      </c>
      <c r="CF34" s="114">
        <v>2839675</v>
      </c>
      <c r="CG34" s="114">
        <v>3781820</v>
      </c>
      <c r="CH34" s="114">
        <v>2107407</v>
      </c>
      <c r="CI34" s="114">
        <v>2664213</v>
      </c>
      <c r="CJ34" s="114">
        <v>793262</v>
      </c>
      <c r="CK34" s="113">
        <v>12186377</v>
      </c>
      <c r="CL34" s="116">
        <v>12307310</v>
      </c>
      <c r="CM34" s="110">
        <v>0</v>
      </c>
      <c r="CN34" s="114">
        <v>0</v>
      </c>
      <c r="CO34" s="113">
        <v>0</v>
      </c>
      <c r="CP34" s="111">
        <v>0</v>
      </c>
      <c r="CQ34" s="114">
        <v>2015506</v>
      </c>
      <c r="CR34" s="114">
        <v>3159349</v>
      </c>
      <c r="CS34" s="114">
        <v>1677839</v>
      </c>
      <c r="CT34" s="114">
        <v>2280470</v>
      </c>
      <c r="CU34" s="114">
        <v>693765</v>
      </c>
      <c r="CV34" s="113">
        <v>9826929</v>
      </c>
      <c r="CW34" s="116">
        <v>9826929</v>
      </c>
      <c r="CX34" s="110">
        <v>44199</v>
      </c>
      <c r="CY34" s="114">
        <v>76734</v>
      </c>
      <c r="CZ34" s="113">
        <v>120933</v>
      </c>
      <c r="DA34" s="110">
        <v>0</v>
      </c>
      <c r="DB34" s="114">
        <v>824169</v>
      </c>
      <c r="DC34" s="114">
        <v>622471</v>
      </c>
      <c r="DD34" s="114">
        <v>429568</v>
      </c>
      <c r="DE34" s="114">
        <v>383743</v>
      </c>
      <c r="DF34" s="114">
        <v>99497</v>
      </c>
      <c r="DG34" s="113">
        <v>2359448</v>
      </c>
      <c r="DH34" s="116">
        <v>2480381</v>
      </c>
      <c r="DI34" s="110">
        <v>0</v>
      </c>
      <c r="DJ34" s="114">
        <v>25875</v>
      </c>
      <c r="DK34" s="112">
        <v>25875</v>
      </c>
      <c r="DL34" s="111">
        <v>0</v>
      </c>
      <c r="DM34" s="114">
        <v>92476</v>
      </c>
      <c r="DN34" s="114">
        <v>1191339</v>
      </c>
      <c r="DO34" s="114">
        <v>1100875</v>
      </c>
      <c r="DP34" s="114">
        <v>739277</v>
      </c>
      <c r="DQ34" s="114">
        <v>1192136</v>
      </c>
      <c r="DR34" s="113">
        <v>4316103</v>
      </c>
      <c r="DS34" s="116">
        <v>4341978</v>
      </c>
      <c r="DT34" s="110">
        <v>0</v>
      </c>
      <c r="DU34" s="114">
        <v>0</v>
      </c>
      <c r="DV34" s="113">
        <v>0</v>
      </c>
      <c r="DW34" s="110">
        <v>0</v>
      </c>
      <c r="DX34" s="114">
        <v>23284</v>
      </c>
      <c r="DY34" s="114">
        <v>1106330</v>
      </c>
      <c r="DZ34" s="114">
        <v>1066134</v>
      </c>
      <c r="EA34" s="114">
        <v>682885</v>
      </c>
      <c r="EB34" s="114">
        <v>1151344</v>
      </c>
      <c r="EC34" s="113">
        <v>4029977</v>
      </c>
      <c r="ED34" s="116">
        <v>4029977</v>
      </c>
      <c r="EE34" s="110">
        <v>0</v>
      </c>
      <c r="EF34" s="112">
        <v>25875</v>
      </c>
      <c r="EG34" s="113">
        <v>25875</v>
      </c>
      <c r="EH34" s="110">
        <v>0</v>
      </c>
      <c r="EI34" s="114">
        <v>69192</v>
      </c>
      <c r="EJ34" s="114">
        <v>85009</v>
      </c>
      <c r="EK34" s="114">
        <v>34741</v>
      </c>
      <c r="EL34" s="114">
        <v>56392</v>
      </c>
      <c r="EM34" s="114">
        <v>40792</v>
      </c>
      <c r="EN34" s="112">
        <v>286126</v>
      </c>
      <c r="EO34" s="116">
        <v>312001</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151770</v>
      </c>
      <c r="FM34" s="114">
        <v>224490</v>
      </c>
      <c r="FN34" s="113">
        <v>376260</v>
      </c>
      <c r="FO34" s="110">
        <v>0</v>
      </c>
      <c r="FP34" s="114">
        <v>318220</v>
      </c>
      <c r="FQ34" s="114">
        <v>1026699</v>
      </c>
      <c r="FR34" s="114">
        <v>525811</v>
      </c>
      <c r="FS34" s="114">
        <v>939796</v>
      </c>
      <c r="FT34" s="114">
        <v>483924</v>
      </c>
      <c r="FU34" s="113">
        <v>3294450</v>
      </c>
      <c r="FV34" s="116">
        <v>3670710</v>
      </c>
      <c r="FW34" s="115">
        <v>151770</v>
      </c>
      <c r="FX34" s="114">
        <v>192810</v>
      </c>
      <c r="FY34" s="112">
        <v>344580</v>
      </c>
      <c r="FZ34" s="111">
        <v>0</v>
      </c>
      <c r="GA34" s="114">
        <v>318220</v>
      </c>
      <c r="GB34" s="114">
        <v>944628</v>
      </c>
      <c r="GC34" s="114">
        <v>525811</v>
      </c>
      <c r="GD34" s="114">
        <v>896596</v>
      </c>
      <c r="GE34" s="114">
        <v>483924</v>
      </c>
      <c r="GF34" s="113">
        <v>3169179</v>
      </c>
      <c r="GG34" s="318">
        <v>3513759</v>
      </c>
      <c r="GH34" s="115">
        <v>0</v>
      </c>
      <c r="GI34" s="114">
        <v>0</v>
      </c>
      <c r="GJ34" s="112">
        <v>0</v>
      </c>
      <c r="GK34" s="111">
        <v>0</v>
      </c>
      <c r="GL34" s="114">
        <v>0</v>
      </c>
      <c r="GM34" s="114">
        <v>34452</v>
      </c>
      <c r="GN34" s="114">
        <v>0</v>
      </c>
      <c r="GO34" s="114">
        <v>43200</v>
      </c>
      <c r="GP34" s="114">
        <v>0</v>
      </c>
      <c r="GQ34" s="113">
        <v>77652</v>
      </c>
      <c r="GR34" s="116">
        <v>77652</v>
      </c>
      <c r="GS34" s="110">
        <v>0</v>
      </c>
      <c r="GT34" s="114">
        <v>31680</v>
      </c>
      <c r="GU34" s="113">
        <v>31680</v>
      </c>
      <c r="GV34" s="110">
        <v>0</v>
      </c>
      <c r="GW34" s="114">
        <v>0</v>
      </c>
      <c r="GX34" s="114">
        <v>47619</v>
      </c>
      <c r="GY34" s="114">
        <v>0</v>
      </c>
      <c r="GZ34" s="114">
        <v>0</v>
      </c>
      <c r="HA34" s="114">
        <v>0</v>
      </c>
      <c r="HB34" s="112">
        <v>47619</v>
      </c>
      <c r="HC34" s="116">
        <v>79299</v>
      </c>
      <c r="HD34" s="110">
        <v>0</v>
      </c>
      <c r="HE34" s="114">
        <v>0</v>
      </c>
      <c r="HF34" s="112">
        <v>0</v>
      </c>
      <c r="HG34" s="111">
        <v>0</v>
      </c>
      <c r="HH34" s="114">
        <v>1068896</v>
      </c>
      <c r="HI34" s="114">
        <v>1865727</v>
      </c>
      <c r="HJ34" s="114">
        <v>423113</v>
      </c>
      <c r="HK34" s="114">
        <v>2110026</v>
      </c>
      <c r="HL34" s="114">
        <v>957390</v>
      </c>
      <c r="HM34" s="113">
        <v>6425152</v>
      </c>
      <c r="HN34" s="109">
        <v>6425152</v>
      </c>
      <c r="HO34" s="115">
        <v>138780</v>
      </c>
      <c r="HP34" s="114">
        <v>143160</v>
      </c>
      <c r="HQ34" s="113">
        <v>281940</v>
      </c>
      <c r="HR34" s="110">
        <v>0</v>
      </c>
      <c r="HS34" s="114">
        <v>1056893</v>
      </c>
      <c r="HT34" s="114">
        <v>1275637</v>
      </c>
      <c r="HU34" s="114">
        <v>915691</v>
      </c>
      <c r="HV34" s="114">
        <v>691497</v>
      </c>
      <c r="HW34" s="114">
        <v>338514</v>
      </c>
      <c r="HX34" s="112">
        <v>4278232</v>
      </c>
      <c r="HY34" s="116">
        <v>4560172</v>
      </c>
      <c r="HZ34" s="150">
        <v>0</v>
      </c>
      <c r="IA34" s="135">
        <v>173466</v>
      </c>
      <c r="IB34" s="150">
        <v>173466</v>
      </c>
      <c r="IC34" s="134">
        <v>0</v>
      </c>
      <c r="ID34" s="135">
        <v>2793238</v>
      </c>
      <c r="IE34" s="136">
        <v>4658353</v>
      </c>
      <c r="IF34" s="137">
        <v>4435974</v>
      </c>
      <c r="IG34" s="135">
        <v>3171003</v>
      </c>
      <c r="IH34" s="137">
        <v>4520241</v>
      </c>
      <c r="II34" s="138">
        <v>19578809</v>
      </c>
      <c r="IJ34" s="150">
        <v>19752275</v>
      </c>
      <c r="IK34" s="232">
        <v>0</v>
      </c>
      <c r="IL34" s="236">
        <v>0</v>
      </c>
      <c r="IM34" s="237">
        <v>0</v>
      </c>
      <c r="IN34" s="140">
        <v>0</v>
      </c>
      <c r="IO34" s="119">
        <v>0</v>
      </c>
      <c r="IP34" s="119">
        <v>0</v>
      </c>
      <c r="IQ34" s="119">
        <v>0</v>
      </c>
      <c r="IR34" s="119">
        <v>0</v>
      </c>
      <c r="IS34" s="119">
        <v>0</v>
      </c>
      <c r="IT34" s="141">
        <v>0</v>
      </c>
      <c r="IU34" s="320">
        <v>0</v>
      </c>
      <c r="IV34" s="142">
        <v>0</v>
      </c>
      <c r="IW34" s="119">
        <v>0</v>
      </c>
      <c r="IX34" s="120">
        <v>0</v>
      </c>
      <c r="IY34" s="144">
        <v>0</v>
      </c>
      <c r="IZ34" s="119">
        <v>0</v>
      </c>
      <c r="JA34" s="119">
        <v>0</v>
      </c>
      <c r="JB34" s="119">
        <v>0</v>
      </c>
      <c r="JC34" s="119">
        <v>0</v>
      </c>
      <c r="JD34" s="119">
        <v>0</v>
      </c>
      <c r="JE34" s="120">
        <v>0</v>
      </c>
      <c r="JF34" s="121">
        <v>0</v>
      </c>
      <c r="JG34" s="142">
        <v>0</v>
      </c>
      <c r="JH34" s="119">
        <v>0</v>
      </c>
      <c r="JI34" s="141">
        <v>0</v>
      </c>
      <c r="JJ34" s="118">
        <v>0</v>
      </c>
      <c r="JK34" s="119">
        <v>937353</v>
      </c>
      <c r="JL34" s="119">
        <v>1260682</v>
      </c>
      <c r="JM34" s="119">
        <v>330602</v>
      </c>
      <c r="JN34" s="119">
        <v>460575</v>
      </c>
      <c r="JO34" s="119">
        <v>0</v>
      </c>
      <c r="JP34" s="120">
        <v>2989212</v>
      </c>
      <c r="JQ34" s="320">
        <v>2989212</v>
      </c>
      <c r="JR34" s="142">
        <v>0</v>
      </c>
      <c r="JS34" s="119">
        <v>0</v>
      </c>
      <c r="JT34" s="141">
        <v>0</v>
      </c>
      <c r="JU34" s="118">
        <v>0</v>
      </c>
      <c r="JV34" s="119">
        <v>0</v>
      </c>
      <c r="JW34" s="119">
        <v>71217</v>
      </c>
      <c r="JX34" s="119">
        <v>308080</v>
      </c>
      <c r="JY34" s="119">
        <v>0</v>
      </c>
      <c r="JZ34" s="119">
        <v>0</v>
      </c>
      <c r="KA34" s="120">
        <v>379297</v>
      </c>
      <c r="KB34" s="320">
        <v>379297</v>
      </c>
      <c r="KC34" s="234">
        <v>0</v>
      </c>
      <c r="KD34" s="230">
        <v>173466</v>
      </c>
      <c r="KE34" s="120">
        <v>173466</v>
      </c>
      <c r="KF34" s="118">
        <v>0</v>
      </c>
      <c r="KG34" s="119">
        <v>1028245</v>
      </c>
      <c r="KH34" s="119">
        <v>1151928</v>
      </c>
      <c r="KI34" s="119">
        <v>1504920</v>
      </c>
      <c r="KJ34" s="119">
        <v>851688</v>
      </c>
      <c r="KK34" s="119">
        <v>306585</v>
      </c>
      <c r="KL34" s="120">
        <v>4843366</v>
      </c>
      <c r="KM34" s="143">
        <v>5016832</v>
      </c>
      <c r="KN34" s="232">
        <v>0</v>
      </c>
      <c r="KO34" s="236">
        <v>0</v>
      </c>
      <c r="KP34" s="237">
        <v>0</v>
      </c>
      <c r="KQ34" s="140"/>
      <c r="KR34" s="119">
        <v>827640</v>
      </c>
      <c r="KS34" s="119">
        <v>756279</v>
      </c>
      <c r="KT34" s="119">
        <v>746730</v>
      </c>
      <c r="KU34" s="119">
        <v>0</v>
      </c>
      <c r="KV34" s="119">
        <v>1609785</v>
      </c>
      <c r="KW34" s="120">
        <v>3940434</v>
      </c>
      <c r="KX34" s="320">
        <v>3940434</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1418247</v>
      </c>
      <c r="LP34" s="119">
        <v>1545642</v>
      </c>
      <c r="LQ34" s="119">
        <v>1858740</v>
      </c>
      <c r="LR34" s="119">
        <v>2603871</v>
      </c>
      <c r="LS34" s="120">
        <v>7426500</v>
      </c>
      <c r="LT34" s="320">
        <v>7426500</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473653</v>
      </c>
      <c r="MK34" s="119">
        <v>2197727</v>
      </c>
      <c r="ML34" s="119">
        <v>6422573</v>
      </c>
      <c r="MM34" s="119">
        <v>13938102</v>
      </c>
      <c r="MN34" s="119">
        <v>9188344</v>
      </c>
      <c r="MO34" s="120">
        <v>32220399</v>
      </c>
      <c r="MP34" s="143">
        <v>32220399</v>
      </c>
      <c r="MQ34" s="142">
        <v>0</v>
      </c>
      <c r="MR34" s="119">
        <v>0</v>
      </c>
      <c r="MS34" s="120">
        <v>0</v>
      </c>
      <c r="MT34" s="145"/>
      <c r="MU34" s="119">
        <v>0</v>
      </c>
      <c r="MV34" s="119">
        <v>666122</v>
      </c>
      <c r="MW34" s="119">
        <v>3706500</v>
      </c>
      <c r="MX34" s="119">
        <v>8844259</v>
      </c>
      <c r="MY34" s="119">
        <v>5484586</v>
      </c>
      <c r="MZ34" s="120">
        <v>18701467</v>
      </c>
      <c r="NA34" s="143">
        <v>18701467</v>
      </c>
      <c r="NB34" s="142">
        <v>0</v>
      </c>
      <c r="NC34" s="119">
        <v>0</v>
      </c>
      <c r="ND34" s="120">
        <v>0</v>
      </c>
      <c r="NE34" s="145"/>
      <c r="NF34" s="119">
        <v>473653</v>
      </c>
      <c r="NG34" s="119">
        <v>1531605</v>
      </c>
      <c r="NH34" s="119">
        <v>2716073</v>
      </c>
      <c r="NI34" s="119">
        <v>4725069</v>
      </c>
      <c r="NJ34" s="119">
        <v>3441319</v>
      </c>
      <c r="NK34" s="120">
        <v>12887719</v>
      </c>
      <c r="NL34" s="320">
        <v>12887719</v>
      </c>
      <c r="NM34" s="142">
        <v>0</v>
      </c>
      <c r="NN34" s="119">
        <v>0</v>
      </c>
      <c r="NO34" s="120">
        <v>0</v>
      </c>
      <c r="NP34" s="145">
        <v>0</v>
      </c>
      <c r="NQ34" s="119">
        <v>0</v>
      </c>
      <c r="NR34" s="119">
        <v>0</v>
      </c>
      <c r="NS34" s="119">
        <v>0</v>
      </c>
      <c r="NT34" s="119">
        <v>0</v>
      </c>
      <c r="NU34" s="119">
        <v>262439</v>
      </c>
      <c r="NV34" s="120">
        <v>262439</v>
      </c>
      <c r="NW34" s="121">
        <v>262439</v>
      </c>
      <c r="NX34" s="142">
        <v>0</v>
      </c>
      <c r="NY34" s="119">
        <v>0</v>
      </c>
      <c r="NZ34" s="120">
        <v>0</v>
      </c>
      <c r="OA34" s="145"/>
      <c r="OB34" s="119">
        <v>0</v>
      </c>
      <c r="OC34" s="119">
        <v>0</v>
      </c>
      <c r="OD34" s="119">
        <v>0</v>
      </c>
      <c r="OE34" s="119">
        <v>368774</v>
      </c>
      <c r="OF34" s="119">
        <v>0</v>
      </c>
      <c r="OG34" s="120">
        <v>368774</v>
      </c>
      <c r="OH34" s="121">
        <v>368774</v>
      </c>
      <c r="OI34" s="142">
        <v>366969</v>
      </c>
      <c r="OJ34" s="119">
        <v>792585</v>
      </c>
      <c r="OK34" s="141">
        <v>1159554</v>
      </c>
      <c r="OL34" s="118">
        <v>0</v>
      </c>
      <c r="OM34" s="119">
        <v>10431117</v>
      </c>
      <c r="ON34" s="119">
        <v>18115995</v>
      </c>
      <c r="OO34" s="119">
        <v>17849225</v>
      </c>
      <c r="OP34" s="119">
        <v>28722322</v>
      </c>
      <c r="OQ34" s="119">
        <v>19999394</v>
      </c>
      <c r="OR34" s="120">
        <v>95118053</v>
      </c>
      <c r="OS34" s="143">
        <v>96277607</v>
      </c>
    </row>
    <row r="35" spans="2:409" ht="21" customHeight="1" x14ac:dyDescent="0.2">
      <c r="B35" s="62" t="s">
        <v>30</v>
      </c>
      <c r="C35" s="110">
        <v>1058291</v>
      </c>
      <c r="D35" s="114">
        <v>1054403</v>
      </c>
      <c r="E35" s="174">
        <v>2112694</v>
      </c>
      <c r="F35" s="175">
        <v>0</v>
      </c>
      <c r="G35" s="176">
        <v>6466754</v>
      </c>
      <c r="H35" s="176">
        <v>7511956</v>
      </c>
      <c r="I35" s="176">
        <v>7391788</v>
      </c>
      <c r="J35" s="176">
        <v>8244677</v>
      </c>
      <c r="K35" s="176">
        <v>4089970</v>
      </c>
      <c r="L35" s="177">
        <v>33705145</v>
      </c>
      <c r="M35" s="116">
        <v>35817839</v>
      </c>
      <c r="N35" s="110">
        <v>209324</v>
      </c>
      <c r="O35" s="114">
        <v>311537</v>
      </c>
      <c r="P35" s="113">
        <v>520861</v>
      </c>
      <c r="Q35" s="110">
        <v>0</v>
      </c>
      <c r="R35" s="114">
        <v>1848847</v>
      </c>
      <c r="S35" s="114">
        <v>2081919</v>
      </c>
      <c r="T35" s="114">
        <v>2553686</v>
      </c>
      <c r="U35" s="114">
        <v>3171182</v>
      </c>
      <c r="V35" s="114">
        <v>2274703</v>
      </c>
      <c r="W35" s="113">
        <v>11930337</v>
      </c>
      <c r="X35" s="116">
        <v>12451198</v>
      </c>
      <c r="Y35" s="110">
        <v>0</v>
      </c>
      <c r="Z35" s="114">
        <v>0</v>
      </c>
      <c r="AA35" s="113">
        <v>0</v>
      </c>
      <c r="AB35" s="110">
        <v>0</v>
      </c>
      <c r="AC35" s="114">
        <v>799643</v>
      </c>
      <c r="AD35" s="114">
        <v>994037</v>
      </c>
      <c r="AE35" s="114">
        <v>1286355</v>
      </c>
      <c r="AF35" s="114">
        <v>1606909</v>
      </c>
      <c r="AG35" s="114">
        <v>1331444</v>
      </c>
      <c r="AH35" s="113">
        <v>6018388</v>
      </c>
      <c r="AI35" s="116">
        <v>6018388</v>
      </c>
      <c r="AJ35" s="110">
        <v>0</v>
      </c>
      <c r="AK35" s="114">
        <v>0</v>
      </c>
      <c r="AL35" s="113">
        <v>0</v>
      </c>
      <c r="AM35" s="110">
        <v>0</v>
      </c>
      <c r="AN35" s="114">
        <v>25357</v>
      </c>
      <c r="AO35" s="114">
        <v>50715</v>
      </c>
      <c r="AP35" s="114">
        <v>60840</v>
      </c>
      <c r="AQ35" s="114">
        <v>293384</v>
      </c>
      <c r="AR35" s="114">
        <v>395022</v>
      </c>
      <c r="AS35" s="113">
        <v>825318</v>
      </c>
      <c r="AT35" s="116">
        <v>825318</v>
      </c>
      <c r="AU35" s="110">
        <v>139016</v>
      </c>
      <c r="AV35" s="114">
        <v>316901</v>
      </c>
      <c r="AW35" s="113">
        <v>455917</v>
      </c>
      <c r="AX35" s="110">
        <v>0</v>
      </c>
      <c r="AY35" s="114">
        <v>689976</v>
      </c>
      <c r="AZ35" s="114">
        <v>853296</v>
      </c>
      <c r="BA35" s="114">
        <v>907341</v>
      </c>
      <c r="BB35" s="114">
        <v>870159</v>
      </c>
      <c r="BC35" s="114">
        <v>370892</v>
      </c>
      <c r="BD35" s="113">
        <v>3691664</v>
      </c>
      <c r="BE35" s="116">
        <v>4147581</v>
      </c>
      <c r="BF35" s="110">
        <v>35964</v>
      </c>
      <c r="BG35" s="114">
        <v>0</v>
      </c>
      <c r="BH35" s="112">
        <v>35964</v>
      </c>
      <c r="BI35" s="111">
        <v>0</v>
      </c>
      <c r="BJ35" s="114">
        <v>43020</v>
      </c>
      <c r="BK35" s="114">
        <v>0</v>
      </c>
      <c r="BL35" s="114">
        <v>25812</v>
      </c>
      <c r="BM35" s="114">
        <v>77436</v>
      </c>
      <c r="BN35" s="114">
        <v>0</v>
      </c>
      <c r="BO35" s="113">
        <v>146268</v>
      </c>
      <c r="BP35" s="116">
        <v>182232</v>
      </c>
      <c r="BQ35" s="110">
        <v>34344</v>
      </c>
      <c r="BR35" s="114">
        <v>-5364</v>
      </c>
      <c r="BS35" s="113">
        <v>28980</v>
      </c>
      <c r="BT35" s="110">
        <v>0</v>
      </c>
      <c r="BU35" s="114">
        <v>290851</v>
      </c>
      <c r="BV35" s="114">
        <v>183871</v>
      </c>
      <c r="BW35" s="114">
        <v>273338</v>
      </c>
      <c r="BX35" s="114">
        <v>323294</v>
      </c>
      <c r="BY35" s="114">
        <v>177345</v>
      </c>
      <c r="BZ35" s="113">
        <v>1248699</v>
      </c>
      <c r="CA35" s="116">
        <v>1277679</v>
      </c>
      <c r="CB35" s="110">
        <v>64867</v>
      </c>
      <c r="CC35" s="114">
        <v>173796</v>
      </c>
      <c r="CD35" s="113">
        <v>238663</v>
      </c>
      <c r="CE35" s="110">
        <v>0</v>
      </c>
      <c r="CF35" s="114">
        <v>1911182</v>
      </c>
      <c r="CG35" s="114">
        <v>2490075</v>
      </c>
      <c r="CH35" s="114">
        <v>2241420</v>
      </c>
      <c r="CI35" s="114">
        <v>1796173</v>
      </c>
      <c r="CJ35" s="114">
        <v>140301</v>
      </c>
      <c r="CK35" s="113">
        <v>8579151</v>
      </c>
      <c r="CL35" s="116">
        <v>8817814</v>
      </c>
      <c r="CM35" s="110">
        <v>0</v>
      </c>
      <c r="CN35" s="114">
        <v>0</v>
      </c>
      <c r="CO35" s="113">
        <v>0</v>
      </c>
      <c r="CP35" s="111">
        <v>0</v>
      </c>
      <c r="CQ35" s="114">
        <v>1640953</v>
      </c>
      <c r="CR35" s="114">
        <v>2000254</v>
      </c>
      <c r="CS35" s="114">
        <v>1858913</v>
      </c>
      <c r="CT35" s="114">
        <v>1376002</v>
      </c>
      <c r="CU35" s="114">
        <v>140301</v>
      </c>
      <c r="CV35" s="113">
        <v>7016423</v>
      </c>
      <c r="CW35" s="116">
        <v>7016423</v>
      </c>
      <c r="CX35" s="110">
        <v>64867</v>
      </c>
      <c r="CY35" s="114">
        <v>173796</v>
      </c>
      <c r="CZ35" s="113">
        <v>238663</v>
      </c>
      <c r="DA35" s="110">
        <v>0</v>
      </c>
      <c r="DB35" s="114">
        <v>270229</v>
      </c>
      <c r="DC35" s="114">
        <v>489821</v>
      </c>
      <c r="DD35" s="114">
        <v>382507</v>
      </c>
      <c r="DE35" s="114">
        <v>420171</v>
      </c>
      <c r="DF35" s="114">
        <v>0</v>
      </c>
      <c r="DG35" s="113">
        <v>1562728</v>
      </c>
      <c r="DH35" s="116">
        <v>1801391</v>
      </c>
      <c r="DI35" s="110">
        <v>0</v>
      </c>
      <c r="DJ35" s="114">
        <v>0</v>
      </c>
      <c r="DK35" s="112">
        <v>0</v>
      </c>
      <c r="DL35" s="111">
        <v>0</v>
      </c>
      <c r="DM35" s="114">
        <v>337936</v>
      </c>
      <c r="DN35" s="114">
        <v>449709</v>
      </c>
      <c r="DO35" s="114">
        <v>413266</v>
      </c>
      <c r="DP35" s="114">
        <v>867712</v>
      </c>
      <c r="DQ35" s="114">
        <v>581222</v>
      </c>
      <c r="DR35" s="113">
        <v>2649845</v>
      </c>
      <c r="DS35" s="116">
        <v>2649845</v>
      </c>
      <c r="DT35" s="110">
        <v>0</v>
      </c>
      <c r="DU35" s="114">
        <v>0</v>
      </c>
      <c r="DV35" s="113">
        <v>0</v>
      </c>
      <c r="DW35" s="110">
        <v>0</v>
      </c>
      <c r="DX35" s="114">
        <v>318928</v>
      </c>
      <c r="DY35" s="114">
        <v>388941</v>
      </c>
      <c r="DZ35" s="114">
        <v>413266</v>
      </c>
      <c r="EA35" s="114">
        <v>867712</v>
      </c>
      <c r="EB35" s="114">
        <v>181031</v>
      </c>
      <c r="EC35" s="113">
        <v>2169878</v>
      </c>
      <c r="ED35" s="116">
        <v>2169878</v>
      </c>
      <c r="EE35" s="110">
        <v>0</v>
      </c>
      <c r="EF35" s="112">
        <v>0</v>
      </c>
      <c r="EG35" s="113">
        <v>0</v>
      </c>
      <c r="EH35" s="110">
        <v>0</v>
      </c>
      <c r="EI35" s="114">
        <v>19008</v>
      </c>
      <c r="EJ35" s="114">
        <v>60768</v>
      </c>
      <c r="EK35" s="114">
        <v>0</v>
      </c>
      <c r="EL35" s="114">
        <v>0</v>
      </c>
      <c r="EM35" s="114">
        <v>400191</v>
      </c>
      <c r="EN35" s="112">
        <v>479967</v>
      </c>
      <c r="EO35" s="116">
        <v>479967</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387790</v>
      </c>
      <c r="FM35" s="114">
        <v>301650</v>
      </c>
      <c r="FN35" s="113">
        <v>689440</v>
      </c>
      <c r="FO35" s="110">
        <v>0</v>
      </c>
      <c r="FP35" s="114">
        <v>394174</v>
      </c>
      <c r="FQ35" s="114">
        <v>764423</v>
      </c>
      <c r="FR35" s="114">
        <v>904661</v>
      </c>
      <c r="FS35" s="114">
        <v>785096</v>
      </c>
      <c r="FT35" s="114">
        <v>332503</v>
      </c>
      <c r="FU35" s="113">
        <v>3180857</v>
      </c>
      <c r="FV35" s="116">
        <v>3870297</v>
      </c>
      <c r="FW35" s="115">
        <v>281530</v>
      </c>
      <c r="FX35" s="114">
        <v>290650</v>
      </c>
      <c r="FY35" s="112">
        <v>572180</v>
      </c>
      <c r="FZ35" s="111">
        <v>0</v>
      </c>
      <c r="GA35" s="114">
        <v>394174</v>
      </c>
      <c r="GB35" s="114">
        <v>755513</v>
      </c>
      <c r="GC35" s="114">
        <v>851894</v>
      </c>
      <c r="GD35" s="114">
        <v>750941</v>
      </c>
      <c r="GE35" s="114">
        <v>332503</v>
      </c>
      <c r="GF35" s="113">
        <v>3085025</v>
      </c>
      <c r="GG35" s="318">
        <v>3657205</v>
      </c>
      <c r="GH35" s="115">
        <v>33600</v>
      </c>
      <c r="GI35" s="114">
        <v>0</v>
      </c>
      <c r="GJ35" s="112">
        <v>33600</v>
      </c>
      <c r="GK35" s="111">
        <v>0</v>
      </c>
      <c r="GL35" s="114">
        <v>0</v>
      </c>
      <c r="GM35" s="114">
        <v>8910</v>
      </c>
      <c r="GN35" s="114">
        <v>52767</v>
      </c>
      <c r="GO35" s="114">
        <v>34155</v>
      </c>
      <c r="GP35" s="114">
        <v>0</v>
      </c>
      <c r="GQ35" s="113">
        <v>95832</v>
      </c>
      <c r="GR35" s="116">
        <v>129432</v>
      </c>
      <c r="GS35" s="110">
        <v>72660</v>
      </c>
      <c r="GT35" s="114">
        <v>11000</v>
      </c>
      <c r="GU35" s="113">
        <v>83660</v>
      </c>
      <c r="GV35" s="110">
        <v>0</v>
      </c>
      <c r="GW35" s="114">
        <v>0</v>
      </c>
      <c r="GX35" s="114">
        <v>0</v>
      </c>
      <c r="GY35" s="114">
        <v>0</v>
      </c>
      <c r="GZ35" s="114">
        <v>0</v>
      </c>
      <c r="HA35" s="114">
        <v>0</v>
      </c>
      <c r="HB35" s="112">
        <v>0</v>
      </c>
      <c r="HC35" s="116">
        <v>83660</v>
      </c>
      <c r="HD35" s="110">
        <v>112750</v>
      </c>
      <c r="HE35" s="114">
        <v>0</v>
      </c>
      <c r="HF35" s="112">
        <v>112750</v>
      </c>
      <c r="HG35" s="111">
        <v>0</v>
      </c>
      <c r="HH35" s="114">
        <v>757961</v>
      </c>
      <c r="HI35" s="114">
        <v>668999</v>
      </c>
      <c r="HJ35" s="114">
        <v>424843</v>
      </c>
      <c r="HK35" s="114">
        <v>914767</v>
      </c>
      <c r="HL35" s="114">
        <v>511261</v>
      </c>
      <c r="HM35" s="113">
        <v>3277831</v>
      </c>
      <c r="HN35" s="109">
        <v>3390581</v>
      </c>
      <c r="HO35" s="115">
        <v>283560</v>
      </c>
      <c r="HP35" s="114">
        <v>267420</v>
      </c>
      <c r="HQ35" s="113">
        <v>550980</v>
      </c>
      <c r="HR35" s="110">
        <v>0</v>
      </c>
      <c r="HS35" s="114">
        <v>1216654</v>
      </c>
      <c r="HT35" s="114">
        <v>1056831</v>
      </c>
      <c r="HU35" s="114">
        <v>853912</v>
      </c>
      <c r="HV35" s="114">
        <v>709747</v>
      </c>
      <c r="HW35" s="114">
        <v>249980</v>
      </c>
      <c r="HX35" s="112">
        <v>4087124</v>
      </c>
      <c r="HY35" s="116">
        <v>4638104</v>
      </c>
      <c r="HZ35" s="131">
        <v>52631</v>
      </c>
      <c r="IA35" s="132">
        <v>0</v>
      </c>
      <c r="IB35" s="133">
        <v>52631</v>
      </c>
      <c r="IC35" s="146">
        <v>0</v>
      </c>
      <c r="ID35" s="132">
        <v>3415724</v>
      </c>
      <c r="IE35" s="147">
        <v>1564109</v>
      </c>
      <c r="IF35" s="133">
        <v>1788011</v>
      </c>
      <c r="IG35" s="132">
        <v>1859617</v>
      </c>
      <c r="IH35" s="133">
        <v>548584</v>
      </c>
      <c r="II35" s="148">
        <v>9176045</v>
      </c>
      <c r="IJ35" s="139">
        <v>9228676</v>
      </c>
      <c r="IK35" s="232">
        <v>0</v>
      </c>
      <c r="IL35" s="236">
        <v>0</v>
      </c>
      <c r="IM35" s="237">
        <v>0</v>
      </c>
      <c r="IN35" s="140">
        <v>0</v>
      </c>
      <c r="IO35" s="119">
        <v>70749</v>
      </c>
      <c r="IP35" s="119">
        <v>0</v>
      </c>
      <c r="IQ35" s="119">
        <v>177669</v>
      </c>
      <c r="IR35" s="119">
        <v>0</v>
      </c>
      <c r="IS35" s="119">
        <v>0</v>
      </c>
      <c r="IT35" s="141">
        <v>248418</v>
      </c>
      <c r="IU35" s="320">
        <v>248418</v>
      </c>
      <c r="IV35" s="142">
        <v>0</v>
      </c>
      <c r="IW35" s="119">
        <v>0</v>
      </c>
      <c r="IX35" s="120">
        <v>0</v>
      </c>
      <c r="IY35" s="144">
        <v>0</v>
      </c>
      <c r="IZ35" s="119">
        <v>0</v>
      </c>
      <c r="JA35" s="119">
        <v>0</v>
      </c>
      <c r="JB35" s="119">
        <v>0</v>
      </c>
      <c r="JC35" s="119">
        <v>0</v>
      </c>
      <c r="JD35" s="119">
        <v>0</v>
      </c>
      <c r="JE35" s="120">
        <v>0</v>
      </c>
      <c r="JF35" s="121">
        <v>0</v>
      </c>
      <c r="JG35" s="142">
        <v>0</v>
      </c>
      <c r="JH35" s="119">
        <v>0</v>
      </c>
      <c r="JI35" s="141">
        <v>0</v>
      </c>
      <c r="JJ35" s="118">
        <v>0</v>
      </c>
      <c r="JK35" s="119">
        <v>1360383</v>
      </c>
      <c r="JL35" s="119">
        <v>776024</v>
      </c>
      <c r="JM35" s="119">
        <v>659637</v>
      </c>
      <c r="JN35" s="119">
        <v>549950</v>
      </c>
      <c r="JO35" s="119">
        <v>0</v>
      </c>
      <c r="JP35" s="120">
        <v>3345994</v>
      </c>
      <c r="JQ35" s="320">
        <v>3345994</v>
      </c>
      <c r="JR35" s="142">
        <v>52631</v>
      </c>
      <c r="JS35" s="119">
        <v>0</v>
      </c>
      <c r="JT35" s="141">
        <v>52631</v>
      </c>
      <c r="JU35" s="118">
        <v>0</v>
      </c>
      <c r="JV35" s="119">
        <v>96903</v>
      </c>
      <c r="JW35" s="119">
        <v>164859</v>
      </c>
      <c r="JX35" s="119">
        <v>168731</v>
      </c>
      <c r="JY35" s="119">
        <v>0</v>
      </c>
      <c r="JZ35" s="119">
        <v>0</v>
      </c>
      <c r="KA35" s="120">
        <v>430493</v>
      </c>
      <c r="KB35" s="320">
        <v>483124</v>
      </c>
      <c r="KC35" s="234">
        <v>0</v>
      </c>
      <c r="KD35" s="230">
        <v>0</v>
      </c>
      <c r="KE35" s="120">
        <v>0</v>
      </c>
      <c r="KF35" s="118">
        <v>0</v>
      </c>
      <c r="KG35" s="119">
        <v>0</v>
      </c>
      <c r="KH35" s="119">
        <v>177912</v>
      </c>
      <c r="KI35" s="119">
        <v>0</v>
      </c>
      <c r="KJ35" s="119">
        <v>282213</v>
      </c>
      <c r="KK35" s="119">
        <v>0</v>
      </c>
      <c r="KL35" s="120">
        <v>460125</v>
      </c>
      <c r="KM35" s="143">
        <v>460125</v>
      </c>
      <c r="KN35" s="232">
        <v>0</v>
      </c>
      <c r="KO35" s="236">
        <v>0</v>
      </c>
      <c r="KP35" s="237">
        <v>0</v>
      </c>
      <c r="KQ35" s="140"/>
      <c r="KR35" s="119">
        <v>1887689</v>
      </c>
      <c r="KS35" s="119">
        <v>445314</v>
      </c>
      <c r="KT35" s="119">
        <v>781974</v>
      </c>
      <c r="KU35" s="119">
        <v>1027454</v>
      </c>
      <c r="KV35" s="119">
        <v>548584</v>
      </c>
      <c r="KW35" s="120">
        <v>4691015</v>
      </c>
      <c r="KX35" s="320">
        <v>4691015</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12681</v>
      </c>
      <c r="MK35" s="119">
        <v>718200</v>
      </c>
      <c r="ML35" s="119">
        <v>9819957</v>
      </c>
      <c r="MM35" s="119">
        <v>10948191</v>
      </c>
      <c r="MN35" s="119">
        <v>6014199</v>
      </c>
      <c r="MO35" s="120">
        <v>29213228</v>
      </c>
      <c r="MP35" s="143">
        <v>29213228</v>
      </c>
      <c r="MQ35" s="142">
        <v>0</v>
      </c>
      <c r="MR35" s="119">
        <v>0</v>
      </c>
      <c r="MS35" s="120">
        <v>0</v>
      </c>
      <c r="MT35" s="145"/>
      <c r="MU35" s="119">
        <v>221958</v>
      </c>
      <c r="MV35" s="119">
        <v>200790</v>
      </c>
      <c r="MW35" s="119">
        <v>5284411</v>
      </c>
      <c r="MX35" s="119">
        <v>5637394</v>
      </c>
      <c r="MY35" s="119">
        <v>4073755</v>
      </c>
      <c r="MZ35" s="120">
        <v>15418308</v>
      </c>
      <c r="NA35" s="143">
        <v>15418308</v>
      </c>
      <c r="NB35" s="142">
        <v>0</v>
      </c>
      <c r="NC35" s="119">
        <v>0</v>
      </c>
      <c r="ND35" s="120">
        <v>0</v>
      </c>
      <c r="NE35" s="145"/>
      <c r="NF35" s="119">
        <v>1490723</v>
      </c>
      <c r="NG35" s="119">
        <v>264987</v>
      </c>
      <c r="NH35" s="119">
        <v>4535546</v>
      </c>
      <c r="NI35" s="119">
        <v>5310797</v>
      </c>
      <c r="NJ35" s="119">
        <v>829039</v>
      </c>
      <c r="NK35" s="120">
        <v>12431092</v>
      </c>
      <c r="NL35" s="320">
        <v>12431092</v>
      </c>
      <c r="NM35" s="142">
        <v>0</v>
      </c>
      <c r="NN35" s="119">
        <v>0</v>
      </c>
      <c r="NO35" s="120">
        <v>0</v>
      </c>
      <c r="NP35" s="145">
        <v>0</v>
      </c>
      <c r="NQ35" s="119">
        <v>0</v>
      </c>
      <c r="NR35" s="119">
        <v>0</v>
      </c>
      <c r="NS35" s="119">
        <v>0</v>
      </c>
      <c r="NT35" s="119">
        <v>0</v>
      </c>
      <c r="NU35" s="119">
        <v>0</v>
      </c>
      <c r="NV35" s="120">
        <v>0</v>
      </c>
      <c r="NW35" s="121">
        <v>0</v>
      </c>
      <c r="NX35" s="142">
        <v>0</v>
      </c>
      <c r="NY35" s="119">
        <v>0</v>
      </c>
      <c r="NZ35" s="120">
        <v>0</v>
      </c>
      <c r="OA35" s="145"/>
      <c r="OB35" s="119">
        <v>0</v>
      </c>
      <c r="OC35" s="119">
        <v>252423</v>
      </c>
      <c r="OD35" s="119">
        <v>0</v>
      </c>
      <c r="OE35" s="119">
        <v>0</v>
      </c>
      <c r="OF35" s="119">
        <v>1111405</v>
      </c>
      <c r="OG35" s="120">
        <v>1363828</v>
      </c>
      <c r="OH35" s="121">
        <v>1363828</v>
      </c>
      <c r="OI35" s="142">
        <v>1110922</v>
      </c>
      <c r="OJ35" s="119">
        <v>1054403</v>
      </c>
      <c r="OK35" s="141">
        <v>2165325</v>
      </c>
      <c r="OL35" s="118">
        <v>0</v>
      </c>
      <c r="OM35" s="119">
        <v>11595159</v>
      </c>
      <c r="ON35" s="119">
        <v>9794265</v>
      </c>
      <c r="OO35" s="119">
        <v>18999756</v>
      </c>
      <c r="OP35" s="119">
        <v>21052485</v>
      </c>
      <c r="OQ35" s="119">
        <v>10652753</v>
      </c>
      <c r="OR35" s="120">
        <v>72094418</v>
      </c>
      <c r="OS35" s="143">
        <v>74259743</v>
      </c>
    </row>
    <row r="36" spans="2:409" ht="21" customHeight="1" x14ac:dyDescent="0.2">
      <c r="B36" s="62" t="s">
        <v>31</v>
      </c>
      <c r="C36" s="110">
        <v>558496</v>
      </c>
      <c r="D36" s="114">
        <v>932489</v>
      </c>
      <c r="E36" s="113">
        <v>1490985</v>
      </c>
      <c r="F36" s="109">
        <v>0</v>
      </c>
      <c r="G36" s="114">
        <v>6876308</v>
      </c>
      <c r="H36" s="114">
        <v>8678698</v>
      </c>
      <c r="I36" s="114">
        <v>7589900</v>
      </c>
      <c r="J36" s="114">
        <v>5151858</v>
      </c>
      <c r="K36" s="114">
        <v>4277419</v>
      </c>
      <c r="L36" s="173">
        <v>32574183</v>
      </c>
      <c r="M36" s="116">
        <v>34065168</v>
      </c>
      <c r="N36" s="110">
        <v>103458</v>
      </c>
      <c r="O36" s="114">
        <v>158508</v>
      </c>
      <c r="P36" s="113">
        <v>261966</v>
      </c>
      <c r="Q36" s="110">
        <v>0</v>
      </c>
      <c r="R36" s="114">
        <v>1362271</v>
      </c>
      <c r="S36" s="114">
        <v>1665560</v>
      </c>
      <c r="T36" s="114">
        <v>959394</v>
      </c>
      <c r="U36" s="114">
        <v>1138043</v>
      </c>
      <c r="V36" s="114">
        <v>2406516</v>
      </c>
      <c r="W36" s="113">
        <v>7531784</v>
      </c>
      <c r="X36" s="116">
        <v>7793750</v>
      </c>
      <c r="Y36" s="110">
        <v>0</v>
      </c>
      <c r="Z36" s="114">
        <v>0</v>
      </c>
      <c r="AA36" s="113">
        <v>0</v>
      </c>
      <c r="AB36" s="110">
        <v>0</v>
      </c>
      <c r="AC36" s="114">
        <v>678400</v>
      </c>
      <c r="AD36" s="114">
        <v>616065</v>
      </c>
      <c r="AE36" s="114">
        <v>115668</v>
      </c>
      <c r="AF36" s="114">
        <v>115845</v>
      </c>
      <c r="AG36" s="114">
        <v>1435627</v>
      </c>
      <c r="AH36" s="113">
        <v>2961605</v>
      </c>
      <c r="AI36" s="116">
        <v>2961605</v>
      </c>
      <c r="AJ36" s="110">
        <v>0</v>
      </c>
      <c r="AK36" s="114">
        <v>0</v>
      </c>
      <c r="AL36" s="113">
        <v>0</v>
      </c>
      <c r="AM36" s="110">
        <v>0</v>
      </c>
      <c r="AN36" s="114">
        <v>48672</v>
      </c>
      <c r="AO36" s="114">
        <v>129023</v>
      </c>
      <c r="AP36" s="114">
        <v>306390</v>
      </c>
      <c r="AQ36" s="114">
        <v>267687</v>
      </c>
      <c r="AR36" s="114">
        <v>352872</v>
      </c>
      <c r="AS36" s="113">
        <v>1104644</v>
      </c>
      <c r="AT36" s="116">
        <v>1104644</v>
      </c>
      <c r="AU36" s="110">
        <v>62976</v>
      </c>
      <c r="AV36" s="114">
        <v>81810</v>
      </c>
      <c r="AW36" s="113">
        <v>144786</v>
      </c>
      <c r="AX36" s="110">
        <v>0</v>
      </c>
      <c r="AY36" s="114">
        <v>451067</v>
      </c>
      <c r="AZ36" s="114">
        <v>668798</v>
      </c>
      <c r="BA36" s="114">
        <v>288252</v>
      </c>
      <c r="BB36" s="114">
        <v>516068</v>
      </c>
      <c r="BC36" s="114">
        <v>494217</v>
      </c>
      <c r="BD36" s="113">
        <v>2418402</v>
      </c>
      <c r="BE36" s="116">
        <v>2563188</v>
      </c>
      <c r="BF36" s="110">
        <v>0</v>
      </c>
      <c r="BG36" s="114">
        <v>60912</v>
      </c>
      <c r="BH36" s="112">
        <v>60912</v>
      </c>
      <c r="BI36" s="111">
        <v>0</v>
      </c>
      <c r="BJ36" s="114">
        <v>51624</v>
      </c>
      <c r="BK36" s="114">
        <v>68832</v>
      </c>
      <c r="BL36" s="114">
        <v>103926</v>
      </c>
      <c r="BM36" s="114">
        <v>173875</v>
      </c>
      <c r="BN36" s="114">
        <v>52083</v>
      </c>
      <c r="BO36" s="113">
        <v>450340</v>
      </c>
      <c r="BP36" s="116">
        <v>511252</v>
      </c>
      <c r="BQ36" s="110">
        <v>40482</v>
      </c>
      <c r="BR36" s="114">
        <v>15786</v>
      </c>
      <c r="BS36" s="113">
        <v>56268</v>
      </c>
      <c r="BT36" s="110">
        <v>0</v>
      </c>
      <c r="BU36" s="114">
        <v>132508</v>
      </c>
      <c r="BV36" s="114">
        <v>182842</v>
      </c>
      <c r="BW36" s="114">
        <v>145158</v>
      </c>
      <c r="BX36" s="114">
        <v>64568</v>
      </c>
      <c r="BY36" s="114">
        <v>71717</v>
      </c>
      <c r="BZ36" s="113">
        <v>596793</v>
      </c>
      <c r="CA36" s="116">
        <v>653061</v>
      </c>
      <c r="CB36" s="110">
        <v>0</v>
      </c>
      <c r="CC36" s="114">
        <v>82284</v>
      </c>
      <c r="CD36" s="113">
        <v>82284</v>
      </c>
      <c r="CE36" s="110">
        <v>0</v>
      </c>
      <c r="CF36" s="114">
        <v>2008313</v>
      </c>
      <c r="CG36" s="114">
        <v>3154817</v>
      </c>
      <c r="CH36" s="114">
        <v>2283148</v>
      </c>
      <c r="CI36" s="114">
        <v>1561484</v>
      </c>
      <c r="CJ36" s="114">
        <v>482312</v>
      </c>
      <c r="CK36" s="113">
        <v>9490074</v>
      </c>
      <c r="CL36" s="116">
        <v>9572358</v>
      </c>
      <c r="CM36" s="110">
        <v>0</v>
      </c>
      <c r="CN36" s="114">
        <v>0</v>
      </c>
      <c r="CO36" s="113">
        <v>0</v>
      </c>
      <c r="CP36" s="111">
        <v>0</v>
      </c>
      <c r="CQ36" s="114">
        <v>1825215</v>
      </c>
      <c r="CR36" s="114">
        <v>2482908</v>
      </c>
      <c r="CS36" s="114">
        <v>1799933</v>
      </c>
      <c r="CT36" s="114">
        <v>1392908</v>
      </c>
      <c r="CU36" s="114">
        <v>282777</v>
      </c>
      <c r="CV36" s="113">
        <v>7783741</v>
      </c>
      <c r="CW36" s="116">
        <v>7783741</v>
      </c>
      <c r="CX36" s="110">
        <v>0</v>
      </c>
      <c r="CY36" s="114">
        <v>82284</v>
      </c>
      <c r="CZ36" s="113">
        <v>82284</v>
      </c>
      <c r="DA36" s="110">
        <v>0</v>
      </c>
      <c r="DB36" s="114">
        <v>183098</v>
      </c>
      <c r="DC36" s="114">
        <v>671909</v>
      </c>
      <c r="DD36" s="114">
        <v>483215</v>
      </c>
      <c r="DE36" s="114">
        <v>168576</v>
      </c>
      <c r="DF36" s="114">
        <v>199535</v>
      </c>
      <c r="DG36" s="113">
        <v>1706333</v>
      </c>
      <c r="DH36" s="116">
        <v>1788617</v>
      </c>
      <c r="DI36" s="110">
        <v>0</v>
      </c>
      <c r="DJ36" s="114">
        <v>0</v>
      </c>
      <c r="DK36" s="112">
        <v>0</v>
      </c>
      <c r="DL36" s="111">
        <v>0</v>
      </c>
      <c r="DM36" s="114">
        <v>268968</v>
      </c>
      <c r="DN36" s="114">
        <v>495934</v>
      </c>
      <c r="DO36" s="114">
        <v>2091935</v>
      </c>
      <c r="DP36" s="114">
        <v>956428</v>
      </c>
      <c r="DQ36" s="114">
        <v>103686</v>
      </c>
      <c r="DR36" s="113">
        <v>3916951</v>
      </c>
      <c r="DS36" s="116">
        <v>3916951</v>
      </c>
      <c r="DT36" s="110">
        <v>0</v>
      </c>
      <c r="DU36" s="114">
        <v>0</v>
      </c>
      <c r="DV36" s="113">
        <v>0</v>
      </c>
      <c r="DW36" s="110">
        <v>0</v>
      </c>
      <c r="DX36" s="114">
        <v>154371</v>
      </c>
      <c r="DY36" s="114">
        <v>433960</v>
      </c>
      <c r="DZ36" s="114">
        <v>2054081</v>
      </c>
      <c r="EA36" s="114">
        <v>956428</v>
      </c>
      <c r="EB36" s="114">
        <v>42927</v>
      </c>
      <c r="EC36" s="113">
        <v>3641767</v>
      </c>
      <c r="ED36" s="116">
        <v>3641767</v>
      </c>
      <c r="EE36" s="110">
        <v>0</v>
      </c>
      <c r="EF36" s="112">
        <v>0</v>
      </c>
      <c r="EG36" s="113">
        <v>0</v>
      </c>
      <c r="EH36" s="110">
        <v>0</v>
      </c>
      <c r="EI36" s="114">
        <v>114597</v>
      </c>
      <c r="EJ36" s="114">
        <v>61974</v>
      </c>
      <c r="EK36" s="114">
        <v>37854</v>
      </c>
      <c r="EL36" s="114">
        <v>0</v>
      </c>
      <c r="EM36" s="114">
        <v>60759</v>
      </c>
      <c r="EN36" s="112">
        <v>275184</v>
      </c>
      <c r="EO36" s="116">
        <v>275184</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296020</v>
      </c>
      <c r="FM36" s="114">
        <v>370260</v>
      </c>
      <c r="FN36" s="113">
        <v>666280</v>
      </c>
      <c r="FO36" s="110">
        <v>0</v>
      </c>
      <c r="FP36" s="114">
        <v>674709</v>
      </c>
      <c r="FQ36" s="114">
        <v>1101408</v>
      </c>
      <c r="FR36" s="114">
        <v>662190</v>
      </c>
      <c r="FS36" s="114">
        <v>610531</v>
      </c>
      <c r="FT36" s="114">
        <v>463069</v>
      </c>
      <c r="FU36" s="113">
        <v>3511907</v>
      </c>
      <c r="FV36" s="116">
        <v>4178187</v>
      </c>
      <c r="FW36" s="115">
        <v>116020</v>
      </c>
      <c r="FX36" s="114">
        <v>348840</v>
      </c>
      <c r="FY36" s="112">
        <v>464860</v>
      </c>
      <c r="FZ36" s="111">
        <v>0</v>
      </c>
      <c r="GA36" s="114">
        <v>514354</v>
      </c>
      <c r="GB36" s="114">
        <v>1081608</v>
      </c>
      <c r="GC36" s="114">
        <v>624390</v>
      </c>
      <c r="GD36" s="114">
        <v>587411</v>
      </c>
      <c r="GE36" s="114">
        <v>463069</v>
      </c>
      <c r="GF36" s="113">
        <v>3270832</v>
      </c>
      <c r="GG36" s="318">
        <v>3735692</v>
      </c>
      <c r="GH36" s="115">
        <v>0</v>
      </c>
      <c r="GI36" s="114">
        <v>21420</v>
      </c>
      <c r="GJ36" s="112">
        <v>21420</v>
      </c>
      <c r="GK36" s="111">
        <v>0</v>
      </c>
      <c r="GL36" s="114">
        <v>99155</v>
      </c>
      <c r="GM36" s="114">
        <v>0</v>
      </c>
      <c r="GN36" s="114">
        <v>19800</v>
      </c>
      <c r="GO36" s="114">
        <v>23120</v>
      </c>
      <c r="GP36" s="114">
        <v>0</v>
      </c>
      <c r="GQ36" s="113">
        <v>142075</v>
      </c>
      <c r="GR36" s="116">
        <v>163495</v>
      </c>
      <c r="GS36" s="110">
        <v>180000</v>
      </c>
      <c r="GT36" s="114">
        <v>0</v>
      </c>
      <c r="GU36" s="113">
        <v>180000</v>
      </c>
      <c r="GV36" s="110">
        <v>0</v>
      </c>
      <c r="GW36" s="114">
        <v>61200</v>
      </c>
      <c r="GX36" s="114">
        <v>19800</v>
      </c>
      <c r="GY36" s="114">
        <v>18000</v>
      </c>
      <c r="GZ36" s="114">
        <v>0</v>
      </c>
      <c r="HA36" s="114">
        <v>0</v>
      </c>
      <c r="HB36" s="112">
        <v>99000</v>
      </c>
      <c r="HC36" s="116">
        <v>279000</v>
      </c>
      <c r="HD36" s="110">
        <v>56185</v>
      </c>
      <c r="HE36" s="114">
        <v>94824</v>
      </c>
      <c r="HF36" s="112">
        <v>151009</v>
      </c>
      <c r="HG36" s="111">
        <v>0</v>
      </c>
      <c r="HH36" s="114">
        <v>1134651</v>
      </c>
      <c r="HI36" s="114">
        <v>1073702</v>
      </c>
      <c r="HJ36" s="114">
        <v>825757</v>
      </c>
      <c r="HK36" s="114">
        <v>468468</v>
      </c>
      <c r="HL36" s="114">
        <v>590527</v>
      </c>
      <c r="HM36" s="113">
        <v>4093105</v>
      </c>
      <c r="HN36" s="109">
        <v>4244114</v>
      </c>
      <c r="HO36" s="115">
        <v>102833</v>
      </c>
      <c r="HP36" s="114">
        <v>226613</v>
      </c>
      <c r="HQ36" s="113">
        <v>329446</v>
      </c>
      <c r="HR36" s="110">
        <v>0</v>
      </c>
      <c r="HS36" s="114">
        <v>1427396</v>
      </c>
      <c r="HT36" s="114">
        <v>1187277</v>
      </c>
      <c r="HU36" s="114">
        <v>767476</v>
      </c>
      <c r="HV36" s="114">
        <v>416904</v>
      </c>
      <c r="HW36" s="114">
        <v>231309</v>
      </c>
      <c r="HX36" s="112">
        <v>4030362</v>
      </c>
      <c r="HY36" s="116">
        <v>4359808</v>
      </c>
      <c r="HZ36" s="150">
        <v>0</v>
      </c>
      <c r="IA36" s="135">
        <v>176414</v>
      </c>
      <c r="IB36" s="150">
        <v>176414</v>
      </c>
      <c r="IC36" s="134">
        <v>0</v>
      </c>
      <c r="ID36" s="135">
        <v>3968004</v>
      </c>
      <c r="IE36" s="136">
        <v>4576312</v>
      </c>
      <c r="IF36" s="137">
        <v>5810852</v>
      </c>
      <c r="IG36" s="135">
        <v>2240886</v>
      </c>
      <c r="IH36" s="137">
        <v>1935039</v>
      </c>
      <c r="II36" s="138">
        <v>18531093</v>
      </c>
      <c r="IJ36" s="150">
        <v>18707507</v>
      </c>
      <c r="IK36" s="232">
        <v>0</v>
      </c>
      <c r="IL36" s="236">
        <v>0</v>
      </c>
      <c r="IM36" s="237">
        <v>0</v>
      </c>
      <c r="IN36" s="140">
        <v>0</v>
      </c>
      <c r="IO36" s="119">
        <v>0</v>
      </c>
      <c r="IP36" s="119">
        <v>85757</v>
      </c>
      <c r="IQ36" s="119">
        <v>0</v>
      </c>
      <c r="IR36" s="119">
        <v>0</v>
      </c>
      <c r="IS36" s="119">
        <v>0</v>
      </c>
      <c r="IT36" s="141">
        <v>85757</v>
      </c>
      <c r="IU36" s="320">
        <v>85757</v>
      </c>
      <c r="IV36" s="142">
        <v>0</v>
      </c>
      <c r="IW36" s="119">
        <v>0</v>
      </c>
      <c r="IX36" s="120">
        <v>0</v>
      </c>
      <c r="IY36" s="144">
        <v>0</v>
      </c>
      <c r="IZ36" s="119">
        <v>0</v>
      </c>
      <c r="JA36" s="119">
        <v>0</v>
      </c>
      <c r="JB36" s="119">
        <v>0</v>
      </c>
      <c r="JC36" s="119">
        <v>0</v>
      </c>
      <c r="JD36" s="119">
        <v>0</v>
      </c>
      <c r="JE36" s="120">
        <v>0</v>
      </c>
      <c r="JF36" s="121">
        <v>0</v>
      </c>
      <c r="JG36" s="142">
        <v>0</v>
      </c>
      <c r="JH36" s="119">
        <v>0</v>
      </c>
      <c r="JI36" s="141">
        <v>0</v>
      </c>
      <c r="JJ36" s="118">
        <v>0</v>
      </c>
      <c r="JK36" s="119">
        <v>1256270</v>
      </c>
      <c r="JL36" s="119">
        <v>647954</v>
      </c>
      <c r="JM36" s="119">
        <v>933522</v>
      </c>
      <c r="JN36" s="119">
        <v>87516</v>
      </c>
      <c r="JO36" s="119">
        <v>48510</v>
      </c>
      <c r="JP36" s="120">
        <v>2973772</v>
      </c>
      <c r="JQ36" s="320">
        <v>2973772</v>
      </c>
      <c r="JR36" s="142">
        <v>0</v>
      </c>
      <c r="JS36" s="119">
        <v>0</v>
      </c>
      <c r="JT36" s="141">
        <v>0</v>
      </c>
      <c r="JU36" s="118">
        <v>0</v>
      </c>
      <c r="JV36" s="119">
        <v>0</v>
      </c>
      <c r="JW36" s="119">
        <v>0</v>
      </c>
      <c r="JX36" s="119">
        <v>169381</v>
      </c>
      <c r="JY36" s="119">
        <v>0</v>
      </c>
      <c r="JZ36" s="119">
        <v>258048</v>
      </c>
      <c r="KA36" s="120">
        <v>427429</v>
      </c>
      <c r="KB36" s="320">
        <v>427429</v>
      </c>
      <c r="KC36" s="234">
        <v>0</v>
      </c>
      <c r="KD36" s="230">
        <v>176414</v>
      </c>
      <c r="KE36" s="120">
        <v>176414</v>
      </c>
      <c r="KF36" s="118">
        <v>0</v>
      </c>
      <c r="KG36" s="119">
        <v>1136655</v>
      </c>
      <c r="KH36" s="119">
        <v>1531382</v>
      </c>
      <c r="KI36" s="119">
        <v>1346649</v>
      </c>
      <c r="KJ36" s="119">
        <v>0</v>
      </c>
      <c r="KK36" s="119">
        <v>313837</v>
      </c>
      <c r="KL36" s="120">
        <v>4328523</v>
      </c>
      <c r="KM36" s="143">
        <v>4504937</v>
      </c>
      <c r="KN36" s="232">
        <v>0</v>
      </c>
      <c r="KO36" s="236">
        <v>0</v>
      </c>
      <c r="KP36" s="237">
        <v>0</v>
      </c>
      <c r="KQ36" s="140"/>
      <c r="KR36" s="119">
        <v>1575079</v>
      </c>
      <c r="KS36" s="119">
        <v>2311219</v>
      </c>
      <c r="KT36" s="119">
        <v>3361300</v>
      </c>
      <c r="KU36" s="119">
        <v>2153370</v>
      </c>
      <c r="KV36" s="119">
        <v>1314644</v>
      </c>
      <c r="KW36" s="120">
        <v>10715612</v>
      </c>
      <c r="KX36" s="320">
        <v>10715612</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580108</v>
      </c>
      <c r="MK36" s="119">
        <v>3818251</v>
      </c>
      <c r="ML36" s="119">
        <v>8956583</v>
      </c>
      <c r="MM36" s="119">
        <v>8768941</v>
      </c>
      <c r="MN36" s="119">
        <v>8177678</v>
      </c>
      <c r="MO36" s="120">
        <v>30301561</v>
      </c>
      <c r="MP36" s="143">
        <v>30301561</v>
      </c>
      <c r="MQ36" s="142">
        <v>0</v>
      </c>
      <c r="MR36" s="119">
        <v>0</v>
      </c>
      <c r="MS36" s="120">
        <v>0</v>
      </c>
      <c r="MT36" s="145"/>
      <c r="MU36" s="119">
        <v>0</v>
      </c>
      <c r="MV36" s="119">
        <v>471673</v>
      </c>
      <c r="MW36" s="119">
        <v>6517899</v>
      </c>
      <c r="MX36" s="119">
        <v>6808036</v>
      </c>
      <c r="MY36" s="119">
        <v>6378267</v>
      </c>
      <c r="MZ36" s="120">
        <v>20175875</v>
      </c>
      <c r="NA36" s="143">
        <v>20175875</v>
      </c>
      <c r="NB36" s="142">
        <v>0</v>
      </c>
      <c r="NC36" s="119">
        <v>0</v>
      </c>
      <c r="ND36" s="120">
        <v>0</v>
      </c>
      <c r="NE36" s="145"/>
      <c r="NF36" s="119">
        <v>580108</v>
      </c>
      <c r="NG36" s="119">
        <v>3346578</v>
      </c>
      <c r="NH36" s="119">
        <v>2438684</v>
      </c>
      <c r="NI36" s="119">
        <v>1960905</v>
      </c>
      <c r="NJ36" s="119">
        <v>1799411</v>
      </c>
      <c r="NK36" s="120">
        <v>10125686</v>
      </c>
      <c r="NL36" s="320">
        <v>10125686</v>
      </c>
      <c r="NM36" s="142">
        <v>0</v>
      </c>
      <c r="NN36" s="119">
        <v>0</v>
      </c>
      <c r="NO36" s="120">
        <v>0</v>
      </c>
      <c r="NP36" s="145">
        <v>0</v>
      </c>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558496</v>
      </c>
      <c r="OJ36" s="119">
        <v>1108903</v>
      </c>
      <c r="OK36" s="141">
        <v>1667399</v>
      </c>
      <c r="OL36" s="118">
        <v>0</v>
      </c>
      <c r="OM36" s="119">
        <v>11424420</v>
      </c>
      <c r="ON36" s="119">
        <v>17073261</v>
      </c>
      <c r="OO36" s="119">
        <v>22357335</v>
      </c>
      <c r="OP36" s="119">
        <v>16161685</v>
      </c>
      <c r="OQ36" s="119">
        <v>14390136</v>
      </c>
      <c r="OR36" s="120">
        <v>81406837</v>
      </c>
      <c r="OS36" s="143">
        <v>83074236</v>
      </c>
    </row>
    <row r="37" spans="2:409" ht="21" customHeight="1" x14ac:dyDescent="0.2">
      <c r="B37" s="62" t="s">
        <v>32</v>
      </c>
      <c r="C37" s="110">
        <v>763007</v>
      </c>
      <c r="D37" s="114">
        <v>992939</v>
      </c>
      <c r="E37" s="174">
        <v>1755946</v>
      </c>
      <c r="F37" s="175">
        <v>0</v>
      </c>
      <c r="G37" s="176">
        <v>10205436</v>
      </c>
      <c r="H37" s="176">
        <v>10068018</v>
      </c>
      <c r="I37" s="176">
        <v>7637593</v>
      </c>
      <c r="J37" s="176">
        <v>9907038</v>
      </c>
      <c r="K37" s="176">
        <v>6798215</v>
      </c>
      <c r="L37" s="177">
        <v>44616300</v>
      </c>
      <c r="M37" s="116">
        <v>46372246</v>
      </c>
      <c r="N37" s="110">
        <v>170730</v>
      </c>
      <c r="O37" s="114">
        <v>150389</v>
      </c>
      <c r="P37" s="113">
        <v>321119</v>
      </c>
      <c r="Q37" s="110">
        <v>0</v>
      </c>
      <c r="R37" s="114">
        <v>3171609</v>
      </c>
      <c r="S37" s="114">
        <v>2144612</v>
      </c>
      <c r="T37" s="114">
        <v>1715778</v>
      </c>
      <c r="U37" s="114">
        <v>3048993</v>
      </c>
      <c r="V37" s="114">
        <v>3601895</v>
      </c>
      <c r="W37" s="113">
        <v>13682887</v>
      </c>
      <c r="X37" s="116">
        <v>14004006</v>
      </c>
      <c r="Y37" s="110">
        <v>0</v>
      </c>
      <c r="Z37" s="114">
        <v>0</v>
      </c>
      <c r="AA37" s="113">
        <v>0</v>
      </c>
      <c r="AB37" s="110">
        <v>0</v>
      </c>
      <c r="AC37" s="114">
        <v>1517273</v>
      </c>
      <c r="AD37" s="114">
        <v>878548</v>
      </c>
      <c r="AE37" s="114">
        <v>1096027</v>
      </c>
      <c r="AF37" s="114">
        <v>1713497</v>
      </c>
      <c r="AG37" s="114">
        <v>1973902</v>
      </c>
      <c r="AH37" s="113">
        <v>7179247</v>
      </c>
      <c r="AI37" s="116">
        <v>7179247</v>
      </c>
      <c r="AJ37" s="110">
        <v>0</v>
      </c>
      <c r="AK37" s="114">
        <v>0</v>
      </c>
      <c r="AL37" s="113">
        <v>0</v>
      </c>
      <c r="AM37" s="110">
        <v>0</v>
      </c>
      <c r="AN37" s="114">
        <v>0</v>
      </c>
      <c r="AO37" s="114">
        <v>72999</v>
      </c>
      <c r="AP37" s="114">
        <v>0</v>
      </c>
      <c r="AQ37" s="114">
        <v>121680</v>
      </c>
      <c r="AR37" s="114">
        <v>764054</v>
      </c>
      <c r="AS37" s="113">
        <v>958733</v>
      </c>
      <c r="AT37" s="116">
        <v>958733</v>
      </c>
      <c r="AU37" s="110">
        <v>135856</v>
      </c>
      <c r="AV37" s="114">
        <v>150389</v>
      </c>
      <c r="AW37" s="113">
        <v>286245</v>
      </c>
      <c r="AX37" s="110">
        <v>0</v>
      </c>
      <c r="AY37" s="114">
        <v>1134806</v>
      </c>
      <c r="AZ37" s="114">
        <v>969266</v>
      </c>
      <c r="BA37" s="114">
        <v>348435</v>
      </c>
      <c r="BB37" s="114">
        <v>695924</v>
      </c>
      <c r="BC37" s="114">
        <v>519146</v>
      </c>
      <c r="BD37" s="113">
        <v>3667577</v>
      </c>
      <c r="BE37" s="116">
        <v>3953822</v>
      </c>
      <c r="BF37" s="110">
        <v>18368</v>
      </c>
      <c r="BG37" s="114">
        <v>0</v>
      </c>
      <c r="BH37" s="112">
        <v>18368</v>
      </c>
      <c r="BI37" s="111">
        <v>0</v>
      </c>
      <c r="BJ37" s="114">
        <v>320630</v>
      </c>
      <c r="BK37" s="114">
        <v>22944</v>
      </c>
      <c r="BL37" s="114">
        <v>43020</v>
      </c>
      <c r="BM37" s="114">
        <v>113824</v>
      </c>
      <c r="BN37" s="114">
        <v>106983</v>
      </c>
      <c r="BO37" s="113">
        <v>607401</v>
      </c>
      <c r="BP37" s="116">
        <v>625769</v>
      </c>
      <c r="BQ37" s="110">
        <v>16506</v>
      </c>
      <c r="BR37" s="114">
        <v>0</v>
      </c>
      <c r="BS37" s="113">
        <v>16506</v>
      </c>
      <c r="BT37" s="110">
        <v>0</v>
      </c>
      <c r="BU37" s="114">
        <v>198900</v>
      </c>
      <c r="BV37" s="114">
        <v>200855</v>
      </c>
      <c r="BW37" s="114">
        <v>228296</v>
      </c>
      <c r="BX37" s="114">
        <v>404068</v>
      </c>
      <c r="BY37" s="114">
        <v>237810</v>
      </c>
      <c r="BZ37" s="113">
        <v>1269929</v>
      </c>
      <c r="CA37" s="116">
        <v>1286435</v>
      </c>
      <c r="CB37" s="110">
        <v>23803</v>
      </c>
      <c r="CC37" s="114">
        <v>0</v>
      </c>
      <c r="CD37" s="113">
        <v>23803</v>
      </c>
      <c r="CE37" s="110">
        <v>0</v>
      </c>
      <c r="CF37" s="114">
        <v>2972519</v>
      </c>
      <c r="CG37" s="114">
        <v>4326027</v>
      </c>
      <c r="CH37" s="114">
        <v>2383007</v>
      </c>
      <c r="CI37" s="114">
        <v>2928601</v>
      </c>
      <c r="CJ37" s="114">
        <v>593425</v>
      </c>
      <c r="CK37" s="113">
        <v>13203579</v>
      </c>
      <c r="CL37" s="116">
        <v>13227382</v>
      </c>
      <c r="CM37" s="110">
        <v>0</v>
      </c>
      <c r="CN37" s="114">
        <v>0</v>
      </c>
      <c r="CO37" s="113">
        <v>0</v>
      </c>
      <c r="CP37" s="111">
        <v>0</v>
      </c>
      <c r="CQ37" s="114">
        <v>2635511</v>
      </c>
      <c r="CR37" s="114">
        <v>3643571</v>
      </c>
      <c r="CS37" s="114">
        <v>1843417</v>
      </c>
      <c r="CT37" s="114">
        <v>2526598</v>
      </c>
      <c r="CU37" s="114">
        <v>522479</v>
      </c>
      <c r="CV37" s="113">
        <v>11171576</v>
      </c>
      <c r="CW37" s="116">
        <v>11171576</v>
      </c>
      <c r="CX37" s="110">
        <v>23803</v>
      </c>
      <c r="CY37" s="114">
        <v>0</v>
      </c>
      <c r="CZ37" s="113">
        <v>23803</v>
      </c>
      <c r="DA37" s="110">
        <v>0</v>
      </c>
      <c r="DB37" s="114">
        <v>337008</v>
      </c>
      <c r="DC37" s="114">
        <v>682456</v>
      </c>
      <c r="DD37" s="114">
        <v>539590</v>
      </c>
      <c r="DE37" s="114">
        <v>402003</v>
      </c>
      <c r="DF37" s="114">
        <v>70946</v>
      </c>
      <c r="DG37" s="113">
        <v>2032003</v>
      </c>
      <c r="DH37" s="116">
        <v>2055806</v>
      </c>
      <c r="DI37" s="110">
        <v>31430</v>
      </c>
      <c r="DJ37" s="114">
        <v>0</v>
      </c>
      <c r="DK37" s="112">
        <v>31430</v>
      </c>
      <c r="DL37" s="111">
        <v>0</v>
      </c>
      <c r="DM37" s="114">
        <v>124788</v>
      </c>
      <c r="DN37" s="114">
        <v>340879</v>
      </c>
      <c r="DO37" s="114">
        <v>1179731</v>
      </c>
      <c r="DP37" s="114">
        <v>660339</v>
      </c>
      <c r="DQ37" s="114">
        <v>406112</v>
      </c>
      <c r="DR37" s="113">
        <v>2711849</v>
      </c>
      <c r="DS37" s="116">
        <v>2743279</v>
      </c>
      <c r="DT37" s="110">
        <v>31430</v>
      </c>
      <c r="DU37" s="114">
        <v>0</v>
      </c>
      <c r="DV37" s="113">
        <v>31430</v>
      </c>
      <c r="DW37" s="110">
        <v>0</v>
      </c>
      <c r="DX37" s="114">
        <v>124788</v>
      </c>
      <c r="DY37" s="114">
        <v>340879</v>
      </c>
      <c r="DZ37" s="114">
        <v>1067548</v>
      </c>
      <c r="EA37" s="114">
        <v>567009</v>
      </c>
      <c r="EB37" s="114">
        <v>322610</v>
      </c>
      <c r="EC37" s="113">
        <v>2422834</v>
      </c>
      <c r="ED37" s="116">
        <v>2454264</v>
      </c>
      <c r="EE37" s="110">
        <v>0</v>
      </c>
      <c r="EF37" s="112">
        <v>0</v>
      </c>
      <c r="EG37" s="113">
        <v>0</v>
      </c>
      <c r="EH37" s="110">
        <v>0</v>
      </c>
      <c r="EI37" s="114">
        <v>0</v>
      </c>
      <c r="EJ37" s="114">
        <v>0</v>
      </c>
      <c r="EK37" s="114">
        <v>112183</v>
      </c>
      <c r="EL37" s="114">
        <v>93330</v>
      </c>
      <c r="EM37" s="114">
        <v>83502</v>
      </c>
      <c r="EN37" s="112">
        <v>289015</v>
      </c>
      <c r="EO37" s="116">
        <v>289015</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228699</v>
      </c>
      <c r="FM37" s="114">
        <v>373903</v>
      </c>
      <c r="FN37" s="113">
        <v>602602</v>
      </c>
      <c r="FO37" s="110">
        <v>0</v>
      </c>
      <c r="FP37" s="114">
        <v>745219</v>
      </c>
      <c r="FQ37" s="114">
        <v>1059147</v>
      </c>
      <c r="FR37" s="114">
        <v>737360</v>
      </c>
      <c r="FS37" s="114">
        <v>692784</v>
      </c>
      <c r="FT37" s="114">
        <v>507858</v>
      </c>
      <c r="FU37" s="113">
        <v>3742368</v>
      </c>
      <c r="FV37" s="116">
        <v>4344970</v>
      </c>
      <c r="FW37" s="115">
        <v>121850</v>
      </c>
      <c r="FX37" s="114">
        <v>277675</v>
      </c>
      <c r="FY37" s="112">
        <v>399525</v>
      </c>
      <c r="FZ37" s="111">
        <v>0</v>
      </c>
      <c r="GA37" s="114">
        <v>567015</v>
      </c>
      <c r="GB37" s="114">
        <v>1034595</v>
      </c>
      <c r="GC37" s="114">
        <v>737360</v>
      </c>
      <c r="GD37" s="114">
        <v>655362</v>
      </c>
      <c r="GE37" s="114">
        <v>507858</v>
      </c>
      <c r="GF37" s="113">
        <v>3502190</v>
      </c>
      <c r="GG37" s="318">
        <v>3901715</v>
      </c>
      <c r="GH37" s="115">
        <v>10890</v>
      </c>
      <c r="GI37" s="114">
        <v>20988</v>
      </c>
      <c r="GJ37" s="112">
        <v>31878</v>
      </c>
      <c r="GK37" s="111">
        <v>0</v>
      </c>
      <c r="GL37" s="114">
        <v>178204</v>
      </c>
      <c r="GM37" s="114">
        <v>24552</v>
      </c>
      <c r="GN37" s="114">
        <v>0</v>
      </c>
      <c r="GO37" s="114">
        <v>12672</v>
      </c>
      <c r="GP37" s="114">
        <v>0</v>
      </c>
      <c r="GQ37" s="113">
        <v>215428</v>
      </c>
      <c r="GR37" s="116">
        <v>247306</v>
      </c>
      <c r="GS37" s="110">
        <v>95959</v>
      </c>
      <c r="GT37" s="114">
        <v>75240</v>
      </c>
      <c r="GU37" s="113">
        <v>171199</v>
      </c>
      <c r="GV37" s="110">
        <v>0</v>
      </c>
      <c r="GW37" s="114">
        <v>0</v>
      </c>
      <c r="GX37" s="114">
        <v>0</v>
      </c>
      <c r="GY37" s="114">
        <v>0</v>
      </c>
      <c r="GZ37" s="114">
        <v>24750</v>
      </c>
      <c r="HA37" s="114">
        <v>0</v>
      </c>
      <c r="HB37" s="112">
        <v>24750</v>
      </c>
      <c r="HC37" s="116">
        <v>195949</v>
      </c>
      <c r="HD37" s="110">
        <v>176945</v>
      </c>
      <c r="HE37" s="114">
        <v>285644</v>
      </c>
      <c r="HF37" s="112">
        <v>462589</v>
      </c>
      <c r="HG37" s="111">
        <v>0</v>
      </c>
      <c r="HH37" s="114">
        <v>1333573</v>
      </c>
      <c r="HI37" s="114">
        <v>686577</v>
      </c>
      <c r="HJ37" s="114">
        <v>815778</v>
      </c>
      <c r="HK37" s="114">
        <v>1947469</v>
      </c>
      <c r="HL37" s="114">
        <v>1304714</v>
      </c>
      <c r="HM37" s="113">
        <v>6088111</v>
      </c>
      <c r="HN37" s="109">
        <v>6550700</v>
      </c>
      <c r="HO37" s="115">
        <v>131400</v>
      </c>
      <c r="HP37" s="114">
        <v>183003</v>
      </c>
      <c r="HQ37" s="113">
        <v>314403</v>
      </c>
      <c r="HR37" s="110">
        <v>0</v>
      </c>
      <c r="HS37" s="114">
        <v>1857728</v>
      </c>
      <c r="HT37" s="114">
        <v>1510776</v>
      </c>
      <c r="HU37" s="114">
        <v>805939</v>
      </c>
      <c r="HV37" s="114">
        <v>628852</v>
      </c>
      <c r="HW37" s="114">
        <v>384211</v>
      </c>
      <c r="HX37" s="112">
        <v>5187506</v>
      </c>
      <c r="HY37" s="116">
        <v>5501909</v>
      </c>
      <c r="HZ37" s="131">
        <v>86742</v>
      </c>
      <c r="IA37" s="132">
        <v>0</v>
      </c>
      <c r="IB37" s="133">
        <v>86742</v>
      </c>
      <c r="IC37" s="146">
        <v>0</v>
      </c>
      <c r="ID37" s="132">
        <v>3489218</v>
      </c>
      <c r="IE37" s="147">
        <v>3473982</v>
      </c>
      <c r="IF37" s="133">
        <v>7233543</v>
      </c>
      <c r="IG37" s="132">
        <v>4543537</v>
      </c>
      <c r="IH37" s="133">
        <v>2760916</v>
      </c>
      <c r="II37" s="148">
        <v>21501196</v>
      </c>
      <c r="IJ37" s="139">
        <v>21587938</v>
      </c>
      <c r="IK37" s="232">
        <v>0</v>
      </c>
      <c r="IL37" s="236">
        <v>0</v>
      </c>
      <c r="IM37" s="237">
        <v>0</v>
      </c>
      <c r="IN37" s="140">
        <v>0</v>
      </c>
      <c r="IO37" s="119">
        <v>132804</v>
      </c>
      <c r="IP37" s="119">
        <v>82026</v>
      </c>
      <c r="IQ37" s="119">
        <v>0</v>
      </c>
      <c r="IR37" s="119">
        <v>553311</v>
      </c>
      <c r="IS37" s="119">
        <v>0</v>
      </c>
      <c r="IT37" s="141">
        <v>768141</v>
      </c>
      <c r="IU37" s="320">
        <v>768141</v>
      </c>
      <c r="IV37" s="142">
        <v>0</v>
      </c>
      <c r="IW37" s="119">
        <v>0</v>
      </c>
      <c r="IX37" s="120">
        <v>0</v>
      </c>
      <c r="IY37" s="144">
        <v>0</v>
      </c>
      <c r="IZ37" s="119">
        <v>0</v>
      </c>
      <c r="JA37" s="119">
        <v>0</v>
      </c>
      <c r="JB37" s="119">
        <v>0</v>
      </c>
      <c r="JC37" s="119">
        <v>0</v>
      </c>
      <c r="JD37" s="119">
        <v>0</v>
      </c>
      <c r="JE37" s="120">
        <v>0</v>
      </c>
      <c r="JF37" s="121">
        <v>0</v>
      </c>
      <c r="JG37" s="142">
        <v>0</v>
      </c>
      <c r="JH37" s="119">
        <v>0</v>
      </c>
      <c r="JI37" s="141">
        <v>0</v>
      </c>
      <c r="JJ37" s="118">
        <v>0</v>
      </c>
      <c r="JK37" s="119">
        <v>2146803</v>
      </c>
      <c r="JL37" s="119">
        <v>2140045</v>
      </c>
      <c r="JM37" s="119">
        <v>931395</v>
      </c>
      <c r="JN37" s="119">
        <v>34776</v>
      </c>
      <c r="JO37" s="119">
        <v>220297</v>
      </c>
      <c r="JP37" s="120">
        <v>5473316</v>
      </c>
      <c r="JQ37" s="320">
        <v>5473316</v>
      </c>
      <c r="JR37" s="142">
        <v>0</v>
      </c>
      <c r="JS37" s="119">
        <v>0</v>
      </c>
      <c r="JT37" s="141">
        <v>0</v>
      </c>
      <c r="JU37" s="118">
        <v>0</v>
      </c>
      <c r="JV37" s="119">
        <v>185328</v>
      </c>
      <c r="JW37" s="119">
        <v>0</v>
      </c>
      <c r="JX37" s="119">
        <v>307017</v>
      </c>
      <c r="JY37" s="119">
        <v>21640</v>
      </c>
      <c r="JZ37" s="119">
        <v>174593</v>
      </c>
      <c r="KA37" s="120">
        <v>688578</v>
      </c>
      <c r="KB37" s="320">
        <v>688578</v>
      </c>
      <c r="KC37" s="234">
        <v>86742</v>
      </c>
      <c r="KD37" s="230">
        <v>0</v>
      </c>
      <c r="KE37" s="120">
        <v>86742</v>
      </c>
      <c r="KF37" s="118">
        <v>0</v>
      </c>
      <c r="KG37" s="119">
        <v>243144</v>
      </c>
      <c r="KH37" s="119">
        <v>0</v>
      </c>
      <c r="KI37" s="119">
        <v>227565</v>
      </c>
      <c r="KJ37" s="119">
        <v>281214</v>
      </c>
      <c r="KK37" s="119">
        <v>0</v>
      </c>
      <c r="KL37" s="120">
        <v>751923</v>
      </c>
      <c r="KM37" s="143">
        <v>838665</v>
      </c>
      <c r="KN37" s="232">
        <v>0</v>
      </c>
      <c r="KO37" s="236">
        <v>0</v>
      </c>
      <c r="KP37" s="237">
        <v>0</v>
      </c>
      <c r="KQ37" s="140"/>
      <c r="KR37" s="119">
        <v>605549</v>
      </c>
      <c r="KS37" s="119">
        <v>1099318</v>
      </c>
      <c r="KT37" s="119">
        <v>2526620</v>
      </c>
      <c r="KU37" s="119">
        <v>1846800</v>
      </c>
      <c r="KV37" s="119">
        <v>1848814</v>
      </c>
      <c r="KW37" s="120">
        <v>7927101</v>
      </c>
      <c r="KX37" s="320">
        <v>7927101</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75590</v>
      </c>
      <c r="LO37" s="119">
        <v>152593</v>
      </c>
      <c r="LP37" s="119">
        <v>3240946</v>
      </c>
      <c r="LQ37" s="119">
        <v>1805796</v>
      </c>
      <c r="LR37" s="119">
        <v>517212</v>
      </c>
      <c r="LS37" s="120">
        <v>5892137</v>
      </c>
      <c r="LT37" s="320">
        <v>5892137</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864570</v>
      </c>
      <c r="MK37" s="119">
        <v>2866085</v>
      </c>
      <c r="ML37" s="119">
        <v>6861880</v>
      </c>
      <c r="MM37" s="119">
        <v>10411785</v>
      </c>
      <c r="MN37" s="119">
        <v>4730906</v>
      </c>
      <c r="MO37" s="120">
        <v>25735226</v>
      </c>
      <c r="MP37" s="143">
        <v>25735226</v>
      </c>
      <c r="MQ37" s="142">
        <v>0</v>
      </c>
      <c r="MR37" s="119">
        <v>0</v>
      </c>
      <c r="MS37" s="120">
        <v>0</v>
      </c>
      <c r="MT37" s="145"/>
      <c r="MU37" s="119">
        <v>610956</v>
      </c>
      <c r="MV37" s="119">
        <v>-222518</v>
      </c>
      <c r="MW37" s="119">
        <v>2912218</v>
      </c>
      <c r="MX37" s="119">
        <v>5669566</v>
      </c>
      <c r="MY37" s="119">
        <v>2972444</v>
      </c>
      <c r="MZ37" s="120">
        <v>11942666</v>
      </c>
      <c r="NA37" s="143">
        <v>11942666</v>
      </c>
      <c r="NB37" s="142">
        <v>0</v>
      </c>
      <c r="NC37" s="119">
        <v>0</v>
      </c>
      <c r="ND37" s="120">
        <v>0</v>
      </c>
      <c r="NE37" s="145"/>
      <c r="NF37" s="119">
        <v>253614</v>
      </c>
      <c r="NG37" s="119">
        <v>3088603</v>
      </c>
      <c r="NH37" s="119">
        <v>3949662</v>
      </c>
      <c r="NI37" s="119">
        <v>4742219</v>
      </c>
      <c r="NJ37" s="119">
        <v>1345781</v>
      </c>
      <c r="NK37" s="120">
        <v>13379879</v>
      </c>
      <c r="NL37" s="320">
        <v>13379879</v>
      </c>
      <c r="NM37" s="142">
        <v>0</v>
      </c>
      <c r="NN37" s="119">
        <v>0</v>
      </c>
      <c r="NO37" s="120">
        <v>0</v>
      </c>
      <c r="NP37" s="145">
        <v>0</v>
      </c>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412681</v>
      </c>
      <c r="OG37" s="120">
        <v>412681</v>
      </c>
      <c r="OH37" s="121">
        <v>412681</v>
      </c>
      <c r="OI37" s="142">
        <v>849749</v>
      </c>
      <c r="OJ37" s="119">
        <v>992939</v>
      </c>
      <c r="OK37" s="141">
        <v>1842688</v>
      </c>
      <c r="OL37" s="118">
        <v>0</v>
      </c>
      <c r="OM37" s="119">
        <v>14559224</v>
      </c>
      <c r="ON37" s="119">
        <v>16408085</v>
      </c>
      <c r="OO37" s="119">
        <v>21733016</v>
      </c>
      <c r="OP37" s="119">
        <v>24862360</v>
      </c>
      <c r="OQ37" s="119">
        <v>14290037</v>
      </c>
      <c r="OR37" s="120">
        <v>91852722</v>
      </c>
      <c r="OS37" s="143">
        <v>93695410</v>
      </c>
    </row>
    <row r="38" spans="2:409" ht="21" customHeight="1" x14ac:dyDescent="0.2">
      <c r="B38" s="62" t="s">
        <v>33</v>
      </c>
      <c r="C38" s="110">
        <v>1227253</v>
      </c>
      <c r="D38" s="114">
        <v>2511666</v>
      </c>
      <c r="E38" s="113">
        <v>3738919</v>
      </c>
      <c r="F38" s="109">
        <v>0</v>
      </c>
      <c r="G38" s="114">
        <v>8388054</v>
      </c>
      <c r="H38" s="114">
        <v>8732039</v>
      </c>
      <c r="I38" s="114">
        <v>5791037</v>
      </c>
      <c r="J38" s="114">
        <v>7042838</v>
      </c>
      <c r="K38" s="114">
        <v>4356886</v>
      </c>
      <c r="L38" s="173">
        <v>34310854</v>
      </c>
      <c r="M38" s="116">
        <v>38049773</v>
      </c>
      <c r="N38" s="110">
        <v>542980</v>
      </c>
      <c r="O38" s="114">
        <v>1099120</v>
      </c>
      <c r="P38" s="113">
        <v>1642100</v>
      </c>
      <c r="Q38" s="110">
        <v>0</v>
      </c>
      <c r="R38" s="114">
        <v>2739385</v>
      </c>
      <c r="S38" s="114">
        <v>2336629</v>
      </c>
      <c r="T38" s="114">
        <v>1941108</v>
      </c>
      <c r="U38" s="114">
        <v>2300920</v>
      </c>
      <c r="V38" s="114">
        <v>2591264</v>
      </c>
      <c r="W38" s="113">
        <v>11909306</v>
      </c>
      <c r="X38" s="116">
        <v>13551406</v>
      </c>
      <c r="Y38" s="110">
        <v>0</v>
      </c>
      <c r="Z38" s="114">
        <v>0</v>
      </c>
      <c r="AA38" s="113">
        <v>0</v>
      </c>
      <c r="AB38" s="110">
        <v>0</v>
      </c>
      <c r="AC38" s="114">
        <v>845152</v>
      </c>
      <c r="AD38" s="114">
        <v>894671</v>
      </c>
      <c r="AE38" s="114">
        <v>1047024</v>
      </c>
      <c r="AF38" s="114">
        <v>1209038</v>
      </c>
      <c r="AG38" s="114">
        <v>1580923</v>
      </c>
      <c r="AH38" s="113">
        <v>5576808</v>
      </c>
      <c r="AI38" s="116">
        <v>5576808</v>
      </c>
      <c r="AJ38" s="110">
        <v>0</v>
      </c>
      <c r="AK38" s="114">
        <v>0</v>
      </c>
      <c r="AL38" s="113">
        <v>0</v>
      </c>
      <c r="AM38" s="110">
        <v>0</v>
      </c>
      <c r="AN38" s="114">
        <v>0</v>
      </c>
      <c r="AO38" s="114">
        <v>0</v>
      </c>
      <c r="AP38" s="114">
        <v>87234</v>
      </c>
      <c r="AQ38" s="114">
        <v>164694</v>
      </c>
      <c r="AR38" s="114">
        <v>343300</v>
      </c>
      <c r="AS38" s="113">
        <v>595228</v>
      </c>
      <c r="AT38" s="116">
        <v>595228</v>
      </c>
      <c r="AU38" s="110">
        <v>22860</v>
      </c>
      <c r="AV38" s="114">
        <v>60201</v>
      </c>
      <c r="AW38" s="113">
        <v>83061</v>
      </c>
      <c r="AX38" s="110">
        <v>0</v>
      </c>
      <c r="AY38" s="114">
        <v>409074</v>
      </c>
      <c r="AZ38" s="114">
        <v>458693</v>
      </c>
      <c r="BA38" s="114">
        <v>231147</v>
      </c>
      <c r="BB38" s="114">
        <v>310619</v>
      </c>
      <c r="BC38" s="114">
        <v>299075</v>
      </c>
      <c r="BD38" s="113">
        <v>1708608</v>
      </c>
      <c r="BE38" s="116">
        <v>1791669</v>
      </c>
      <c r="BF38" s="110">
        <v>418348</v>
      </c>
      <c r="BG38" s="114">
        <v>895477</v>
      </c>
      <c r="BH38" s="112">
        <v>1313825</v>
      </c>
      <c r="BI38" s="111">
        <v>0</v>
      </c>
      <c r="BJ38" s="114">
        <v>1153823</v>
      </c>
      <c r="BK38" s="114">
        <v>603576</v>
      </c>
      <c r="BL38" s="114">
        <v>201492</v>
      </c>
      <c r="BM38" s="114">
        <v>369247</v>
      </c>
      <c r="BN38" s="114">
        <v>198631</v>
      </c>
      <c r="BO38" s="113">
        <v>2526769</v>
      </c>
      <c r="BP38" s="116">
        <v>3840594</v>
      </c>
      <c r="BQ38" s="110">
        <v>101772</v>
      </c>
      <c r="BR38" s="114">
        <v>143442</v>
      </c>
      <c r="BS38" s="113">
        <v>245214</v>
      </c>
      <c r="BT38" s="110">
        <v>0</v>
      </c>
      <c r="BU38" s="114">
        <v>331336</v>
      </c>
      <c r="BV38" s="114">
        <v>379689</v>
      </c>
      <c r="BW38" s="114">
        <v>374211</v>
      </c>
      <c r="BX38" s="114">
        <v>247322</v>
      </c>
      <c r="BY38" s="114">
        <v>169335</v>
      </c>
      <c r="BZ38" s="113">
        <v>1501893</v>
      </c>
      <c r="CA38" s="116">
        <v>1747107</v>
      </c>
      <c r="CB38" s="110">
        <v>160392</v>
      </c>
      <c r="CC38" s="114">
        <v>383865</v>
      </c>
      <c r="CD38" s="113">
        <v>544257</v>
      </c>
      <c r="CE38" s="110">
        <v>0</v>
      </c>
      <c r="CF38" s="114">
        <v>1516992</v>
      </c>
      <c r="CG38" s="114">
        <v>1239187</v>
      </c>
      <c r="CH38" s="114">
        <v>799784</v>
      </c>
      <c r="CI38" s="114">
        <v>723594</v>
      </c>
      <c r="CJ38" s="114">
        <v>411836</v>
      </c>
      <c r="CK38" s="113">
        <v>4691393</v>
      </c>
      <c r="CL38" s="116">
        <v>5235650</v>
      </c>
      <c r="CM38" s="110">
        <v>0</v>
      </c>
      <c r="CN38" s="114">
        <v>0</v>
      </c>
      <c r="CO38" s="113">
        <v>0</v>
      </c>
      <c r="CP38" s="111">
        <v>0</v>
      </c>
      <c r="CQ38" s="114">
        <v>672922</v>
      </c>
      <c r="CR38" s="114">
        <v>511275</v>
      </c>
      <c r="CS38" s="114">
        <v>352318</v>
      </c>
      <c r="CT38" s="114">
        <v>589145</v>
      </c>
      <c r="CU38" s="114">
        <v>315346</v>
      </c>
      <c r="CV38" s="113">
        <v>2441006</v>
      </c>
      <c r="CW38" s="116">
        <v>2441006</v>
      </c>
      <c r="CX38" s="110">
        <v>160392</v>
      </c>
      <c r="CY38" s="114">
        <v>383865</v>
      </c>
      <c r="CZ38" s="113">
        <v>544257</v>
      </c>
      <c r="DA38" s="110">
        <v>0</v>
      </c>
      <c r="DB38" s="114">
        <v>844070</v>
      </c>
      <c r="DC38" s="114">
        <v>727912</v>
      </c>
      <c r="DD38" s="114">
        <v>447466</v>
      </c>
      <c r="DE38" s="114">
        <v>134449</v>
      </c>
      <c r="DF38" s="114">
        <v>96490</v>
      </c>
      <c r="DG38" s="113">
        <v>2250387</v>
      </c>
      <c r="DH38" s="116">
        <v>2794644</v>
      </c>
      <c r="DI38" s="110">
        <v>0</v>
      </c>
      <c r="DJ38" s="114">
        <v>0</v>
      </c>
      <c r="DK38" s="112">
        <v>0</v>
      </c>
      <c r="DL38" s="111">
        <v>0</v>
      </c>
      <c r="DM38" s="114">
        <v>13473</v>
      </c>
      <c r="DN38" s="114">
        <v>830961</v>
      </c>
      <c r="DO38" s="114">
        <v>764126</v>
      </c>
      <c r="DP38" s="114">
        <v>710368</v>
      </c>
      <c r="DQ38" s="114">
        <v>176177</v>
      </c>
      <c r="DR38" s="113">
        <v>2495105</v>
      </c>
      <c r="DS38" s="116">
        <v>2495105</v>
      </c>
      <c r="DT38" s="110">
        <v>0</v>
      </c>
      <c r="DU38" s="114">
        <v>0</v>
      </c>
      <c r="DV38" s="113">
        <v>0</v>
      </c>
      <c r="DW38" s="110">
        <v>0</v>
      </c>
      <c r="DX38" s="114">
        <v>13473</v>
      </c>
      <c r="DY38" s="114">
        <v>770092</v>
      </c>
      <c r="DZ38" s="114">
        <v>450703</v>
      </c>
      <c r="EA38" s="114">
        <v>710368</v>
      </c>
      <c r="EB38" s="114">
        <v>0</v>
      </c>
      <c r="EC38" s="113">
        <v>1944636</v>
      </c>
      <c r="ED38" s="116">
        <v>1944636</v>
      </c>
      <c r="EE38" s="110">
        <v>0</v>
      </c>
      <c r="EF38" s="112">
        <v>0</v>
      </c>
      <c r="EG38" s="113">
        <v>0</v>
      </c>
      <c r="EH38" s="110">
        <v>0</v>
      </c>
      <c r="EI38" s="114">
        <v>0</v>
      </c>
      <c r="EJ38" s="114">
        <v>60869</v>
      </c>
      <c r="EK38" s="114">
        <v>313423</v>
      </c>
      <c r="EL38" s="114">
        <v>0</v>
      </c>
      <c r="EM38" s="114">
        <v>176177</v>
      </c>
      <c r="EN38" s="112">
        <v>550469</v>
      </c>
      <c r="EO38" s="116">
        <v>550469</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133566</v>
      </c>
      <c r="FM38" s="114">
        <v>207760</v>
      </c>
      <c r="FN38" s="113">
        <v>341326</v>
      </c>
      <c r="FO38" s="110">
        <v>0</v>
      </c>
      <c r="FP38" s="114">
        <v>576283</v>
      </c>
      <c r="FQ38" s="114">
        <v>638643</v>
      </c>
      <c r="FR38" s="114">
        <v>342281</v>
      </c>
      <c r="FS38" s="114">
        <v>241195</v>
      </c>
      <c r="FT38" s="114">
        <v>400994</v>
      </c>
      <c r="FU38" s="113">
        <v>2199396</v>
      </c>
      <c r="FV38" s="116">
        <v>2540722</v>
      </c>
      <c r="FW38" s="115">
        <v>133566</v>
      </c>
      <c r="FX38" s="114">
        <v>207760</v>
      </c>
      <c r="FY38" s="112">
        <v>341326</v>
      </c>
      <c r="FZ38" s="111">
        <v>0</v>
      </c>
      <c r="GA38" s="114">
        <v>576283</v>
      </c>
      <c r="GB38" s="114">
        <v>638643</v>
      </c>
      <c r="GC38" s="114">
        <v>342281</v>
      </c>
      <c r="GD38" s="114">
        <v>241195</v>
      </c>
      <c r="GE38" s="114">
        <v>400994</v>
      </c>
      <c r="GF38" s="113">
        <v>2199396</v>
      </c>
      <c r="GG38" s="318">
        <v>2540722</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226296</v>
      </c>
      <c r="HE38" s="114">
        <v>593785</v>
      </c>
      <c r="HF38" s="112">
        <v>820081</v>
      </c>
      <c r="HG38" s="111">
        <v>0</v>
      </c>
      <c r="HH38" s="114">
        <v>2151997</v>
      </c>
      <c r="HI38" s="114">
        <v>2909837</v>
      </c>
      <c r="HJ38" s="114">
        <v>1429854</v>
      </c>
      <c r="HK38" s="114">
        <v>2726180</v>
      </c>
      <c r="HL38" s="114">
        <v>504134</v>
      </c>
      <c r="HM38" s="113">
        <v>9722002</v>
      </c>
      <c r="HN38" s="109">
        <v>10542083</v>
      </c>
      <c r="HO38" s="115">
        <v>164019</v>
      </c>
      <c r="HP38" s="114">
        <v>227136</v>
      </c>
      <c r="HQ38" s="113">
        <v>391155</v>
      </c>
      <c r="HR38" s="110">
        <v>0</v>
      </c>
      <c r="HS38" s="114">
        <v>1389924</v>
      </c>
      <c r="HT38" s="114">
        <v>776782</v>
      </c>
      <c r="HU38" s="114">
        <v>513884</v>
      </c>
      <c r="HV38" s="114">
        <v>340581</v>
      </c>
      <c r="HW38" s="114">
        <v>272481</v>
      </c>
      <c r="HX38" s="112">
        <v>3293652</v>
      </c>
      <c r="HY38" s="116">
        <v>3684807</v>
      </c>
      <c r="HZ38" s="150">
        <v>0</v>
      </c>
      <c r="IA38" s="135">
        <v>465480</v>
      </c>
      <c r="IB38" s="150">
        <v>465480</v>
      </c>
      <c r="IC38" s="146">
        <v>0</v>
      </c>
      <c r="ID38" s="132">
        <v>2713942</v>
      </c>
      <c r="IE38" s="147">
        <v>2885530</v>
      </c>
      <c r="IF38" s="133">
        <v>3704463</v>
      </c>
      <c r="IG38" s="132">
        <v>1377864</v>
      </c>
      <c r="IH38" s="133">
        <v>1624733</v>
      </c>
      <c r="II38" s="148">
        <v>12306532</v>
      </c>
      <c r="IJ38" s="150">
        <v>12772012</v>
      </c>
      <c r="IK38" s="232">
        <v>0</v>
      </c>
      <c r="IL38" s="236">
        <v>0</v>
      </c>
      <c r="IM38" s="237">
        <v>0</v>
      </c>
      <c r="IN38" s="140">
        <v>0</v>
      </c>
      <c r="IO38" s="119">
        <v>0</v>
      </c>
      <c r="IP38" s="119">
        <v>0</v>
      </c>
      <c r="IQ38" s="119">
        <v>0</v>
      </c>
      <c r="IR38" s="119">
        <v>0</v>
      </c>
      <c r="IS38" s="119">
        <v>0</v>
      </c>
      <c r="IT38" s="141">
        <v>0</v>
      </c>
      <c r="IU38" s="320">
        <v>0</v>
      </c>
      <c r="IV38" s="142">
        <v>0</v>
      </c>
      <c r="IW38" s="119">
        <v>0</v>
      </c>
      <c r="IX38" s="120">
        <v>0</v>
      </c>
      <c r="IY38" s="144">
        <v>0</v>
      </c>
      <c r="IZ38" s="119">
        <v>0</v>
      </c>
      <c r="JA38" s="119">
        <v>0</v>
      </c>
      <c r="JB38" s="119">
        <v>0</v>
      </c>
      <c r="JC38" s="119">
        <v>0</v>
      </c>
      <c r="JD38" s="119">
        <v>0</v>
      </c>
      <c r="JE38" s="120">
        <v>0</v>
      </c>
      <c r="JF38" s="121">
        <v>0</v>
      </c>
      <c r="JG38" s="142">
        <v>0</v>
      </c>
      <c r="JH38" s="119">
        <v>0</v>
      </c>
      <c r="JI38" s="141">
        <v>0</v>
      </c>
      <c r="JJ38" s="118">
        <v>0</v>
      </c>
      <c r="JK38" s="119">
        <v>1437207</v>
      </c>
      <c r="JL38" s="119">
        <v>847775</v>
      </c>
      <c r="JM38" s="119">
        <v>493736</v>
      </c>
      <c r="JN38" s="119">
        <v>167916</v>
      </c>
      <c r="JO38" s="119">
        <v>268841</v>
      </c>
      <c r="JP38" s="120">
        <v>3215475</v>
      </c>
      <c r="JQ38" s="320">
        <v>3215475</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465480</v>
      </c>
      <c r="KP38" s="237">
        <v>465480</v>
      </c>
      <c r="KQ38" s="140"/>
      <c r="KR38" s="119">
        <v>492200</v>
      </c>
      <c r="KS38" s="119">
        <v>770877</v>
      </c>
      <c r="KT38" s="119">
        <v>2130604</v>
      </c>
      <c r="KU38" s="119">
        <v>269380</v>
      </c>
      <c r="KV38" s="119">
        <v>274655</v>
      </c>
      <c r="KW38" s="120">
        <v>3937716</v>
      </c>
      <c r="KX38" s="320">
        <v>4403196</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784535</v>
      </c>
      <c r="LZ38" s="119">
        <v>1266878</v>
      </c>
      <c r="MA38" s="119">
        <v>1080123</v>
      </c>
      <c r="MB38" s="119">
        <v>940568</v>
      </c>
      <c r="MC38" s="119">
        <v>1081237</v>
      </c>
      <c r="MD38" s="120">
        <v>5153341</v>
      </c>
      <c r="ME38" s="121">
        <v>5153341</v>
      </c>
      <c r="MF38" s="142">
        <v>0</v>
      </c>
      <c r="MG38" s="119">
        <v>0</v>
      </c>
      <c r="MH38" s="120">
        <v>0</v>
      </c>
      <c r="MI38" s="145"/>
      <c r="MJ38" s="119">
        <v>2983750</v>
      </c>
      <c r="MK38" s="119">
        <v>4670673</v>
      </c>
      <c r="ML38" s="119">
        <v>10307817</v>
      </c>
      <c r="MM38" s="119">
        <v>15631831</v>
      </c>
      <c r="MN38" s="119">
        <v>10124056</v>
      </c>
      <c r="MO38" s="120">
        <v>43718127</v>
      </c>
      <c r="MP38" s="143">
        <v>43718127</v>
      </c>
      <c r="MQ38" s="142">
        <v>0</v>
      </c>
      <c r="MR38" s="119">
        <v>0</v>
      </c>
      <c r="MS38" s="120">
        <v>0</v>
      </c>
      <c r="MT38" s="145"/>
      <c r="MU38" s="119">
        <v>0</v>
      </c>
      <c r="MV38" s="119">
        <v>1074425</v>
      </c>
      <c r="MW38" s="119">
        <v>5208287</v>
      </c>
      <c r="MX38" s="119">
        <v>9375969</v>
      </c>
      <c r="MY38" s="119">
        <v>5877669</v>
      </c>
      <c r="MZ38" s="120">
        <v>21536350</v>
      </c>
      <c r="NA38" s="143">
        <v>21536350</v>
      </c>
      <c r="NB38" s="142">
        <v>0</v>
      </c>
      <c r="NC38" s="119">
        <v>0</v>
      </c>
      <c r="ND38" s="120">
        <v>0</v>
      </c>
      <c r="NE38" s="145"/>
      <c r="NF38" s="119">
        <v>2272898</v>
      </c>
      <c r="NG38" s="119">
        <v>1923179</v>
      </c>
      <c r="NH38" s="119">
        <v>3267625</v>
      </c>
      <c r="NI38" s="119">
        <v>4321083</v>
      </c>
      <c r="NJ38" s="119">
        <v>983587</v>
      </c>
      <c r="NK38" s="120">
        <v>12768372</v>
      </c>
      <c r="NL38" s="320">
        <v>12768372</v>
      </c>
      <c r="NM38" s="142">
        <v>0</v>
      </c>
      <c r="NN38" s="119">
        <v>0</v>
      </c>
      <c r="NO38" s="120">
        <v>0</v>
      </c>
      <c r="NP38" s="145">
        <v>0</v>
      </c>
      <c r="NQ38" s="119">
        <v>0</v>
      </c>
      <c r="NR38" s="119">
        <v>0</v>
      </c>
      <c r="NS38" s="119">
        <v>0</v>
      </c>
      <c r="NT38" s="119">
        <v>0</v>
      </c>
      <c r="NU38" s="119">
        <v>0</v>
      </c>
      <c r="NV38" s="120">
        <v>0</v>
      </c>
      <c r="NW38" s="121">
        <v>0</v>
      </c>
      <c r="NX38" s="142">
        <v>0</v>
      </c>
      <c r="NY38" s="119">
        <v>0</v>
      </c>
      <c r="NZ38" s="120">
        <v>0</v>
      </c>
      <c r="OA38" s="145"/>
      <c r="OB38" s="119">
        <v>710852</v>
      </c>
      <c r="OC38" s="119">
        <v>1673069</v>
      </c>
      <c r="OD38" s="119">
        <v>1831905</v>
      </c>
      <c r="OE38" s="119">
        <v>1934779</v>
      </c>
      <c r="OF38" s="119">
        <v>3262800</v>
      </c>
      <c r="OG38" s="120">
        <v>9413405</v>
      </c>
      <c r="OH38" s="121">
        <v>9413405</v>
      </c>
      <c r="OI38" s="142">
        <v>1227253</v>
      </c>
      <c r="OJ38" s="119">
        <v>2977146</v>
      </c>
      <c r="OK38" s="141">
        <v>4204399</v>
      </c>
      <c r="OL38" s="118">
        <v>0</v>
      </c>
      <c r="OM38" s="119">
        <v>14085746</v>
      </c>
      <c r="ON38" s="119">
        <v>16288242</v>
      </c>
      <c r="OO38" s="119">
        <v>19803317</v>
      </c>
      <c r="OP38" s="119">
        <v>24052533</v>
      </c>
      <c r="OQ38" s="119">
        <v>16105675</v>
      </c>
      <c r="OR38" s="120">
        <v>90335513</v>
      </c>
      <c r="OS38" s="143">
        <v>94539912</v>
      </c>
    </row>
    <row r="39" spans="2:409" ht="21" customHeight="1" x14ac:dyDescent="0.2">
      <c r="B39" s="62" t="s">
        <v>34</v>
      </c>
      <c r="C39" s="110">
        <v>435696</v>
      </c>
      <c r="D39" s="114">
        <v>639444</v>
      </c>
      <c r="E39" s="174">
        <v>1075140</v>
      </c>
      <c r="F39" s="175">
        <v>0</v>
      </c>
      <c r="G39" s="176">
        <v>6994308</v>
      </c>
      <c r="H39" s="176">
        <v>5966894</v>
      </c>
      <c r="I39" s="176">
        <v>4809802</v>
      </c>
      <c r="J39" s="176">
        <v>5297749</v>
      </c>
      <c r="K39" s="176">
        <v>2584665</v>
      </c>
      <c r="L39" s="177">
        <v>25653418</v>
      </c>
      <c r="M39" s="116">
        <v>26728558</v>
      </c>
      <c r="N39" s="110">
        <v>76428</v>
      </c>
      <c r="O39" s="114">
        <v>182538</v>
      </c>
      <c r="P39" s="113">
        <v>258966</v>
      </c>
      <c r="Q39" s="110">
        <v>0</v>
      </c>
      <c r="R39" s="114">
        <v>1366912</v>
      </c>
      <c r="S39" s="114">
        <v>1335624</v>
      </c>
      <c r="T39" s="114">
        <v>1721189</v>
      </c>
      <c r="U39" s="114">
        <v>792715</v>
      </c>
      <c r="V39" s="114">
        <v>1481909</v>
      </c>
      <c r="W39" s="113">
        <v>6698349</v>
      </c>
      <c r="X39" s="116">
        <v>6957315</v>
      </c>
      <c r="Y39" s="110">
        <v>0</v>
      </c>
      <c r="Z39" s="114">
        <v>0</v>
      </c>
      <c r="AA39" s="113">
        <v>0</v>
      </c>
      <c r="AB39" s="110">
        <v>0</v>
      </c>
      <c r="AC39" s="114">
        <v>415568</v>
      </c>
      <c r="AD39" s="114">
        <v>351290</v>
      </c>
      <c r="AE39" s="114">
        <v>1052103</v>
      </c>
      <c r="AF39" s="114">
        <v>357745</v>
      </c>
      <c r="AG39" s="114">
        <v>490843</v>
      </c>
      <c r="AH39" s="113">
        <v>2667549</v>
      </c>
      <c r="AI39" s="116">
        <v>2667549</v>
      </c>
      <c r="AJ39" s="110">
        <v>0</v>
      </c>
      <c r="AK39" s="114">
        <v>0</v>
      </c>
      <c r="AL39" s="113">
        <v>0</v>
      </c>
      <c r="AM39" s="110">
        <v>0</v>
      </c>
      <c r="AN39" s="114">
        <v>0</v>
      </c>
      <c r="AO39" s="114">
        <v>85950</v>
      </c>
      <c r="AP39" s="114">
        <v>19698</v>
      </c>
      <c r="AQ39" s="114">
        <v>63324</v>
      </c>
      <c r="AR39" s="114">
        <v>481212</v>
      </c>
      <c r="AS39" s="113">
        <v>650184</v>
      </c>
      <c r="AT39" s="116">
        <v>650184</v>
      </c>
      <c r="AU39" s="110">
        <v>20250</v>
      </c>
      <c r="AV39" s="114">
        <v>145926</v>
      </c>
      <c r="AW39" s="113">
        <v>166176</v>
      </c>
      <c r="AX39" s="110">
        <v>0</v>
      </c>
      <c r="AY39" s="114">
        <v>340065</v>
      </c>
      <c r="AZ39" s="114">
        <v>327889</v>
      </c>
      <c r="BA39" s="114">
        <v>281208</v>
      </c>
      <c r="BB39" s="114">
        <v>62802</v>
      </c>
      <c r="BC39" s="114">
        <v>122400</v>
      </c>
      <c r="BD39" s="113">
        <v>1134364</v>
      </c>
      <c r="BE39" s="116">
        <v>1300540</v>
      </c>
      <c r="BF39" s="110">
        <v>0</v>
      </c>
      <c r="BG39" s="114">
        <v>0</v>
      </c>
      <c r="BH39" s="112">
        <v>0</v>
      </c>
      <c r="BI39" s="111">
        <v>0</v>
      </c>
      <c r="BJ39" s="114">
        <v>220860</v>
      </c>
      <c r="BK39" s="114">
        <v>195532</v>
      </c>
      <c r="BL39" s="114">
        <v>151176</v>
      </c>
      <c r="BM39" s="114">
        <v>16740</v>
      </c>
      <c r="BN39" s="114">
        <v>78552</v>
      </c>
      <c r="BO39" s="113">
        <v>662860</v>
      </c>
      <c r="BP39" s="116">
        <v>662860</v>
      </c>
      <c r="BQ39" s="110">
        <v>56178</v>
      </c>
      <c r="BR39" s="114">
        <v>36612</v>
      </c>
      <c r="BS39" s="113">
        <v>92790</v>
      </c>
      <c r="BT39" s="110">
        <v>0</v>
      </c>
      <c r="BU39" s="114">
        <v>390419</v>
      </c>
      <c r="BV39" s="114">
        <v>374963</v>
      </c>
      <c r="BW39" s="114">
        <v>217004</v>
      </c>
      <c r="BX39" s="114">
        <v>292104</v>
      </c>
      <c r="BY39" s="114">
        <v>308902</v>
      </c>
      <c r="BZ39" s="113">
        <v>1583392</v>
      </c>
      <c r="CA39" s="116">
        <v>1676182</v>
      </c>
      <c r="CB39" s="110">
        <v>48330</v>
      </c>
      <c r="CC39" s="114">
        <v>173979</v>
      </c>
      <c r="CD39" s="113">
        <v>222309</v>
      </c>
      <c r="CE39" s="110">
        <v>0</v>
      </c>
      <c r="CF39" s="114">
        <v>2440020</v>
      </c>
      <c r="CG39" s="114">
        <v>1939970</v>
      </c>
      <c r="CH39" s="114">
        <v>1589080</v>
      </c>
      <c r="CI39" s="114">
        <v>1451463</v>
      </c>
      <c r="CJ39" s="114">
        <v>55872</v>
      </c>
      <c r="CK39" s="113">
        <v>7476405</v>
      </c>
      <c r="CL39" s="116">
        <v>7698714</v>
      </c>
      <c r="CM39" s="110">
        <v>0</v>
      </c>
      <c r="CN39" s="114">
        <v>0</v>
      </c>
      <c r="CO39" s="113">
        <v>0</v>
      </c>
      <c r="CP39" s="111">
        <v>0</v>
      </c>
      <c r="CQ39" s="114">
        <v>1903833</v>
      </c>
      <c r="CR39" s="114">
        <v>1661749</v>
      </c>
      <c r="CS39" s="114">
        <v>1400647</v>
      </c>
      <c r="CT39" s="114">
        <v>1041198</v>
      </c>
      <c r="CU39" s="114">
        <v>55872</v>
      </c>
      <c r="CV39" s="113">
        <v>6063299</v>
      </c>
      <c r="CW39" s="116">
        <v>6063299</v>
      </c>
      <c r="CX39" s="110">
        <v>48330</v>
      </c>
      <c r="CY39" s="114">
        <v>173979</v>
      </c>
      <c r="CZ39" s="113">
        <v>222309</v>
      </c>
      <c r="DA39" s="110">
        <v>0</v>
      </c>
      <c r="DB39" s="114">
        <v>536187</v>
      </c>
      <c r="DC39" s="114">
        <v>278221</v>
      </c>
      <c r="DD39" s="114">
        <v>188433</v>
      </c>
      <c r="DE39" s="114">
        <v>410265</v>
      </c>
      <c r="DF39" s="114">
        <v>0</v>
      </c>
      <c r="DG39" s="113">
        <v>1413106</v>
      </c>
      <c r="DH39" s="116">
        <v>1635415</v>
      </c>
      <c r="DI39" s="110">
        <v>0</v>
      </c>
      <c r="DJ39" s="114">
        <v>0</v>
      </c>
      <c r="DK39" s="112">
        <v>0</v>
      </c>
      <c r="DL39" s="111">
        <v>0</v>
      </c>
      <c r="DM39" s="114">
        <v>50103</v>
      </c>
      <c r="DN39" s="114">
        <v>0</v>
      </c>
      <c r="DO39" s="114">
        <v>78525</v>
      </c>
      <c r="DP39" s="114">
        <v>548982</v>
      </c>
      <c r="DQ39" s="114">
        <v>0</v>
      </c>
      <c r="DR39" s="113">
        <v>677610</v>
      </c>
      <c r="DS39" s="116">
        <v>677610</v>
      </c>
      <c r="DT39" s="110">
        <v>0</v>
      </c>
      <c r="DU39" s="114">
        <v>0</v>
      </c>
      <c r="DV39" s="113">
        <v>0</v>
      </c>
      <c r="DW39" s="110">
        <v>0</v>
      </c>
      <c r="DX39" s="114">
        <v>50103</v>
      </c>
      <c r="DY39" s="114">
        <v>0</v>
      </c>
      <c r="DZ39" s="114">
        <v>78525</v>
      </c>
      <c r="EA39" s="114">
        <v>436968</v>
      </c>
      <c r="EB39" s="114">
        <v>0</v>
      </c>
      <c r="EC39" s="113">
        <v>565596</v>
      </c>
      <c r="ED39" s="116">
        <v>565596</v>
      </c>
      <c r="EE39" s="110">
        <v>0</v>
      </c>
      <c r="EF39" s="112">
        <v>0</v>
      </c>
      <c r="EG39" s="113">
        <v>0</v>
      </c>
      <c r="EH39" s="110">
        <v>0</v>
      </c>
      <c r="EI39" s="114">
        <v>0</v>
      </c>
      <c r="EJ39" s="114">
        <v>0</v>
      </c>
      <c r="EK39" s="114">
        <v>0</v>
      </c>
      <c r="EL39" s="114">
        <v>112014</v>
      </c>
      <c r="EM39" s="114">
        <v>0</v>
      </c>
      <c r="EN39" s="112">
        <v>112014</v>
      </c>
      <c r="EO39" s="116">
        <v>112014</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75960</v>
      </c>
      <c r="FM39" s="114">
        <v>78930</v>
      </c>
      <c r="FN39" s="113">
        <v>154890</v>
      </c>
      <c r="FO39" s="110">
        <v>0</v>
      </c>
      <c r="FP39" s="114">
        <v>400828</v>
      </c>
      <c r="FQ39" s="114">
        <v>600765</v>
      </c>
      <c r="FR39" s="114">
        <v>502190</v>
      </c>
      <c r="FS39" s="114">
        <v>700368</v>
      </c>
      <c r="FT39" s="114">
        <v>203670</v>
      </c>
      <c r="FU39" s="113">
        <v>2407821</v>
      </c>
      <c r="FV39" s="116">
        <v>2562711</v>
      </c>
      <c r="FW39" s="115">
        <v>75960</v>
      </c>
      <c r="FX39" s="114">
        <v>78930</v>
      </c>
      <c r="FY39" s="112">
        <v>154890</v>
      </c>
      <c r="FZ39" s="111">
        <v>0</v>
      </c>
      <c r="GA39" s="114">
        <v>400828</v>
      </c>
      <c r="GB39" s="114">
        <v>581163</v>
      </c>
      <c r="GC39" s="114">
        <v>502190</v>
      </c>
      <c r="GD39" s="114">
        <v>503556</v>
      </c>
      <c r="GE39" s="114">
        <v>203670</v>
      </c>
      <c r="GF39" s="113">
        <v>2191407</v>
      </c>
      <c r="GG39" s="318">
        <v>2346297</v>
      </c>
      <c r="GH39" s="115">
        <v>0</v>
      </c>
      <c r="GI39" s="114">
        <v>0</v>
      </c>
      <c r="GJ39" s="112">
        <v>0</v>
      </c>
      <c r="GK39" s="111">
        <v>0</v>
      </c>
      <c r="GL39" s="114">
        <v>0</v>
      </c>
      <c r="GM39" s="114">
        <v>19602</v>
      </c>
      <c r="GN39" s="114">
        <v>0</v>
      </c>
      <c r="GO39" s="114">
        <v>18612</v>
      </c>
      <c r="GP39" s="114">
        <v>0</v>
      </c>
      <c r="GQ39" s="113">
        <v>38214</v>
      </c>
      <c r="GR39" s="116">
        <v>38214</v>
      </c>
      <c r="GS39" s="110">
        <v>0</v>
      </c>
      <c r="GT39" s="114">
        <v>0</v>
      </c>
      <c r="GU39" s="113">
        <v>0</v>
      </c>
      <c r="GV39" s="110">
        <v>0</v>
      </c>
      <c r="GW39" s="114">
        <v>0</v>
      </c>
      <c r="GX39" s="114">
        <v>0</v>
      </c>
      <c r="GY39" s="114">
        <v>0</v>
      </c>
      <c r="GZ39" s="114">
        <v>178200</v>
      </c>
      <c r="HA39" s="114">
        <v>0</v>
      </c>
      <c r="HB39" s="112">
        <v>178200</v>
      </c>
      <c r="HC39" s="116">
        <v>178200</v>
      </c>
      <c r="HD39" s="110">
        <v>170658</v>
      </c>
      <c r="HE39" s="114">
        <v>103257</v>
      </c>
      <c r="HF39" s="112">
        <v>273915</v>
      </c>
      <c r="HG39" s="111">
        <v>0</v>
      </c>
      <c r="HH39" s="114">
        <v>1536720</v>
      </c>
      <c r="HI39" s="114">
        <v>1442996</v>
      </c>
      <c r="HJ39" s="114">
        <v>421637</v>
      </c>
      <c r="HK39" s="114">
        <v>1439977</v>
      </c>
      <c r="HL39" s="114">
        <v>717527</v>
      </c>
      <c r="HM39" s="113">
        <v>5558857</v>
      </c>
      <c r="HN39" s="109">
        <v>5832772</v>
      </c>
      <c r="HO39" s="115">
        <v>64320</v>
      </c>
      <c r="HP39" s="114">
        <v>100740</v>
      </c>
      <c r="HQ39" s="113">
        <v>165060</v>
      </c>
      <c r="HR39" s="110">
        <v>0</v>
      </c>
      <c r="HS39" s="114">
        <v>1199725</v>
      </c>
      <c r="HT39" s="114">
        <v>647539</v>
      </c>
      <c r="HU39" s="114">
        <v>497181</v>
      </c>
      <c r="HV39" s="114">
        <v>364244</v>
      </c>
      <c r="HW39" s="114">
        <v>125687</v>
      </c>
      <c r="HX39" s="112">
        <v>2834376</v>
      </c>
      <c r="HY39" s="116">
        <v>2999436</v>
      </c>
      <c r="HZ39" s="131">
        <v>44496</v>
      </c>
      <c r="IA39" s="132">
        <v>159372</v>
      </c>
      <c r="IB39" s="133">
        <v>203868</v>
      </c>
      <c r="IC39" s="146">
        <v>0</v>
      </c>
      <c r="ID39" s="132">
        <v>3476375</v>
      </c>
      <c r="IE39" s="147">
        <v>4602296</v>
      </c>
      <c r="IF39" s="133">
        <v>2768139</v>
      </c>
      <c r="IG39" s="132">
        <v>2619282</v>
      </c>
      <c r="IH39" s="133">
        <v>1388700</v>
      </c>
      <c r="II39" s="148">
        <v>14854792</v>
      </c>
      <c r="IJ39" s="139">
        <v>15058660</v>
      </c>
      <c r="IK39" s="232">
        <v>0</v>
      </c>
      <c r="IL39" s="236">
        <v>0</v>
      </c>
      <c r="IM39" s="237">
        <v>0</v>
      </c>
      <c r="IN39" s="140">
        <v>0</v>
      </c>
      <c r="IO39" s="119">
        <v>0</v>
      </c>
      <c r="IP39" s="119">
        <v>0</v>
      </c>
      <c r="IQ39" s="119">
        <v>0</v>
      </c>
      <c r="IR39" s="119">
        <v>0</v>
      </c>
      <c r="IS39" s="119">
        <v>0</v>
      </c>
      <c r="IT39" s="141">
        <v>0</v>
      </c>
      <c r="IU39" s="320">
        <v>0</v>
      </c>
      <c r="IV39" s="142">
        <v>0</v>
      </c>
      <c r="IW39" s="119">
        <v>0</v>
      </c>
      <c r="IX39" s="120">
        <v>0</v>
      </c>
      <c r="IY39" s="144">
        <v>0</v>
      </c>
      <c r="IZ39" s="119">
        <v>0</v>
      </c>
      <c r="JA39" s="119">
        <v>0</v>
      </c>
      <c r="JB39" s="119">
        <v>0</v>
      </c>
      <c r="JC39" s="119">
        <v>0</v>
      </c>
      <c r="JD39" s="119">
        <v>0</v>
      </c>
      <c r="JE39" s="120">
        <v>0</v>
      </c>
      <c r="JF39" s="121">
        <v>0</v>
      </c>
      <c r="JG39" s="142">
        <v>0</v>
      </c>
      <c r="JH39" s="119">
        <v>0</v>
      </c>
      <c r="JI39" s="141">
        <v>0</v>
      </c>
      <c r="JJ39" s="118">
        <v>0</v>
      </c>
      <c r="JK39" s="119">
        <v>1024199</v>
      </c>
      <c r="JL39" s="119">
        <v>397197</v>
      </c>
      <c r="JM39" s="119">
        <v>388269</v>
      </c>
      <c r="JN39" s="119">
        <v>54513</v>
      </c>
      <c r="JO39" s="119">
        <v>0</v>
      </c>
      <c r="JP39" s="120">
        <v>1864178</v>
      </c>
      <c r="JQ39" s="320">
        <v>1864178</v>
      </c>
      <c r="JR39" s="142">
        <v>0</v>
      </c>
      <c r="JS39" s="119">
        <v>0</v>
      </c>
      <c r="JT39" s="141">
        <v>0</v>
      </c>
      <c r="JU39" s="118">
        <v>0</v>
      </c>
      <c r="JV39" s="119">
        <v>0</v>
      </c>
      <c r="JW39" s="119">
        <v>0</v>
      </c>
      <c r="JX39" s="119">
        <v>0</v>
      </c>
      <c r="JY39" s="119">
        <v>77412</v>
      </c>
      <c r="JZ39" s="119">
        <v>0</v>
      </c>
      <c r="KA39" s="120">
        <v>77412</v>
      </c>
      <c r="KB39" s="320">
        <v>77412</v>
      </c>
      <c r="KC39" s="234">
        <v>44496</v>
      </c>
      <c r="KD39" s="230">
        <v>159372</v>
      </c>
      <c r="KE39" s="120">
        <v>203868</v>
      </c>
      <c r="KF39" s="118">
        <v>0</v>
      </c>
      <c r="KG39" s="119">
        <v>1087470</v>
      </c>
      <c r="KH39" s="119">
        <v>1251486</v>
      </c>
      <c r="KI39" s="119">
        <v>989874</v>
      </c>
      <c r="KJ39" s="119">
        <v>266616</v>
      </c>
      <c r="KK39" s="119">
        <v>299952</v>
      </c>
      <c r="KL39" s="120">
        <v>3895398</v>
      </c>
      <c r="KM39" s="143">
        <v>4099266</v>
      </c>
      <c r="KN39" s="232">
        <v>0</v>
      </c>
      <c r="KO39" s="236">
        <v>0</v>
      </c>
      <c r="KP39" s="237">
        <v>0</v>
      </c>
      <c r="KQ39" s="140"/>
      <c r="KR39" s="119">
        <v>488052</v>
      </c>
      <c r="KS39" s="119">
        <v>764235</v>
      </c>
      <c r="KT39" s="119">
        <v>524178</v>
      </c>
      <c r="KU39" s="119">
        <v>533988</v>
      </c>
      <c r="KV39" s="119">
        <v>1088748</v>
      </c>
      <c r="KW39" s="120">
        <v>3399201</v>
      </c>
      <c r="KX39" s="320">
        <v>3399201</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876654</v>
      </c>
      <c r="LZ39" s="119">
        <v>2189378</v>
      </c>
      <c r="MA39" s="119">
        <v>865818</v>
      </c>
      <c r="MB39" s="119">
        <v>1686753</v>
      </c>
      <c r="MC39" s="119">
        <v>0</v>
      </c>
      <c r="MD39" s="120">
        <v>5618603</v>
      </c>
      <c r="ME39" s="121">
        <v>5618603</v>
      </c>
      <c r="MF39" s="142">
        <v>0</v>
      </c>
      <c r="MG39" s="119">
        <v>0</v>
      </c>
      <c r="MH39" s="120">
        <v>0</v>
      </c>
      <c r="MI39" s="145"/>
      <c r="MJ39" s="119">
        <v>1160347</v>
      </c>
      <c r="MK39" s="119">
        <v>2235463</v>
      </c>
      <c r="ML39" s="119">
        <v>5049230</v>
      </c>
      <c r="MM39" s="119">
        <v>10644769</v>
      </c>
      <c r="MN39" s="119">
        <v>6139180</v>
      </c>
      <c r="MO39" s="120">
        <v>25228989</v>
      </c>
      <c r="MP39" s="143">
        <v>25228989</v>
      </c>
      <c r="MQ39" s="142">
        <v>0</v>
      </c>
      <c r="MR39" s="119">
        <v>0</v>
      </c>
      <c r="MS39" s="120">
        <v>0</v>
      </c>
      <c r="MT39" s="145"/>
      <c r="MU39" s="119">
        <v>0</v>
      </c>
      <c r="MV39" s="119">
        <v>0</v>
      </c>
      <c r="MW39" s="119">
        <v>1507614</v>
      </c>
      <c r="MX39" s="119">
        <v>6423400</v>
      </c>
      <c r="MY39" s="119">
        <v>3768585</v>
      </c>
      <c r="MZ39" s="120">
        <v>11699599</v>
      </c>
      <c r="NA39" s="143">
        <v>11699599</v>
      </c>
      <c r="NB39" s="142">
        <v>0</v>
      </c>
      <c r="NC39" s="119">
        <v>0</v>
      </c>
      <c r="ND39" s="120">
        <v>0</v>
      </c>
      <c r="NE39" s="145"/>
      <c r="NF39" s="119">
        <v>1160347</v>
      </c>
      <c r="NG39" s="119">
        <v>1982527</v>
      </c>
      <c r="NH39" s="119">
        <v>3541616</v>
      </c>
      <c r="NI39" s="119">
        <v>4221369</v>
      </c>
      <c r="NJ39" s="119">
        <v>2370595</v>
      </c>
      <c r="NK39" s="120">
        <v>13276454</v>
      </c>
      <c r="NL39" s="320">
        <v>13276454</v>
      </c>
      <c r="NM39" s="142">
        <v>0</v>
      </c>
      <c r="NN39" s="119">
        <v>0</v>
      </c>
      <c r="NO39" s="120">
        <v>0</v>
      </c>
      <c r="NP39" s="145">
        <v>0</v>
      </c>
      <c r="NQ39" s="119">
        <v>0</v>
      </c>
      <c r="NR39" s="119">
        <v>0</v>
      </c>
      <c r="NS39" s="119">
        <v>0</v>
      </c>
      <c r="NT39" s="119">
        <v>0</v>
      </c>
      <c r="NU39" s="119">
        <v>0</v>
      </c>
      <c r="NV39" s="120">
        <v>0</v>
      </c>
      <c r="NW39" s="121">
        <v>0</v>
      </c>
      <c r="NX39" s="142">
        <v>0</v>
      </c>
      <c r="NY39" s="119">
        <v>0</v>
      </c>
      <c r="NZ39" s="120">
        <v>0</v>
      </c>
      <c r="OA39" s="145"/>
      <c r="OB39" s="119">
        <v>0</v>
      </c>
      <c r="OC39" s="119">
        <v>252936</v>
      </c>
      <c r="OD39" s="119">
        <v>0</v>
      </c>
      <c r="OE39" s="119">
        <v>0</v>
      </c>
      <c r="OF39" s="119">
        <v>0</v>
      </c>
      <c r="OG39" s="120">
        <v>252936</v>
      </c>
      <c r="OH39" s="121">
        <v>252936</v>
      </c>
      <c r="OI39" s="142">
        <v>480192</v>
      </c>
      <c r="OJ39" s="119">
        <v>798816</v>
      </c>
      <c r="OK39" s="141">
        <v>1279008</v>
      </c>
      <c r="OL39" s="118">
        <v>0</v>
      </c>
      <c r="OM39" s="119">
        <v>11631030</v>
      </c>
      <c r="ON39" s="119">
        <v>12804653</v>
      </c>
      <c r="OO39" s="119">
        <v>12627171</v>
      </c>
      <c r="OP39" s="119">
        <v>18561800</v>
      </c>
      <c r="OQ39" s="119">
        <v>10112545</v>
      </c>
      <c r="OR39" s="120">
        <v>65737199</v>
      </c>
      <c r="OS39" s="143">
        <v>67016207</v>
      </c>
    </row>
    <row r="40" spans="2:409" ht="21" customHeight="1" x14ac:dyDescent="0.2">
      <c r="B40" s="62" t="s">
        <v>35</v>
      </c>
      <c r="C40" s="110">
        <v>2168420</v>
      </c>
      <c r="D40" s="114">
        <v>3660250</v>
      </c>
      <c r="E40" s="113">
        <v>5828670</v>
      </c>
      <c r="F40" s="109">
        <v>0</v>
      </c>
      <c r="G40" s="114">
        <v>30526589</v>
      </c>
      <c r="H40" s="114">
        <v>25606722</v>
      </c>
      <c r="I40" s="114">
        <v>19895752</v>
      </c>
      <c r="J40" s="114">
        <v>23768931</v>
      </c>
      <c r="K40" s="114">
        <v>10236165</v>
      </c>
      <c r="L40" s="173">
        <v>110034159</v>
      </c>
      <c r="M40" s="116">
        <v>115862829</v>
      </c>
      <c r="N40" s="110">
        <v>335711</v>
      </c>
      <c r="O40" s="114">
        <v>578639</v>
      </c>
      <c r="P40" s="113">
        <v>914350</v>
      </c>
      <c r="Q40" s="110">
        <v>0</v>
      </c>
      <c r="R40" s="114">
        <v>7296155</v>
      </c>
      <c r="S40" s="114">
        <v>6395965</v>
      </c>
      <c r="T40" s="114">
        <v>5458572</v>
      </c>
      <c r="U40" s="114">
        <v>6786456</v>
      </c>
      <c r="V40" s="114">
        <v>4597676</v>
      </c>
      <c r="W40" s="113">
        <v>30534824</v>
      </c>
      <c r="X40" s="116">
        <v>31449174</v>
      </c>
      <c r="Y40" s="110">
        <v>0</v>
      </c>
      <c r="Z40" s="114">
        <v>0</v>
      </c>
      <c r="AA40" s="113">
        <v>0</v>
      </c>
      <c r="AB40" s="110">
        <v>0</v>
      </c>
      <c r="AC40" s="114">
        <v>3762859</v>
      </c>
      <c r="AD40" s="114">
        <v>3105257</v>
      </c>
      <c r="AE40" s="114">
        <v>2909105</v>
      </c>
      <c r="AF40" s="114">
        <v>3712274</v>
      </c>
      <c r="AG40" s="114">
        <v>2562914</v>
      </c>
      <c r="AH40" s="113">
        <v>16052409</v>
      </c>
      <c r="AI40" s="116">
        <v>16052409</v>
      </c>
      <c r="AJ40" s="110">
        <v>0</v>
      </c>
      <c r="AK40" s="114">
        <v>0</v>
      </c>
      <c r="AL40" s="113">
        <v>0</v>
      </c>
      <c r="AM40" s="110">
        <v>0</v>
      </c>
      <c r="AN40" s="114">
        <v>0</v>
      </c>
      <c r="AO40" s="114">
        <v>367236</v>
      </c>
      <c r="AP40" s="114">
        <v>354564</v>
      </c>
      <c r="AQ40" s="114">
        <v>564507</v>
      </c>
      <c r="AR40" s="114">
        <v>954495</v>
      </c>
      <c r="AS40" s="113">
        <v>2240802</v>
      </c>
      <c r="AT40" s="116">
        <v>2240802</v>
      </c>
      <c r="AU40" s="110">
        <v>0</v>
      </c>
      <c r="AV40" s="114">
        <v>232236</v>
      </c>
      <c r="AW40" s="113">
        <v>232236</v>
      </c>
      <c r="AX40" s="110">
        <v>0</v>
      </c>
      <c r="AY40" s="114">
        <v>1779326</v>
      </c>
      <c r="AZ40" s="114">
        <v>1409869</v>
      </c>
      <c r="BA40" s="114">
        <v>870451</v>
      </c>
      <c r="BB40" s="114">
        <v>1144702</v>
      </c>
      <c r="BC40" s="114">
        <v>469759</v>
      </c>
      <c r="BD40" s="113">
        <v>5674107</v>
      </c>
      <c r="BE40" s="116">
        <v>5906343</v>
      </c>
      <c r="BF40" s="110">
        <v>33588</v>
      </c>
      <c r="BG40" s="114">
        <v>106398</v>
      </c>
      <c r="BH40" s="112">
        <v>139986</v>
      </c>
      <c r="BI40" s="111">
        <v>0</v>
      </c>
      <c r="BJ40" s="114">
        <v>596947</v>
      </c>
      <c r="BK40" s="114">
        <v>373186</v>
      </c>
      <c r="BL40" s="114">
        <v>281803</v>
      </c>
      <c r="BM40" s="114">
        <v>135972</v>
      </c>
      <c r="BN40" s="114">
        <v>111636</v>
      </c>
      <c r="BO40" s="113">
        <v>1499544</v>
      </c>
      <c r="BP40" s="116">
        <v>1639530</v>
      </c>
      <c r="BQ40" s="110">
        <v>302123</v>
      </c>
      <c r="BR40" s="114">
        <v>240005</v>
      </c>
      <c r="BS40" s="113">
        <v>542128</v>
      </c>
      <c r="BT40" s="110">
        <v>0</v>
      </c>
      <c r="BU40" s="114">
        <v>1157023</v>
      </c>
      <c r="BV40" s="114">
        <v>1140417</v>
      </c>
      <c r="BW40" s="114">
        <v>1042649</v>
      </c>
      <c r="BX40" s="114">
        <v>1229001</v>
      </c>
      <c r="BY40" s="114">
        <v>498872</v>
      </c>
      <c r="BZ40" s="113">
        <v>5067962</v>
      </c>
      <c r="CA40" s="116">
        <v>5610090</v>
      </c>
      <c r="CB40" s="110">
        <v>203894</v>
      </c>
      <c r="CC40" s="114">
        <v>742641</v>
      </c>
      <c r="CD40" s="113">
        <v>946535</v>
      </c>
      <c r="CE40" s="110">
        <v>0</v>
      </c>
      <c r="CF40" s="114">
        <v>11166201</v>
      </c>
      <c r="CG40" s="114">
        <v>8781253</v>
      </c>
      <c r="CH40" s="114">
        <v>5715765</v>
      </c>
      <c r="CI40" s="114">
        <v>3745394</v>
      </c>
      <c r="CJ40" s="114">
        <v>2258367</v>
      </c>
      <c r="CK40" s="113">
        <v>31666980</v>
      </c>
      <c r="CL40" s="116">
        <v>32613515</v>
      </c>
      <c r="CM40" s="110">
        <v>0</v>
      </c>
      <c r="CN40" s="114">
        <v>0</v>
      </c>
      <c r="CO40" s="113">
        <v>0</v>
      </c>
      <c r="CP40" s="111">
        <v>0</v>
      </c>
      <c r="CQ40" s="114">
        <v>8007863</v>
      </c>
      <c r="CR40" s="114">
        <v>7169558</v>
      </c>
      <c r="CS40" s="114">
        <v>4639972</v>
      </c>
      <c r="CT40" s="114">
        <v>2928993</v>
      </c>
      <c r="CU40" s="114">
        <v>2227281</v>
      </c>
      <c r="CV40" s="113">
        <v>24973667</v>
      </c>
      <c r="CW40" s="116">
        <v>24973667</v>
      </c>
      <c r="CX40" s="110">
        <v>203894</v>
      </c>
      <c r="CY40" s="114">
        <v>742641</v>
      </c>
      <c r="CZ40" s="113">
        <v>946535</v>
      </c>
      <c r="DA40" s="110">
        <v>0</v>
      </c>
      <c r="DB40" s="114">
        <v>3158338</v>
      </c>
      <c r="DC40" s="114">
        <v>1611695</v>
      </c>
      <c r="DD40" s="114">
        <v>1075793</v>
      </c>
      <c r="DE40" s="114">
        <v>816401</v>
      </c>
      <c r="DF40" s="114">
        <v>31086</v>
      </c>
      <c r="DG40" s="113">
        <v>6693313</v>
      </c>
      <c r="DH40" s="116">
        <v>7639848</v>
      </c>
      <c r="DI40" s="110">
        <v>0</v>
      </c>
      <c r="DJ40" s="114">
        <v>120636</v>
      </c>
      <c r="DK40" s="112">
        <v>120636</v>
      </c>
      <c r="DL40" s="111">
        <v>0</v>
      </c>
      <c r="DM40" s="114">
        <v>296519</v>
      </c>
      <c r="DN40" s="114">
        <v>772816</v>
      </c>
      <c r="DO40" s="114">
        <v>774774</v>
      </c>
      <c r="DP40" s="114">
        <v>2798581</v>
      </c>
      <c r="DQ40" s="114">
        <v>283554</v>
      </c>
      <c r="DR40" s="113">
        <v>4926244</v>
      </c>
      <c r="DS40" s="116">
        <v>5046880</v>
      </c>
      <c r="DT40" s="110">
        <v>0</v>
      </c>
      <c r="DU40" s="114">
        <v>48051</v>
      </c>
      <c r="DV40" s="113">
        <v>48051</v>
      </c>
      <c r="DW40" s="110">
        <v>0</v>
      </c>
      <c r="DX40" s="114">
        <v>125699</v>
      </c>
      <c r="DY40" s="114">
        <v>714118</v>
      </c>
      <c r="DZ40" s="114">
        <v>739026</v>
      </c>
      <c r="EA40" s="114">
        <v>2666137</v>
      </c>
      <c r="EB40" s="114">
        <v>283554</v>
      </c>
      <c r="EC40" s="113">
        <v>4528534</v>
      </c>
      <c r="ED40" s="116">
        <v>4576585</v>
      </c>
      <c r="EE40" s="110">
        <v>0</v>
      </c>
      <c r="EF40" s="112">
        <v>72585</v>
      </c>
      <c r="EG40" s="113">
        <v>72585</v>
      </c>
      <c r="EH40" s="110">
        <v>0</v>
      </c>
      <c r="EI40" s="114">
        <v>170820</v>
      </c>
      <c r="EJ40" s="114">
        <v>58698</v>
      </c>
      <c r="EK40" s="114">
        <v>35748</v>
      </c>
      <c r="EL40" s="114">
        <v>132444</v>
      </c>
      <c r="EM40" s="114">
        <v>0</v>
      </c>
      <c r="EN40" s="112">
        <v>397710</v>
      </c>
      <c r="EO40" s="116">
        <v>470295</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229865</v>
      </c>
      <c r="FM40" s="114">
        <v>506020</v>
      </c>
      <c r="FN40" s="113">
        <v>735885</v>
      </c>
      <c r="FO40" s="110">
        <v>0</v>
      </c>
      <c r="FP40" s="114">
        <v>1465660</v>
      </c>
      <c r="FQ40" s="114">
        <v>2373039</v>
      </c>
      <c r="FR40" s="114">
        <v>1275085</v>
      </c>
      <c r="FS40" s="114">
        <v>1595440</v>
      </c>
      <c r="FT40" s="114">
        <v>657277</v>
      </c>
      <c r="FU40" s="113">
        <v>7366501</v>
      </c>
      <c r="FV40" s="116">
        <v>8102386</v>
      </c>
      <c r="FW40" s="115">
        <v>196178</v>
      </c>
      <c r="FX40" s="114">
        <v>477310</v>
      </c>
      <c r="FY40" s="112">
        <v>673488</v>
      </c>
      <c r="FZ40" s="111">
        <v>0</v>
      </c>
      <c r="GA40" s="114">
        <v>1076487</v>
      </c>
      <c r="GB40" s="114">
        <v>2105623</v>
      </c>
      <c r="GC40" s="114">
        <v>1275085</v>
      </c>
      <c r="GD40" s="114">
        <v>1194918</v>
      </c>
      <c r="GE40" s="114">
        <v>637477</v>
      </c>
      <c r="GF40" s="113">
        <v>6289590</v>
      </c>
      <c r="GG40" s="318">
        <v>6963078</v>
      </c>
      <c r="GH40" s="115">
        <v>33687</v>
      </c>
      <c r="GI40" s="114">
        <v>0</v>
      </c>
      <c r="GJ40" s="112">
        <v>33687</v>
      </c>
      <c r="GK40" s="111">
        <v>0</v>
      </c>
      <c r="GL40" s="114">
        <v>97303</v>
      </c>
      <c r="GM40" s="114">
        <v>121886</v>
      </c>
      <c r="GN40" s="114">
        <v>0</v>
      </c>
      <c r="GO40" s="114">
        <v>42322</v>
      </c>
      <c r="GP40" s="114">
        <v>19800</v>
      </c>
      <c r="GQ40" s="113">
        <v>281311</v>
      </c>
      <c r="GR40" s="116">
        <v>314998</v>
      </c>
      <c r="GS40" s="110">
        <v>0</v>
      </c>
      <c r="GT40" s="114">
        <v>28710</v>
      </c>
      <c r="GU40" s="113">
        <v>28710</v>
      </c>
      <c r="GV40" s="110">
        <v>0</v>
      </c>
      <c r="GW40" s="114">
        <v>291870</v>
      </c>
      <c r="GX40" s="114">
        <v>145530</v>
      </c>
      <c r="GY40" s="114">
        <v>0</v>
      </c>
      <c r="GZ40" s="114">
        <v>358200</v>
      </c>
      <c r="HA40" s="114">
        <v>0</v>
      </c>
      <c r="HB40" s="112">
        <v>795600</v>
      </c>
      <c r="HC40" s="116">
        <v>824310</v>
      </c>
      <c r="HD40" s="110">
        <v>1205740</v>
      </c>
      <c r="HE40" s="114">
        <v>1331014</v>
      </c>
      <c r="HF40" s="112">
        <v>2536754</v>
      </c>
      <c r="HG40" s="111">
        <v>0</v>
      </c>
      <c r="HH40" s="114">
        <v>6104325</v>
      </c>
      <c r="HI40" s="114">
        <v>4535100</v>
      </c>
      <c r="HJ40" s="114">
        <v>5095869</v>
      </c>
      <c r="HK40" s="114">
        <v>7584416</v>
      </c>
      <c r="HL40" s="114">
        <v>1985005</v>
      </c>
      <c r="HM40" s="113">
        <v>25304715</v>
      </c>
      <c r="HN40" s="109">
        <v>27841469</v>
      </c>
      <c r="HO40" s="115">
        <v>193210</v>
      </c>
      <c r="HP40" s="114">
        <v>381300</v>
      </c>
      <c r="HQ40" s="113">
        <v>574510</v>
      </c>
      <c r="HR40" s="110">
        <v>0</v>
      </c>
      <c r="HS40" s="114">
        <v>4197729</v>
      </c>
      <c r="HT40" s="114">
        <v>2748549</v>
      </c>
      <c r="HU40" s="114">
        <v>1575687</v>
      </c>
      <c r="HV40" s="114">
        <v>1258644</v>
      </c>
      <c r="HW40" s="114">
        <v>454286</v>
      </c>
      <c r="HX40" s="112">
        <v>10234895</v>
      </c>
      <c r="HY40" s="116">
        <v>10809405</v>
      </c>
      <c r="HZ40" s="150">
        <v>79776</v>
      </c>
      <c r="IA40" s="135">
        <v>160182</v>
      </c>
      <c r="IB40" s="150">
        <v>239958</v>
      </c>
      <c r="IC40" s="146">
        <v>0</v>
      </c>
      <c r="ID40" s="132">
        <v>5332266</v>
      </c>
      <c r="IE40" s="147">
        <v>7101953</v>
      </c>
      <c r="IF40" s="133">
        <v>7601071</v>
      </c>
      <c r="IG40" s="132">
        <v>4963113</v>
      </c>
      <c r="IH40" s="133">
        <v>2110176</v>
      </c>
      <c r="II40" s="148">
        <v>27108579</v>
      </c>
      <c r="IJ40" s="150">
        <v>27348537</v>
      </c>
      <c r="IK40" s="232">
        <v>0</v>
      </c>
      <c r="IL40" s="236">
        <v>0</v>
      </c>
      <c r="IM40" s="237">
        <v>0</v>
      </c>
      <c r="IN40" s="140">
        <v>0</v>
      </c>
      <c r="IO40" s="119">
        <v>0</v>
      </c>
      <c r="IP40" s="119">
        <v>63360</v>
      </c>
      <c r="IQ40" s="119">
        <v>182169</v>
      </c>
      <c r="IR40" s="119">
        <v>238302</v>
      </c>
      <c r="IS40" s="119">
        <v>0</v>
      </c>
      <c r="IT40" s="141">
        <v>483831</v>
      </c>
      <c r="IU40" s="320">
        <v>483831</v>
      </c>
      <c r="IV40" s="142">
        <v>0</v>
      </c>
      <c r="IW40" s="119">
        <v>0</v>
      </c>
      <c r="IX40" s="120">
        <v>0</v>
      </c>
      <c r="IY40" s="144">
        <v>0</v>
      </c>
      <c r="IZ40" s="119">
        <v>0</v>
      </c>
      <c r="JA40" s="119">
        <v>0</v>
      </c>
      <c r="JB40" s="119">
        <v>0</v>
      </c>
      <c r="JC40" s="119">
        <v>0</v>
      </c>
      <c r="JD40" s="119">
        <v>0</v>
      </c>
      <c r="JE40" s="120">
        <v>0</v>
      </c>
      <c r="JF40" s="121">
        <v>0</v>
      </c>
      <c r="JG40" s="142">
        <v>0</v>
      </c>
      <c r="JH40" s="119">
        <v>0</v>
      </c>
      <c r="JI40" s="141">
        <v>0</v>
      </c>
      <c r="JJ40" s="118">
        <v>0</v>
      </c>
      <c r="JK40" s="119">
        <v>1594593</v>
      </c>
      <c r="JL40" s="119">
        <v>2258808</v>
      </c>
      <c r="JM40" s="119">
        <v>1921050</v>
      </c>
      <c r="JN40" s="119">
        <v>800328</v>
      </c>
      <c r="JO40" s="119">
        <v>246843</v>
      </c>
      <c r="JP40" s="120">
        <v>6821622</v>
      </c>
      <c r="JQ40" s="320">
        <v>6821622</v>
      </c>
      <c r="JR40" s="142">
        <v>0</v>
      </c>
      <c r="JS40" s="119">
        <v>0</v>
      </c>
      <c r="JT40" s="141">
        <v>0</v>
      </c>
      <c r="JU40" s="118">
        <v>0</v>
      </c>
      <c r="JV40" s="119">
        <v>0</v>
      </c>
      <c r="JW40" s="119">
        <v>0</v>
      </c>
      <c r="JX40" s="119">
        <v>0</v>
      </c>
      <c r="JY40" s="119">
        <v>0</v>
      </c>
      <c r="JZ40" s="119">
        <v>0</v>
      </c>
      <c r="KA40" s="120">
        <v>0</v>
      </c>
      <c r="KB40" s="320">
        <v>0</v>
      </c>
      <c r="KC40" s="234">
        <v>79776</v>
      </c>
      <c r="KD40" s="230">
        <v>160182</v>
      </c>
      <c r="KE40" s="120">
        <v>239958</v>
      </c>
      <c r="KF40" s="118">
        <v>0</v>
      </c>
      <c r="KG40" s="119">
        <v>1042758</v>
      </c>
      <c r="KH40" s="119">
        <v>1489654</v>
      </c>
      <c r="KI40" s="119">
        <v>1390918</v>
      </c>
      <c r="KJ40" s="119">
        <v>258926</v>
      </c>
      <c r="KK40" s="119">
        <v>491940</v>
      </c>
      <c r="KL40" s="120">
        <v>4674196</v>
      </c>
      <c r="KM40" s="143">
        <v>4914154</v>
      </c>
      <c r="KN40" s="232">
        <v>0</v>
      </c>
      <c r="KO40" s="236">
        <v>0</v>
      </c>
      <c r="KP40" s="237">
        <v>0</v>
      </c>
      <c r="KQ40" s="140"/>
      <c r="KR40" s="119">
        <v>2694915</v>
      </c>
      <c r="KS40" s="119">
        <v>3290131</v>
      </c>
      <c r="KT40" s="119">
        <v>4106934</v>
      </c>
      <c r="KU40" s="119">
        <v>3665557</v>
      </c>
      <c r="KV40" s="119">
        <v>1371393</v>
      </c>
      <c r="KW40" s="120">
        <v>15128930</v>
      </c>
      <c r="KX40" s="320">
        <v>15128930</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4712562</v>
      </c>
      <c r="MK40" s="119">
        <v>9460099</v>
      </c>
      <c r="ML40" s="119">
        <v>15064975</v>
      </c>
      <c r="MM40" s="119">
        <v>20951008</v>
      </c>
      <c r="MN40" s="119">
        <v>14372172</v>
      </c>
      <c r="MO40" s="120">
        <v>64560816</v>
      </c>
      <c r="MP40" s="143">
        <v>64560816</v>
      </c>
      <c r="MQ40" s="142">
        <v>0</v>
      </c>
      <c r="MR40" s="119">
        <v>0</v>
      </c>
      <c r="MS40" s="120">
        <v>0</v>
      </c>
      <c r="MT40" s="145"/>
      <c r="MU40" s="119">
        <v>198099</v>
      </c>
      <c r="MV40" s="119">
        <v>426168</v>
      </c>
      <c r="MW40" s="119">
        <v>5812395</v>
      </c>
      <c r="MX40" s="119">
        <v>12594808</v>
      </c>
      <c r="MY40" s="119">
        <v>8463265</v>
      </c>
      <c r="MZ40" s="120">
        <v>27494735</v>
      </c>
      <c r="NA40" s="143">
        <v>27494735</v>
      </c>
      <c r="NB40" s="142">
        <v>0</v>
      </c>
      <c r="NC40" s="119">
        <v>0</v>
      </c>
      <c r="ND40" s="120">
        <v>0</v>
      </c>
      <c r="NE40" s="145"/>
      <c r="NF40" s="119">
        <v>3658365</v>
      </c>
      <c r="NG40" s="119">
        <v>8543467</v>
      </c>
      <c r="NH40" s="119">
        <v>7705480</v>
      </c>
      <c r="NI40" s="119">
        <v>5793063</v>
      </c>
      <c r="NJ40" s="119">
        <v>2438318</v>
      </c>
      <c r="NK40" s="120">
        <v>28138693</v>
      </c>
      <c r="NL40" s="320">
        <v>28138693</v>
      </c>
      <c r="NM40" s="142">
        <v>0</v>
      </c>
      <c r="NN40" s="119">
        <v>0</v>
      </c>
      <c r="NO40" s="120">
        <v>0</v>
      </c>
      <c r="NP40" s="145">
        <v>0</v>
      </c>
      <c r="NQ40" s="119">
        <v>0</v>
      </c>
      <c r="NR40" s="119">
        <v>0</v>
      </c>
      <c r="NS40" s="119">
        <v>0</v>
      </c>
      <c r="NT40" s="119">
        <v>0</v>
      </c>
      <c r="NU40" s="119">
        <v>0</v>
      </c>
      <c r="NV40" s="120">
        <v>0</v>
      </c>
      <c r="NW40" s="121">
        <v>0</v>
      </c>
      <c r="NX40" s="142">
        <v>0</v>
      </c>
      <c r="NY40" s="119">
        <v>0</v>
      </c>
      <c r="NZ40" s="120">
        <v>0</v>
      </c>
      <c r="OA40" s="145"/>
      <c r="OB40" s="119">
        <v>856098</v>
      </c>
      <c r="OC40" s="119">
        <v>490464</v>
      </c>
      <c r="OD40" s="119">
        <v>1547100</v>
      </c>
      <c r="OE40" s="119">
        <v>2563137</v>
      </c>
      <c r="OF40" s="119">
        <v>3470589</v>
      </c>
      <c r="OG40" s="120">
        <v>8927388</v>
      </c>
      <c r="OH40" s="121">
        <v>8927388</v>
      </c>
      <c r="OI40" s="142">
        <v>2248196</v>
      </c>
      <c r="OJ40" s="119">
        <v>3820432</v>
      </c>
      <c r="OK40" s="141">
        <v>6068628</v>
      </c>
      <c r="OL40" s="118">
        <v>0</v>
      </c>
      <c r="OM40" s="119">
        <v>40571417</v>
      </c>
      <c r="ON40" s="119">
        <v>42168774</v>
      </c>
      <c r="OO40" s="119">
        <v>42561798</v>
      </c>
      <c r="OP40" s="119">
        <v>49683052</v>
      </c>
      <c r="OQ40" s="119">
        <v>26718513</v>
      </c>
      <c r="OR40" s="120">
        <v>201703554</v>
      </c>
      <c r="OS40" s="143">
        <v>207772182</v>
      </c>
    </row>
    <row r="41" spans="2:409" ht="21" customHeight="1" x14ac:dyDescent="0.2">
      <c r="B41" s="62" t="s">
        <v>36</v>
      </c>
      <c r="C41" s="110">
        <v>1264811</v>
      </c>
      <c r="D41" s="114">
        <v>3213774</v>
      </c>
      <c r="E41" s="113">
        <v>4478585</v>
      </c>
      <c r="F41" s="109">
        <v>0</v>
      </c>
      <c r="G41" s="114">
        <v>19809301</v>
      </c>
      <c r="H41" s="114">
        <v>27121290</v>
      </c>
      <c r="I41" s="114">
        <v>23010830</v>
      </c>
      <c r="J41" s="114">
        <v>18623326</v>
      </c>
      <c r="K41" s="114">
        <v>15717642</v>
      </c>
      <c r="L41" s="173">
        <v>104282389</v>
      </c>
      <c r="M41" s="116">
        <v>108760974</v>
      </c>
      <c r="N41" s="110">
        <v>522754</v>
      </c>
      <c r="O41" s="114">
        <v>967221</v>
      </c>
      <c r="P41" s="113">
        <v>1489975</v>
      </c>
      <c r="Q41" s="110">
        <v>0</v>
      </c>
      <c r="R41" s="114">
        <v>6537643</v>
      </c>
      <c r="S41" s="114">
        <v>9012779</v>
      </c>
      <c r="T41" s="114">
        <v>7280454</v>
      </c>
      <c r="U41" s="114">
        <v>8745902</v>
      </c>
      <c r="V41" s="114">
        <v>9717115</v>
      </c>
      <c r="W41" s="113">
        <v>41293893</v>
      </c>
      <c r="X41" s="116">
        <v>42783868</v>
      </c>
      <c r="Y41" s="110">
        <v>0</v>
      </c>
      <c r="Z41" s="114">
        <v>0</v>
      </c>
      <c r="AA41" s="113">
        <v>0</v>
      </c>
      <c r="AB41" s="110">
        <v>0</v>
      </c>
      <c r="AC41" s="114">
        <v>2762388</v>
      </c>
      <c r="AD41" s="114">
        <v>4493682</v>
      </c>
      <c r="AE41" s="114">
        <v>3945918</v>
      </c>
      <c r="AF41" s="114">
        <v>5215955</v>
      </c>
      <c r="AG41" s="114">
        <v>5605742</v>
      </c>
      <c r="AH41" s="113">
        <v>22023685</v>
      </c>
      <c r="AI41" s="116">
        <v>22023685</v>
      </c>
      <c r="AJ41" s="110">
        <v>0</v>
      </c>
      <c r="AK41" s="114">
        <v>0</v>
      </c>
      <c r="AL41" s="113">
        <v>0</v>
      </c>
      <c r="AM41" s="110">
        <v>0</v>
      </c>
      <c r="AN41" s="114">
        <v>201432</v>
      </c>
      <c r="AO41" s="114">
        <v>438694</v>
      </c>
      <c r="AP41" s="114">
        <v>158134</v>
      </c>
      <c r="AQ41" s="114">
        <v>560961</v>
      </c>
      <c r="AR41" s="114">
        <v>954155</v>
      </c>
      <c r="AS41" s="113">
        <v>2313376</v>
      </c>
      <c r="AT41" s="116">
        <v>2313376</v>
      </c>
      <c r="AU41" s="110">
        <v>319988</v>
      </c>
      <c r="AV41" s="114">
        <v>730004</v>
      </c>
      <c r="AW41" s="113">
        <v>1049992</v>
      </c>
      <c r="AX41" s="110">
        <v>0</v>
      </c>
      <c r="AY41" s="114">
        <v>2782459</v>
      </c>
      <c r="AZ41" s="114">
        <v>2674833</v>
      </c>
      <c r="BA41" s="114">
        <v>1540581</v>
      </c>
      <c r="BB41" s="114">
        <v>2041422</v>
      </c>
      <c r="BC41" s="114">
        <v>2379944</v>
      </c>
      <c r="BD41" s="113">
        <v>11419239</v>
      </c>
      <c r="BE41" s="116">
        <v>12469231</v>
      </c>
      <c r="BF41" s="110">
        <v>153056</v>
      </c>
      <c r="BG41" s="114">
        <v>181183</v>
      </c>
      <c r="BH41" s="112">
        <v>334239</v>
      </c>
      <c r="BI41" s="111">
        <v>0</v>
      </c>
      <c r="BJ41" s="114">
        <v>494996</v>
      </c>
      <c r="BK41" s="114">
        <v>364974</v>
      </c>
      <c r="BL41" s="114">
        <v>470859</v>
      </c>
      <c r="BM41" s="114">
        <v>170026</v>
      </c>
      <c r="BN41" s="114">
        <v>174983</v>
      </c>
      <c r="BO41" s="113">
        <v>1675838</v>
      </c>
      <c r="BP41" s="116">
        <v>2010077</v>
      </c>
      <c r="BQ41" s="110">
        <v>49710</v>
      </c>
      <c r="BR41" s="114">
        <v>56034</v>
      </c>
      <c r="BS41" s="113">
        <v>105744</v>
      </c>
      <c r="BT41" s="110">
        <v>0</v>
      </c>
      <c r="BU41" s="114">
        <v>296368</v>
      </c>
      <c r="BV41" s="114">
        <v>1040596</v>
      </c>
      <c r="BW41" s="114">
        <v>1164962</v>
      </c>
      <c r="BX41" s="114">
        <v>757538</v>
      </c>
      <c r="BY41" s="114">
        <v>602291</v>
      </c>
      <c r="BZ41" s="113">
        <v>3861755</v>
      </c>
      <c r="CA41" s="116">
        <v>3967499</v>
      </c>
      <c r="CB41" s="110">
        <v>74440</v>
      </c>
      <c r="CC41" s="114">
        <v>374480</v>
      </c>
      <c r="CD41" s="113">
        <v>448920</v>
      </c>
      <c r="CE41" s="110">
        <v>0</v>
      </c>
      <c r="CF41" s="114">
        <v>5547154</v>
      </c>
      <c r="CG41" s="114">
        <v>8045282</v>
      </c>
      <c r="CH41" s="114">
        <v>5070012</v>
      </c>
      <c r="CI41" s="114">
        <v>3379333</v>
      </c>
      <c r="CJ41" s="114">
        <v>2350740</v>
      </c>
      <c r="CK41" s="113">
        <v>24392521</v>
      </c>
      <c r="CL41" s="116">
        <v>24841441</v>
      </c>
      <c r="CM41" s="110">
        <v>0</v>
      </c>
      <c r="CN41" s="114">
        <v>0</v>
      </c>
      <c r="CO41" s="113">
        <v>0</v>
      </c>
      <c r="CP41" s="111">
        <v>0</v>
      </c>
      <c r="CQ41" s="114">
        <v>4360038</v>
      </c>
      <c r="CR41" s="114">
        <v>6652110</v>
      </c>
      <c r="CS41" s="114">
        <v>4340909</v>
      </c>
      <c r="CT41" s="114">
        <v>3105220</v>
      </c>
      <c r="CU41" s="114">
        <v>2115940</v>
      </c>
      <c r="CV41" s="113">
        <v>20574217</v>
      </c>
      <c r="CW41" s="116">
        <v>20574217</v>
      </c>
      <c r="CX41" s="110">
        <v>74440</v>
      </c>
      <c r="CY41" s="114">
        <v>374480</v>
      </c>
      <c r="CZ41" s="113">
        <v>448920</v>
      </c>
      <c r="DA41" s="110">
        <v>0</v>
      </c>
      <c r="DB41" s="114">
        <v>1187116</v>
      </c>
      <c r="DC41" s="114">
        <v>1393172</v>
      </c>
      <c r="DD41" s="114">
        <v>729103</v>
      </c>
      <c r="DE41" s="114">
        <v>274113</v>
      </c>
      <c r="DF41" s="114">
        <v>234800</v>
      </c>
      <c r="DG41" s="113">
        <v>3818304</v>
      </c>
      <c r="DH41" s="116">
        <v>4267224</v>
      </c>
      <c r="DI41" s="110">
        <v>0</v>
      </c>
      <c r="DJ41" s="114">
        <v>7823</v>
      </c>
      <c r="DK41" s="112">
        <v>7823</v>
      </c>
      <c r="DL41" s="111">
        <v>0</v>
      </c>
      <c r="DM41" s="114">
        <v>885397</v>
      </c>
      <c r="DN41" s="114">
        <v>1033033</v>
      </c>
      <c r="DO41" s="114">
        <v>3299009</v>
      </c>
      <c r="DP41" s="114">
        <v>2117389</v>
      </c>
      <c r="DQ41" s="114">
        <v>740224</v>
      </c>
      <c r="DR41" s="113">
        <v>8075052</v>
      </c>
      <c r="DS41" s="116">
        <v>8082875</v>
      </c>
      <c r="DT41" s="110">
        <v>0</v>
      </c>
      <c r="DU41" s="114">
        <v>7823</v>
      </c>
      <c r="DV41" s="113">
        <v>7823</v>
      </c>
      <c r="DW41" s="110">
        <v>0</v>
      </c>
      <c r="DX41" s="114">
        <v>783748</v>
      </c>
      <c r="DY41" s="114">
        <v>1033033</v>
      </c>
      <c r="DZ41" s="114">
        <v>3256070</v>
      </c>
      <c r="EA41" s="114">
        <v>1868075</v>
      </c>
      <c r="EB41" s="114">
        <v>697756</v>
      </c>
      <c r="EC41" s="113">
        <v>7638682</v>
      </c>
      <c r="ED41" s="116">
        <v>7646505</v>
      </c>
      <c r="EE41" s="110">
        <v>0</v>
      </c>
      <c r="EF41" s="112">
        <v>0</v>
      </c>
      <c r="EG41" s="113">
        <v>0</v>
      </c>
      <c r="EH41" s="110">
        <v>0</v>
      </c>
      <c r="EI41" s="114">
        <v>101649</v>
      </c>
      <c r="EJ41" s="114">
        <v>0</v>
      </c>
      <c r="EK41" s="114">
        <v>42939</v>
      </c>
      <c r="EL41" s="114">
        <v>249314</v>
      </c>
      <c r="EM41" s="114">
        <v>42468</v>
      </c>
      <c r="EN41" s="112">
        <v>436370</v>
      </c>
      <c r="EO41" s="116">
        <v>43637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368118</v>
      </c>
      <c r="FM41" s="114">
        <v>1224612</v>
      </c>
      <c r="FN41" s="113">
        <v>1592730</v>
      </c>
      <c r="FO41" s="110">
        <v>0</v>
      </c>
      <c r="FP41" s="114">
        <v>1908892</v>
      </c>
      <c r="FQ41" s="114">
        <v>2686455</v>
      </c>
      <c r="FR41" s="114">
        <v>1821665</v>
      </c>
      <c r="FS41" s="114">
        <v>1572115</v>
      </c>
      <c r="FT41" s="114">
        <v>1114244</v>
      </c>
      <c r="FU41" s="113">
        <v>9103371</v>
      </c>
      <c r="FV41" s="116">
        <v>10696101</v>
      </c>
      <c r="FW41" s="115">
        <v>200268</v>
      </c>
      <c r="FX41" s="114">
        <v>661982</v>
      </c>
      <c r="FY41" s="112">
        <v>862250</v>
      </c>
      <c r="FZ41" s="111">
        <v>0</v>
      </c>
      <c r="GA41" s="114">
        <v>1478012</v>
      </c>
      <c r="GB41" s="114">
        <v>2380635</v>
      </c>
      <c r="GC41" s="114">
        <v>1751195</v>
      </c>
      <c r="GD41" s="114">
        <v>1572115</v>
      </c>
      <c r="GE41" s="114">
        <v>1114244</v>
      </c>
      <c r="GF41" s="113">
        <v>8296201</v>
      </c>
      <c r="GG41" s="318">
        <v>9158451</v>
      </c>
      <c r="GH41" s="115">
        <v>23400</v>
      </c>
      <c r="GI41" s="114">
        <v>55440</v>
      </c>
      <c r="GJ41" s="112">
        <v>78840</v>
      </c>
      <c r="GK41" s="111">
        <v>0</v>
      </c>
      <c r="GL41" s="114">
        <v>55530</v>
      </c>
      <c r="GM41" s="114">
        <v>32220</v>
      </c>
      <c r="GN41" s="114">
        <v>70470</v>
      </c>
      <c r="GO41" s="114">
        <v>0</v>
      </c>
      <c r="GP41" s="114">
        <v>0</v>
      </c>
      <c r="GQ41" s="113">
        <v>158220</v>
      </c>
      <c r="GR41" s="116">
        <v>237060</v>
      </c>
      <c r="GS41" s="110">
        <v>144450</v>
      </c>
      <c r="GT41" s="114">
        <v>507190</v>
      </c>
      <c r="GU41" s="113">
        <v>651640</v>
      </c>
      <c r="GV41" s="110">
        <v>0</v>
      </c>
      <c r="GW41" s="114">
        <v>375350</v>
      </c>
      <c r="GX41" s="114">
        <v>273600</v>
      </c>
      <c r="GY41" s="114">
        <v>0</v>
      </c>
      <c r="GZ41" s="114">
        <v>0</v>
      </c>
      <c r="HA41" s="114">
        <v>0</v>
      </c>
      <c r="HB41" s="112">
        <v>648950</v>
      </c>
      <c r="HC41" s="116">
        <v>1300590</v>
      </c>
      <c r="HD41" s="110">
        <v>63404</v>
      </c>
      <c r="HE41" s="114">
        <v>97538</v>
      </c>
      <c r="HF41" s="112">
        <v>160942</v>
      </c>
      <c r="HG41" s="111">
        <v>0</v>
      </c>
      <c r="HH41" s="114">
        <v>1364915</v>
      </c>
      <c r="HI41" s="114">
        <v>2941476</v>
      </c>
      <c r="HJ41" s="114">
        <v>3214434</v>
      </c>
      <c r="HK41" s="114">
        <v>1300229</v>
      </c>
      <c r="HL41" s="114">
        <v>780274</v>
      </c>
      <c r="HM41" s="113">
        <v>9601328</v>
      </c>
      <c r="HN41" s="109">
        <v>9762270</v>
      </c>
      <c r="HO41" s="115">
        <v>236095</v>
      </c>
      <c r="HP41" s="114">
        <v>542100</v>
      </c>
      <c r="HQ41" s="113">
        <v>778195</v>
      </c>
      <c r="HR41" s="110">
        <v>0</v>
      </c>
      <c r="HS41" s="114">
        <v>3565300</v>
      </c>
      <c r="HT41" s="114">
        <v>3402265</v>
      </c>
      <c r="HU41" s="114">
        <v>2325256</v>
      </c>
      <c r="HV41" s="114">
        <v>1508358</v>
      </c>
      <c r="HW41" s="114">
        <v>1015045</v>
      </c>
      <c r="HX41" s="112">
        <v>11816224</v>
      </c>
      <c r="HY41" s="116">
        <v>12594419</v>
      </c>
      <c r="HZ41" s="131">
        <v>97056</v>
      </c>
      <c r="IA41" s="132">
        <v>84068</v>
      </c>
      <c r="IB41" s="133">
        <v>181124</v>
      </c>
      <c r="IC41" s="146">
        <v>0</v>
      </c>
      <c r="ID41" s="132">
        <v>4143842</v>
      </c>
      <c r="IE41" s="147">
        <v>7287342</v>
      </c>
      <c r="IF41" s="133">
        <v>10179380</v>
      </c>
      <c r="IG41" s="132">
        <v>4790809</v>
      </c>
      <c r="IH41" s="133">
        <v>2141592</v>
      </c>
      <c r="II41" s="148">
        <v>28542965</v>
      </c>
      <c r="IJ41" s="139">
        <v>28724089</v>
      </c>
      <c r="IK41" s="232">
        <v>0</v>
      </c>
      <c r="IL41" s="236">
        <v>0</v>
      </c>
      <c r="IM41" s="237">
        <v>0</v>
      </c>
      <c r="IN41" s="140">
        <v>0</v>
      </c>
      <c r="IO41" s="119">
        <v>0</v>
      </c>
      <c r="IP41" s="119">
        <v>0</v>
      </c>
      <c r="IQ41" s="119">
        <v>0</v>
      </c>
      <c r="IR41" s="119">
        <v>0</v>
      </c>
      <c r="IS41" s="119">
        <v>0</v>
      </c>
      <c r="IT41" s="141">
        <v>0</v>
      </c>
      <c r="IU41" s="320">
        <v>0</v>
      </c>
      <c r="IV41" s="142">
        <v>0</v>
      </c>
      <c r="IW41" s="119">
        <v>0</v>
      </c>
      <c r="IX41" s="120">
        <v>0</v>
      </c>
      <c r="IY41" s="144">
        <v>0</v>
      </c>
      <c r="IZ41" s="119">
        <v>0</v>
      </c>
      <c r="JA41" s="119">
        <v>0</v>
      </c>
      <c r="JB41" s="119">
        <v>0</v>
      </c>
      <c r="JC41" s="119">
        <v>0</v>
      </c>
      <c r="JD41" s="119">
        <v>0</v>
      </c>
      <c r="JE41" s="120">
        <v>0</v>
      </c>
      <c r="JF41" s="121">
        <v>0</v>
      </c>
      <c r="JG41" s="142">
        <v>0</v>
      </c>
      <c r="JH41" s="119">
        <v>0</v>
      </c>
      <c r="JI41" s="141">
        <v>0</v>
      </c>
      <c r="JJ41" s="118">
        <v>0</v>
      </c>
      <c r="JK41" s="119">
        <v>2103889</v>
      </c>
      <c r="JL41" s="119">
        <v>3210353</v>
      </c>
      <c r="JM41" s="119">
        <v>3693731</v>
      </c>
      <c r="JN41" s="119">
        <v>1811887</v>
      </c>
      <c r="JO41" s="119">
        <v>1576560</v>
      </c>
      <c r="JP41" s="120">
        <v>12396420</v>
      </c>
      <c r="JQ41" s="320">
        <v>12396420</v>
      </c>
      <c r="JR41" s="142">
        <v>0</v>
      </c>
      <c r="JS41" s="119">
        <v>0</v>
      </c>
      <c r="JT41" s="141">
        <v>0</v>
      </c>
      <c r="JU41" s="118">
        <v>0</v>
      </c>
      <c r="JV41" s="119">
        <v>0</v>
      </c>
      <c r="JW41" s="119">
        <v>0</v>
      </c>
      <c r="JX41" s="119">
        <v>0</v>
      </c>
      <c r="JY41" s="119">
        <v>0</v>
      </c>
      <c r="JZ41" s="119">
        <v>0</v>
      </c>
      <c r="KA41" s="120">
        <v>0</v>
      </c>
      <c r="KB41" s="320">
        <v>0</v>
      </c>
      <c r="KC41" s="234">
        <v>97056</v>
      </c>
      <c r="KD41" s="230">
        <v>84068</v>
      </c>
      <c r="KE41" s="120">
        <v>181124</v>
      </c>
      <c r="KF41" s="118">
        <v>0</v>
      </c>
      <c r="KG41" s="119">
        <v>1424813</v>
      </c>
      <c r="KH41" s="119">
        <v>1260862</v>
      </c>
      <c r="KI41" s="119">
        <v>1926510</v>
      </c>
      <c r="KJ41" s="119">
        <v>1105390</v>
      </c>
      <c r="KK41" s="119">
        <v>0</v>
      </c>
      <c r="KL41" s="120">
        <v>5717575</v>
      </c>
      <c r="KM41" s="143">
        <v>5898699</v>
      </c>
      <c r="KN41" s="232">
        <v>0</v>
      </c>
      <c r="KO41" s="236">
        <v>0</v>
      </c>
      <c r="KP41" s="237">
        <v>0</v>
      </c>
      <c r="KQ41" s="140"/>
      <c r="KR41" s="119">
        <v>615140</v>
      </c>
      <c r="KS41" s="119">
        <v>2816127</v>
      </c>
      <c r="KT41" s="119">
        <v>4559139</v>
      </c>
      <c r="KU41" s="119">
        <v>1873532</v>
      </c>
      <c r="KV41" s="119">
        <v>565032</v>
      </c>
      <c r="KW41" s="120">
        <v>10428970</v>
      </c>
      <c r="KX41" s="320">
        <v>10428970</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5109279</v>
      </c>
      <c r="MK41" s="119">
        <v>6839275</v>
      </c>
      <c r="ML41" s="119">
        <v>23930703</v>
      </c>
      <c r="MM41" s="119">
        <v>34352797</v>
      </c>
      <c r="MN41" s="119">
        <v>28418913</v>
      </c>
      <c r="MO41" s="120">
        <v>98650967</v>
      </c>
      <c r="MP41" s="143">
        <v>98650967</v>
      </c>
      <c r="MQ41" s="142">
        <v>0</v>
      </c>
      <c r="MR41" s="119">
        <v>0</v>
      </c>
      <c r="MS41" s="120">
        <v>0</v>
      </c>
      <c r="MT41" s="145"/>
      <c r="MU41" s="119">
        <v>0</v>
      </c>
      <c r="MV41" s="119">
        <v>690913</v>
      </c>
      <c r="MW41" s="119">
        <v>12943701</v>
      </c>
      <c r="MX41" s="119">
        <v>22467217</v>
      </c>
      <c r="MY41" s="119">
        <v>21477230</v>
      </c>
      <c r="MZ41" s="120">
        <v>57579061</v>
      </c>
      <c r="NA41" s="143">
        <v>57579061</v>
      </c>
      <c r="NB41" s="142">
        <v>0</v>
      </c>
      <c r="NC41" s="119">
        <v>0</v>
      </c>
      <c r="ND41" s="120">
        <v>0</v>
      </c>
      <c r="NE41" s="145"/>
      <c r="NF41" s="119">
        <v>5109279</v>
      </c>
      <c r="NG41" s="119">
        <v>6148362</v>
      </c>
      <c r="NH41" s="119">
        <v>10987002</v>
      </c>
      <c r="NI41" s="119">
        <v>9482998</v>
      </c>
      <c r="NJ41" s="119">
        <v>6179872</v>
      </c>
      <c r="NK41" s="120">
        <v>37907513</v>
      </c>
      <c r="NL41" s="320">
        <v>37907513</v>
      </c>
      <c r="NM41" s="142">
        <v>0</v>
      </c>
      <c r="NN41" s="119">
        <v>0</v>
      </c>
      <c r="NO41" s="120">
        <v>0</v>
      </c>
      <c r="NP41" s="145">
        <v>0</v>
      </c>
      <c r="NQ41" s="119">
        <v>0</v>
      </c>
      <c r="NR41" s="119">
        <v>0</v>
      </c>
      <c r="NS41" s="119">
        <v>0</v>
      </c>
      <c r="NT41" s="119">
        <v>642203</v>
      </c>
      <c r="NU41" s="119">
        <v>344420</v>
      </c>
      <c r="NV41" s="120">
        <v>986623</v>
      </c>
      <c r="NW41" s="121">
        <v>986623</v>
      </c>
      <c r="NX41" s="142">
        <v>0</v>
      </c>
      <c r="NY41" s="119">
        <v>0</v>
      </c>
      <c r="NZ41" s="120">
        <v>0</v>
      </c>
      <c r="OA41" s="145"/>
      <c r="OB41" s="119">
        <v>0</v>
      </c>
      <c r="OC41" s="119">
        <v>0</v>
      </c>
      <c r="OD41" s="119">
        <v>0</v>
      </c>
      <c r="OE41" s="119">
        <v>1760379</v>
      </c>
      <c r="OF41" s="119">
        <v>417391</v>
      </c>
      <c r="OG41" s="120">
        <v>2177770</v>
      </c>
      <c r="OH41" s="121">
        <v>2177770</v>
      </c>
      <c r="OI41" s="142">
        <v>1361867</v>
      </c>
      <c r="OJ41" s="119">
        <v>3297842</v>
      </c>
      <c r="OK41" s="141">
        <v>4659709</v>
      </c>
      <c r="OL41" s="118">
        <v>0</v>
      </c>
      <c r="OM41" s="119">
        <v>29062422</v>
      </c>
      <c r="ON41" s="119">
        <v>41247907</v>
      </c>
      <c r="OO41" s="119">
        <v>57120913</v>
      </c>
      <c r="OP41" s="119">
        <v>57766932</v>
      </c>
      <c r="OQ41" s="119">
        <v>46278147</v>
      </c>
      <c r="OR41" s="120">
        <v>231476321</v>
      </c>
      <c r="OS41" s="143">
        <v>236136030</v>
      </c>
    </row>
    <row r="42" spans="2:409" ht="21" customHeight="1" thickBot="1" x14ac:dyDescent="0.25">
      <c r="B42" s="63" t="s">
        <v>37</v>
      </c>
      <c r="C42" s="117">
        <v>172720</v>
      </c>
      <c r="D42" s="178">
        <v>112970</v>
      </c>
      <c r="E42" s="179">
        <v>285690</v>
      </c>
      <c r="F42" s="180">
        <v>0</v>
      </c>
      <c r="G42" s="178">
        <v>1882740</v>
      </c>
      <c r="H42" s="178">
        <v>1532131</v>
      </c>
      <c r="I42" s="178">
        <v>2298249</v>
      </c>
      <c r="J42" s="178">
        <v>1345359</v>
      </c>
      <c r="K42" s="178">
        <v>932262</v>
      </c>
      <c r="L42" s="180">
        <v>7990741</v>
      </c>
      <c r="M42" s="181">
        <v>8276431</v>
      </c>
      <c r="N42" s="117">
        <v>32884</v>
      </c>
      <c r="O42" s="178">
        <v>35257</v>
      </c>
      <c r="P42" s="179">
        <v>68141</v>
      </c>
      <c r="Q42" s="117">
        <v>0</v>
      </c>
      <c r="R42" s="178">
        <v>171163</v>
      </c>
      <c r="S42" s="178">
        <v>514428</v>
      </c>
      <c r="T42" s="178">
        <v>427495</v>
      </c>
      <c r="U42" s="178">
        <v>394480</v>
      </c>
      <c r="V42" s="178">
        <v>458013</v>
      </c>
      <c r="W42" s="179">
        <v>1965579</v>
      </c>
      <c r="X42" s="181">
        <v>2033720</v>
      </c>
      <c r="Y42" s="117">
        <v>0</v>
      </c>
      <c r="Z42" s="178">
        <v>0</v>
      </c>
      <c r="AA42" s="179">
        <v>0</v>
      </c>
      <c r="AB42" s="117">
        <v>0</v>
      </c>
      <c r="AC42" s="178">
        <v>75333</v>
      </c>
      <c r="AD42" s="178">
        <v>234027</v>
      </c>
      <c r="AE42" s="178">
        <v>108717</v>
      </c>
      <c r="AF42" s="178">
        <v>84787</v>
      </c>
      <c r="AG42" s="178">
        <v>391583</v>
      </c>
      <c r="AH42" s="179">
        <v>894447</v>
      </c>
      <c r="AI42" s="181">
        <v>894447</v>
      </c>
      <c r="AJ42" s="117">
        <v>0</v>
      </c>
      <c r="AK42" s="178">
        <v>0</v>
      </c>
      <c r="AL42" s="179">
        <v>0</v>
      </c>
      <c r="AM42" s="117">
        <v>0</v>
      </c>
      <c r="AN42" s="178">
        <v>0</v>
      </c>
      <c r="AO42" s="178">
        <v>0</v>
      </c>
      <c r="AP42" s="178">
        <v>92330</v>
      </c>
      <c r="AQ42" s="178">
        <v>28077</v>
      </c>
      <c r="AR42" s="178">
        <v>0</v>
      </c>
      <c r="AS42" s="179">
        <v>120407</v>
      </c>
      <c r="AT42" s="181">
        <v>120407</v>
      </c>
      <c r="AU42" s="117">
        <v>23092</v>
      </c>
      <c r="AV42" s="178">
        <v>35257</v>
      </c>
      <c r="AW42" s="179">
        <v>58349</v>
      </c>
      <c r="AX42" s="117">
        <v>0</v>
      </c>
      <c r="AY42" s="178">
        <v>70873</v>
      </c>
      <c r="AZ42" s="178">
        <v>132894</v>
      </c>
      <c r="BA42" s="178">
        <v>79690</v>
      </c>
      <c r="BB42" s="178">
        <v>198577</v>
      </c>
      <c r="BC42" s="178">
        <v>32840</v>
      </c>
      <c r="BD42" s="179">
        <v>514874</v>
      </c>
      <c r="BE42" s="181">
        <v>573223</v>
      </c>
      <c r="BF42" s="117">
        <v>0</v>
      </c>
      <c r="BG42" s="178">
        <v>0</v>
      </c>
      <c r="BH42" s="183">
        <v>0</v>
      </c>
      <c r="BI42" s="182">
        <v>0</v>
      </c>
      <c r="BJ42" s="178">
        <v>0</v>
      </c>
      <c r="BK42" s="178">
        <v>86586</v>
      </c>
      <c r="BL42" s="178">
        <v>70150</v>
      </c>
      <c r="BM42" s="178">
        <v>61487</v>
      </c>
      <c r="BN42" s="178">
        <v>0</v>
      </c>
      <c r="BO42" s="179">
        <v>218223</v>
      </c>
      <c r="BP42" s="181">
        <v>218223</v>
      </c>
      <c r="BQ42" s="117">
        <v>9792</v>
      </c>
      <c r="BR42" s="178">
        <v>0</v>
      </c>
      <c r="BS42" s="179">
        <v>9792</v>
      </c>
      <c r="BT42" s="117">
        <v>0</v>
      </c>
      <c r="BU42" s="178">
        <v>24957</v>
      </c>
      <c r="BV42" s="178">
        <v>60921</v>
      </c>
      <c r="BW42" s="178">
        <v>76608</v>
      </c>
      <c r="BX42" s="178">
        <v>21552</v>
      </c>
      <c r="BY42" s="178">
        <v>33590</v>
      </c>
      <c r="BZ42" s="179">
        <v>217628</v>
      </c>
      <c r="CA42" s="181">
        <v>227420</v>
      </c>
      <c r="CB42" s="117">
        <v>23619</v>
      </c>
      <c r="CC42" s="178">
        <v>21940</v>
      </c>
      <c r="CD42" s="179">
        <v>45559</v>
      </c>
      <c r="CE42" s="117">
        <v>0</v>
      </c>
      <c r="CF42" s="178">
        <v>865117</v>
      </c>
      <c r="CG42" s="178">
        <v>363517</v>
      </c>
      <c r="CH42" s="178">
        <v>706822</v>
      </c>
      <c r="CI42" s="178">
        <v>254649</v>
      </c>
      <c r="CJ42" s="178">
        <v>83305</v>
      </c>
      <c r="CK42" s="179">
        <v>2273410</v>
      </c>
      <c r="CL42" s="181">
        <v>2318969</v>
      </c>
      <c r="CM42" s="117">
        <v>0</v>
      </c>
      <c r="CN42" s="178">
        <v>0</v>
      </c>
      <c r="CO42" s="179">
        <v>0</v>
      </c>
      <c r="CP42" s="182">
        <v>0</v>
      </c>
      <c r="CQ42" s="178">
        <v>407825</v>
      </c>
      <c r="CR42" s="178">
        <v>273679</v>
      </c>
      <c r="CS42" s="178">
        <v>286224</v>
      </c>
      <c r="CT42" s="178">
        <v>47344</v>
      </c>
      <c r="CU42" s="178">
        <v>83305</v>
      </c>
      <c r="CV42" s="179">
        <v>1098377</v>
      </c>
      <c r="CW42" s="181">
        <v>1098377</v>
      </c>
      <c r="CX42" s="117">
        <v>23619</v>
      </c>
      <c r="CY42" s="178">
        <v>21940</v>
      </c>
      <c r="CZ42" s="179">
        <v>45559</v>
      </c>
      <c r="DA42" s="117">
        <v>0</v>
      </c>
      <c r="DB42" s="178">
        <v>457292</v>
      </c>
      <c r="DC42" s="178">
        <v>89838</v>
      </c>
      <c r="DD42" s="178">
        <v>420598</v>
      </c>
      <c r="DE42" s="178">
        <v>207305</v>
      </c>
      <c r="DF42" s="178">
        <v>0</v>
      </c>
      <c r="DG42" s="179">
        <v>1175033</v>
      </c>
      <c r="DH42" s="181">
        <v>1220592</v>
      </c>
      <c r="DI42" s="117">
        <v>0</v>
      </c>
      <c r="DJ42" s="178">
        <v>0</v>
      </c>
      <c r="DK42" s="183">
        <v>0</v>
      </c>
      <c r="DL42" s="182">
        <v>0</v>
      </c>
      <c r="DM42" s="178">
        <v>67271</v>
      </c>
      <c r="DN42" s="178">
        <v>25836</v>
      </c>
      <c r="DO42" s="178">
        <v>489813</v>
      </c>
      <c r="DP42" s="178">
        <v>264051</v>
      </c>
      <c r="DQ42" s="178">
        <v>34324</v>
      </c>
      <c r="DR42" s="179">
        <v>881295</v>
      </c>
      <c r="DS42" s="181">
        <v>881295</v>
      </c>
      <c r="DT42" s="117">
        <v>0</v>
      </c>
      <c r="DU42" s="178">
        <v>0</v>
      </c>
      <c r="DV42" s="179">
        <v>0</v>
      </c>
      <c r="DW42" s="117">
        <v>0</v>
      </c>
      <c r="DX42" s="178">
        <v>67271</v>
      </c>
      <c r="DY42" s="178">
        <v>25836</v>
      </c>
      <c r="DZ42" s="178">
        <v>398540</v>
      </c>
      <c r="EA42" s="178">
        <v>213282</v>
      </c>
      <c r="EB42" s="178">
        <v>34324</v>
      </c>
      <c r="EC42" s="179">
        <v>739253</v>
      </c>
      <c r="ED42" s="181">
        <v>739253</v>
      </c>
      <c r="EE42" s="117">
        <v>0</v>
      </c>
      <c r="EF42" s="183">
        <v>0</v>
      </c>
      <c r="EG42" s="179">
        <v>0</v>
      </c>
      <c r="EH42" s="117">
        <v>0</v>
      </c>
      <c r="EI42" s="178">
        <v>0</v>
      </c>
      <c r="EJ42" s="178">
        <v>0</v>
      </c>
      <c r="EK42" s="178">
        <v>91273</v>
      </c>
      <c r="EL42" s="178">
        <v>50769</v>
      </c>
      <c r="EM42" s="178">
        <v>0</v>
      </c>
      <c r="EN42" s="183">
        <v>142042</v>
      </c>
      <c r="EO42" s="181">
        <v>142042</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66024</v>
      </c>
      <c r="FM42" s="178">
        <v>23832</v>
      </c>
      <c r="FN42" s="179">
        <v>89856</v>
      </c>
      <c r="FO42" s="117">
        <v>0</v>
      </c>
      <c r="FP42" s="178">
        <v>297648</v>
      </c>
      <c r="FQ42" s="178">
        <v>341090</v>
      </c>
      <c r="FR42" s="178">
        <v>322308</v>
      </c>
      <c r="FS42" s="178">
        <v>201465</v>
      </c>
      <c r="FT42" s="178">
        <v>62682</v>
      </c>
      <c r="FU42" s="179">
        <v>1225193</v>
      </c>
      <c r="FV42" s="181">
        <v>1315049</v>
      </c>
      <c r="FW42" s="184">
        <v>66024</v>
      </c>
      <c r="FX42" s="178">
        <v>23832</v>
      </c>
      <c r="FY42" s="183">
        <v>89856</v>
      </c>
      <c r="FZ42" s="182">
        <v>0</v>
      </c>
      <c r="GA42" s="178">
        <v>297648</v>
      </c>
      <c r="GB42" s="178">
        <v>341090</v>
      </c>
      <c r="GC42" s="178">
        <v>322308</v>
      </c>
      <c r="GD42" s="178">
        <v>201465</v>
      </c>
      <c r="GE42" s="178">
        <v>62682</v>
      </c>
      <c r="GF42" s="179">
        <v>1225193</v>
      </c>
      <c r="GG42" s="319">
        <v>1315049</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95304</v>
      </c>
      <c r="HL42" s="178">
        <v>231078</v>
      </c>
      <c r="HM42" s="179">
        <v>326382</v>
      </c>
      <c r="HN42" s="180">
        <v>326382</v>
      </c>
      <c r="HO42" s="184">
        <v>50193</v>
      </c>
      <c r="HP42" s="178">
        <v>31941</v>
      </c>
      <c r="HQ42" s="179">
        <v>82134</v>
      </c>
      <c r="HR42" s="117">
        <v>0</v>
      </c>
      <c r="HS42" s="178">
        <v>481541</v>
      </c>
      <c r="HT42" s="178">
        <v>287260</v>
      </c>
      <c r="HU42" s="178">
        <v>351811</v>
      </c>
      <c r="HV42" s="178">
        <v>135410</v>
      </c>
      <c r="HW42" s="178">
        <v>62860</v>
      </c>
      <c r="HX42" s="183">
        <v>1318882</v>
      </c>
      <c r="HY42" s="181">
        <v>1401016</v>
      </c>
      <c r="HZ42" s="151">
        <v>0</v>
      </c>
      <c r="IA42" s="152">
        <v>0</v>
      </c>
      <c r="IB42" s="153">
        <v>0</v>
      </c>
      <c r="IC42" s="154">
        <v>0</v>
      </c>
      <c r="ID42" s="155">
        <v>1488627</v>
      </c>
      <c r="IE42" s="156">
        <v>885777</v>
      </c>
      <c r="IF42" s="157">
        <v>1719824</v>
      </c>
      <c r="IG42" s="155">
        <v>0</v>
      </c>
      <c r="IH42" s="157">
        <v>391331</v>
      </c>
      <c r="II42" s="158">
        <v>4485559</v>
      </c>
      <c r="IJ42" s="159">
        <v>4485559</v>
      </c>
      <c r="IK42" s="233">
        <v>0</v>
      </c>
      <c r="IL42" s="238">
        <v>0</v>
      </c>
      <c r="IM42" s="239">
        <v>0</v>
      </c>
      <c r="IN42" s="160">
        <v>0</v>
      </c>
      <c r="IO42" s="161">
        <v>0</v>
      </c>
      <c r="IP42" s="161">
        <v>0</v>
      </c>
      <c r="IQ42" s="161">
        <v>174967</v>
      </c>
      <c r="IR42" s="161">
        <v>0</v>
      </c>
      <c r="IS42" s="161">
        <v>0</v>
      </c>
      <c r="IT42" s="162">
        <v>174967</v>
      </c>
      <c r="IU42" s="321">
        <v>174967</v>
      </c>
      <c r="IV42" s="163">
        <v>0</v>
      </c>
      <c r="IW42" s="161">
        <v>0</v>
      </c>
      <c r="IX42" s="165">
        <v>0</v>
      </c>
      <c r="IY42" s="168">
        <v>0</v>
      </c>
      <c r="IZ42" s="161">
        <v>0</v>
      </c>
      <c r="JA42" s="161">
        <v>0</v>
      </c>
      <c r="JB42" s="161">
        <v>0</v>
      </c>
      <c r="JC42" s="161">
        <v>0</v>
      </c>
      <c r="JD42" s="161">
        <v>0</v>
      </c>
      <c r="JE42" s="165">
        <v>0</v>
      </c>
      <c r="JF42" s="166">
        <v>0</v>
      </c>
      <c r="JG42" s="163">
        <v>0</v>
      </c>
      <c r="JH42" s="161">
        <v>0</v>
      </c>
      <c r="JI42" s="162">
        <v>0</v>
      </c>
      <c r="JJ42" s="164">
        <v>0</v>
      </c>
      <c r="JK42" s="161">
        <v>1165518</v>
      </c>
      <c r="JL42" s="161">
        <v>625310</v>
      </c>
      <c r="JM42" s="161">
        <v>809430</v>
      </c>
      <c r="JN42" s="161">
        <v>0</v>
      </c>
      <c r="JO42" s="161">
        <v>141648</v>
      </c>
      <c r="JP42" s="165">
        <v>2741906</v>
      </c>
      <c r="JQ42" s="321">
        <v>2741906</v>
      </c>
      <c r="JR42" s="163">
        <v>0</v>
      </c>
      <c r="JS42" s="161">
        <v>0</v>
      </c>
      <c r="JT42" s="162">
        <v>0</v>
      </c>
      <c r="JU42" s="164">
        <v>0</v>
      </c>
      <c r="JV42" s="161">
        <v>73650</v>
      </c>
      <c r="JW42" s="161">
        <v>0</v>
      </c>
      <c r="JX42" s="161">
        <v>199409</v>
      </c>
      <c r="JY42" s="161">
        <v>0</v>
      </c>
      <c r="JZ42" s="161">
        <v>249683</v>
      </c>
      <c r="KA42" s="165">
        <v>522742</v>
      </c>
      <c r="KB42" s="321">
        <v>522742</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49459</v>
      </c>
      <c r="KS42" s="161">
        <v>260467</v>
      </c>
      <c r="KT42" s="161">
        <v>536018</v>
      </c>
      <c r="KU42" s="161">
        <v>0</v>
      </c>
      <c r="KV42" s="161">
        <v>0</v>
      </c>
      <c r="KW42" s="165">
        <v>1045944</v>
      </c>
      <c r="KX42" s="321">
        <v>1045944</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497271</v>
      </c>
      <c r="MK42" s="161">
        <v>0</v>
      </c>
      <c r="ML42" s="161">
        <v>3553054</v>
      </c>
      <c r="MM42" s="161">
        <v>2858379</v>
      </c>
      <c r="MN42" s="161">
        <v>2502419</v>
      </c>
      <c r="MO42" s="165">
        <v>9411123</v>
      </c>
      <c r="MP42" s="167">
        <v>9411123</v>
      </c>
      <c r="MQ42" s="163">
        <v>0</v>
      </c>
      <c r="MR42" s="161">
        <v>0</v>
      </c>
      <c r="MS42" s="165">
        <v>0</v>
      </c>
      <c r="MT42" s="169"/>
      <c r="MU42" s="161">
        <v>0</v>
      </c>
      <c r="MV42" s="161">
        <v>0</v>
      </c>
      <c r="MW42" s="161">
        <v>2311749</v>
      </c>
      <c r="MX42" s="161">
        <v>1878721</v>
      </c>
      <c r="MY42" s="161">
        <v>1834440</v>
      </c>
      <c r="MZ42" s="165">
        <v>6024910</v>
      </c>
      <c r="NA42" s="167">
        <v>6024910</v>
      </c>
      <c r="NB42" s="163">
        <v>0</v>
      </c>
      <c r="NC42" s="161">
        <v>0</v>
      </c>
      <c r="ND42" s="165">
        <v>0</v>
      </c>
      <c r="NE42" s="169"/>
      <c r="NF42" s="161">
        <v>497271</v>
      </c>
      <c r="NG42" s="161">
        <v>0</v>
      </c>
      <c r="NH42" s="161">
        <v>1241305</v>
      </c>
      <c r="NI42" s="161">
        <v>615487</v>
      </c>
      <c r="NJ42" s="161">
        <v>330472</v>
      </c>
      <c r="NK42" s="165">
        <v>2684535</v>
      </c>
      <c r="NL42" s="321">
        <v>2684535</v>
      </c>
      <c r="NM42" s="163">
        <v>0</v>
      </c>
      <c r="NN42" s="161">
        <v>0</v>
      </c>
      <c r="NO42" s="165">
        <v>0</v>
      </c>
      <c r="NP42" s="169">
        <v>0</v>
      </c>
      <c r="NQ42" s="161">
        <v>0</v>
      </c>
      <c r="NR42" s="161">
        <v>0</v>
      </c>
      <c r="NS42" s="161">
        <v>0</v>
      </c>
      <c r="NT42" s="161">
        <v>364171</v>
      </c>
      <c r="NU42" s="161">
        <v>0</v>
      </c>
      <c r="NV42" s="165">
        <v>364171</v>
      </c>
      <c r="NW42" s="166">
        <v>364171</v>
      </c>
      <c r="NX42" s="163">
        <v>0</v>
      </c>
      <c r="NY42" s="161">
        <v>0</v>
      </c>
      <c r="NZ42" s="165">
        <v>0</v>
      </c>
      <c r="OA42" s="169"/>
      <c r="OB42" s="161">
        <v>0</v>
      </c>
      <c r="OC42" s="161">
        <v>0</v>
      </c>
      <c r="OD42" s="161">
        <v>0</v>
      </c>
      <c r="OE42" s="161">
        <v>0</v>
      </c>
      <c r="OF42" s="161">
        <v>337507</v>
      </c>
      <c r="OG42" s="165">
        <v>337507</v>
      </c>
      <c r="OH42" s="166">
        <v>337507</v>
      </c>
      <c r="OI42" s="163">
        <v>172720</v>
      </c>
      <c r="OJ42" s="161">
        <v>112970</v>
      </c>
      <c r="OK42" s="162">
        <v>285690</v>
      </c>
      <c r="OL42" s="164">
        <v>0</v>
      </c>
      <c r="OM42" s="161">
        <v>3868638</v>
      </c>
      <c r="ON42" s="161">
        <v>2417908</v>
      </c>
      <c r="OO42" s="161">
        <v>7571127</v>
      </c>
      <c r="OP42" s="161">
        <v>4203738</v>
      </c>
      <c r="OQ42" s="161">
        <v>3826012</v>
      </c>
      <c r="OR42" s="165">
        <v>21887423</v>
      </c>
      <c r="OS42" s="167">
        <v>22173113</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8.4414062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4</v>
      </c>
      <c r="F1" s="246">
        <f>第１表!G2</f>
        <v>11</v>
      </c>
      <c r="G1" s="679">
        <f>IF(F1&lt;3,F1-2+12,F1-2)</f>
        <v>9</v>
      </c>
      <c r="H1" s="679"/>
      <c r="IB1" s="367"/>
      <c r="IC1" s="252"/>
      <c r="ID1" s="649"/>
      <c r="IE1" s="649"/>
    </row>
    <row r="2" spans="1:409" ht="24" customHeight="1" x14ac:dyDescent="0.2">
      <c r="B2" s="20" t="s">
        <v>147</v>
      </c>
      <c r="E2" s="249"/>
      <c r="F2" s="250"/>
      <c r="G2" s="341"/>
      <c r="H2" s="341"/>
      <c r="IB2" s="251"/>
      <c r="IC2" s="252"/>
      <c r="ID2" s="370"/>
      <c r="IE2" s="370"/>
    </row>
    <row r="3" spans="1:409" ht="24" customHeight="1" thickBot="1" x14ac:dyDescent="0.25">
      <c r="B3" s="20" t="s">
        <v>137</v>
      </c>
    </row>
    <row r="4" spans="1:409" ht="21" customHeight="1" thickBot="1" x14ac:dyDescent="0.25">
      <c r="B4" s="709" t="s">
        <v>42</v>
      </c>
      <c r="C4" s="712" t="s">
        <v>63</v>
      </c>
      <c r="D4" s="712"/>
      <c r="E4" s="712"/>
      <c r="F4" s="712"/>
      <c r="G4" s="712"/>
      <c r="H4" s="712"/>
      <c r="I4" s="712"/>
      <c r="J4" s="712"/>
      <c r="K4" s="712"/>
      <c r="L4" s="712"/>
      <c r="M4" s="712"/>
      <c r="N4" s="715"/>
      <c r="O4" s="715"/>
      <c r="P4" s="715"/>
      <c r="Q4" s="715"/>
      <c r="R4" s="715"/>
      <c r="S4" s="715"/>
      <c r="T4" s="715"/>
      <c r="U4" s="715"/>
      <c r="V4" s="715"/>
      <c r="W4" s="715"/>
      <c r="X4" s="715"/>
      <c r="Y4" s="715"/>
      <c r="Z4" s="715"/>
      <c r="AA4" s="715"/>
      <c r="AB4" s="715"/>
      <c r="AC4" s="715"/>
      <c r="AD4" s="715"/>
      <c r="AE4" s="715"/>
      <c r="AF4" s="715"/>
      <c r="AG4" s="715"/>
      <c r="AH4" s="715"/>
      <c r="AI4" s="715"/>
      <c r="AJ4" s="715"/>
      <c r="AK4" s="715"/>
      <c r="AL4" s="715"/>
      <c r="AM4" s="715"/>
      <c r="AN4" s="715"/>
      <c r="AO4" s="715"/>
      <c r="AP4" s="715"/>
      <c r="AQ4" s="715"/>
      <c r="AR4" s="715"/>
      <c r="AS4" s="715"/>
      <c r="AT4" s="715"/>
      <c r="AU4" s="715"/>
      <c r="AV4" s="715"/>
      <c r="AW4" s="715"/>
      <c r="AX4" s="715"/>
      <c r="AY4" s="715"/>
      <c r="AZ4" s="715"/>
      <c r="BA4" s="715"/>
      <c r="BB4" s="715"/>
      <c r="BC4" s="715"/>
      <c r="BD4" s="715"/>
      <c r="BE4" s="715"/>
      <c r="BF4" s="715"/>
      <c r="BG4" s="715"/>
      <c r="BH4" s="715"/>
      <c r="BI4" s="715"/>
      <c r="BJ4" s="715"/>
      <c r="BK4" s="715"/>
      <c r="BL4" s="715"/>
      <c r="BM4" s="715"/>
      <c r="BN4" s="715"/>
      <c r="BO4" s="715"/>
      <c r="BP4" s="715"/>
      <c r="BQ4" s="715"/>
      <c r="BR4" s="715"/>
      <c r="BS4" s="715"/>
      <c r="BT4" s="715"/>
      <c r="BU4" s="715"/>
      <c r="BV4" s="715"/>
      <c r="BW4" s="715"/>
      <c r="BX4" s="715"/>
      <c r="BY4" s="715"/>
      <c r="BZ4" s="715"/>
      <c r="CA4" s="715"/>
      <c r="CB4" s="715"/>
      <c r="CC4" s="715"/>
      <c r="CD4" s="715"/>
      <c r="CE4" s="715"/>
      <c r="CF4" s="715"/>
      <c r="CG4" s="715"/>
      <c r="CH4" s="715"/>
      <c r="CI4" s="715"/>
      <c r="CJ4" s="715"/>
      <c r="CK4" s="715"/>
      <c r="CL4" s="715"/>
      <c r="CM4" s="715"/>
      <c r="CN4" s="715"/>
      <c r="CO4" s="715"/>
      <c r="CP4" s="715"/>
      <c r="CQ4" s="715"/>
      <c r="CR4" s="715"/>
      <c r="CS4" s="715"/>
      <c r="CT4" s="715"/>
      <c r="CU4" s="715"/>
      <c r="CV4" s="715"/>
      <c r="CW4" s="715"/>
      <c r="CX4" s="715"/>
      <c r="CY4" s="715"/>
      <c r="CZ4" s="715"/>
      <c r="DA4" s="715"/>
      <c r="DB4" s="715"/>
      <c r="DC4" s="715"/>
      <c r="DD4" s="715"/>
      <c r="DE4" s="715"/>
      <c r="DF4" s="715"/>
      <c r="DG4" s="715"/>
      <c r="DH4" s="715"/>
      <c r="DI4" s="715"/>
      <c r="DJ4" s="715"/>
      <c r="DK4" s="715"/>
      <c r="DL4" s="715"/>
      <c r="DM4" s="715"/>
      <c r="DN4" s="715"/>
      <c r="DO4" s="715"/>
      <c r="DP4" s="715"/>
      <c r="DQ4" s="715"/>
      <c r="DR4" s="715"/>
      <c r="DS4" s="715"/>
      <c r="DT4" s="715"/>
      <c r="DU4" s="715"/>
      <c r="DV4" s="715"/>
      <c r="DW4" s="715"/>
      <c r="DX4" s="715"/>
      <c r="DY4" s="715"/>
      <c r="DZ4" s="715"/>
      <c r="EA4" s="715"/>
      <c r="EB4" s="715"/>
      <c r="EC4" s="715"/>
      <c r="ED4" s="715"/>
      <c r="EE4" s="715"/>
      <c r="EF4" s="715"/>
      <c r="EG4" s="715"/>
      <c r="EH4" s="715"/>
      <c r="EI4" s="715"/>
      <c r="EJ4" s="715"/>
      <c r="EK4" s="715"/>
      <c r="EL4" s="715"/>
      <c r="EM4" s="715"/>
      <c r="EN4" s="715"/>
      <c r="EO4" s="715"/>
      <c r="EP4" s="715"/>
      <c r="EQ4" s="715"/>
      <c r="ER4" s="715"/>
      <c r="ES4" s="715"/>
      <c r="ET4" s="715"/>
      <c r="EU4" s="715"/>
      <c r="EV4" s="715"/>
      <c r="EW4" s="715"/>
      <c r="EX4" s="715"/>
      <c r="EY4" s="715"/>
      <c r="EZ4" s="715"/>
      <c r="FA4" s="715"/>
      <c r="FB4" s="715"/>
      <c r="FC4" s="715"/>
      <c r="FD4" s="715"/>
      <c r="FE4" s="715"/>
      <c r="FF4" s="715"/>
      <c r="FG4" s="715"/>
      <c r="FH4" s="715"/>
      <c r="FI4" s="715"/>
      <c r="FJ4" s="715"/>
      <c r="FK4" s="715"/>
      <c r="FL4" s="715"/>
      <c r="FM4" s="715"/>
      <c r="FN4" s="715"/>
      <c r="FO4" s="715"/>
      <c r="FP4" s="715"/>
      <c r="FQ4" s="715"/>
      <c r="FR4" s="715"/>
      <c r="FS4" s="715"/>
      <c r="FT4" s="715"/>
      <c r="FU4" s="715"/>
      <c r="FV4" s="715"/>
      <c r="FW4" s="715"/>
      <c r="FX4" s="715"/>
      <c r="FY4" s="715"/>
      <c r="FZ4" s="715"/>
      <c r="GA4" s="715"/>
      <c r="GB4" s="715"/>
      <c r="GC4" s="715"/>
      <c r="GD4" s="715"/>
      <c r="GE4" s="715"/>
      <c r="GF4" s="715"/>
      <c r="GG4" s="715"/>
      <c r="GH4" s="715"/>
      <c r="GI4" s="715"/>
      <c r="GJ4" s="715"/>
      <c r="GK4" s="715"/>
      <c r="GL4" s="715"/>
      <c r="GM4" s="715"/>
      <c r="GN4" s="715"/>
      <c r="GO4" s="715"/>
      <c r="GP4" s="715"/>
      <c r="GQ4" s="715"/>
      <c r="GR4" s="715"/>
      <c r="GS4" s="715"/>
      <c r="GT4" s="715"/>
      <c r="GU4" s="715"/>
      <c r="GV4" s="715"/>
      <c r="GW4" s="715"/>
      <c r="GX4" s="715"/>
      <c r="GY4" s="715"/>
      <c r="GZ4" s="715"/>
      <c r="HA4" s="715"/>
      <c r="HB4" s="715"/>
      <c r="HC4" s="715"/>
      <c r="HD4" s="715"/>
      <c r="HE4" s="715"/>
      <c r="HF4" s="715"/>
      <c r="HG4" s="715"/>
      <c r="HH4" s="715"/>
      <c r="HI4" s="715"/>
      <c r="HJ4" s="715"/>
      <c r="HK4" s="715"/>
      <c r="HL4" s="715"/>
      <c r="HM4" s="715"/>
      <c r="HN4" s="715"/>
      <c r="HO4" s="715"/>
      <c r="HP4" s="715"/>
      <c r="HQ4" s="715"/>
      <c r="HR4" s="715"/>
      <c r="HS4" s="715"/>
      <c r="HT4" s="715"/>
      <c r="HU4" s="715"/>
      <c r="HV4" s="715"/>
      <c r="HW4" s="715"/>
      <c r="HX4" s="715"/>
      <c r="HY4" s="716"/>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710"/>
      <c r="C5" s="713"/>
      <c r="D5" s="713"/>
      <c r="E5" s="713"/>
      <c r="F5" s="713"/>
      <c r="G5" s="713"/>
      <c r="H5" s="713"/>
      <c r="I5" s="713"/>
      <c r="J5" s="713"/>
      <c r="K5" s="713"/>
      <c r="L5" s="713"/>
      <c r="M5" s="713"/>
      <c r="N5" s="717" t="s">
        <v>64</v>
      </c>
      <c r="O5" s="718"/>
      <c r="P5" s="718"/>
      <c r="Q5" s="718"/>
      <c r="R5" s="718"/>
      <c r="S5" s="718"/>
      <c r="T5" s="718"/>
      <c r="U5" s="718"/>
      <c r="V5" s="718"/>
      <c r="W5" s="718"/>
      <c r="X5" s="718"/>
      <c r="Y5" s="718"/>
      <c r="Z5" s="718"/>
      <c r="AA5" s="718"/>
      <c r="AB5" s="718"/>
      <c r="AC5" s="718"/>
      <c r="AD5" s="718"/>
      <c r="AE5" s="718"/>
      <c r="AF5" s="718"/>
      <c r="AG5" s="718"/>
      <c r="AH5" s="718"/>
      <c r="AI5" s="718"/>
      <c r="AJ5" s="718"/>
      <c r="AK5" s="718"/>
      <c r="AL5" s="718"/>
      <c r="AM5" s="718"/>
      <c r="AN5" s="718"/>
      <c r="AO5" s="718"/>
      <c r="AP5" s="718"/>
      <c r="AQ5" s="718"/>
      <c r="AR5" s="718"/>
      <c r="AS5" s="718"/>
      <c r="AT5" s="718"/>
      <c r="AU5" s="718"/>
      <c r="AV5" s="718"/>
      <c r="AW5" s="718"/>
      <c r="AX5" s="718"/>
      <c r="AY5" s="718"/>
      <c r="AZ5" s="718"/>
      <c r="BA5" s="718"/>
      <c r="BB5" s="718"/>
      <c r="BC5" s="718"/>
      <c r="BD5" s="718"/>
      <c r="BE5" s="718"/>
      <c r="BF5" s="718"/>
      <c r="BG5" s="718"/>
      <c r="BH5" s="718"/>
      <c r="BI5" s="718"/>
      <c r="BJ5" s="718"/>
      <c r="BK5" s="718"/>
      <c r="BL5" s="718"/>
      <c r="BM5" s="718"/>
      <c r="BN5" s="718"/>
      <c r="BO5" s="718"/>
      <c r="BP5" s="718"/>
      <c r="BQ5" s="718"/>
      <c r="BR5" s="718"/>
      <c r="BS5" s="718"/>
      <c r="BT5" s="718"/>
      <c r="BU5" s="718"/>
      <c r="BV5" s="718"/>
      <c r="BW5" s="718"/>
      <c r="BX5" s="718"/>
      <c r="BY5" s="718"/>
      <c r="BZ5" s="718"/>
      <c r="CA5" s="719"/>
      <c r="CB5" s="717" t="s">
        <v>65</v>
      </c>
      <c r="CC5" s="718"/>
      <c r="CD5" s="718"/>
      <c r="CE5" s="718"/>
      <c r="CF5" s="718"/>
      <c r="CG5" s="718"/>
      <c r="CH5" s="718"/>
      <c r="CI5" s="718"/>
      <c r="CJ5" s="718"/>
      <c r="CK5" s="718"/>
      <c r="CL5" s="718"/>
      <c r="CM5" s="718"/>
      <c r="CN5" s="718"/>
      <c r="CO5" s="718"/>
      <c r="CP5" s="718"/>
      <c r="CQ5" s="718"/>
      <c r="CR5" s="718"/>
      <c r="CS5" s="718"/>
      <c r="CT5" s="718"/>
      <c r="CU5" s="718"/>
      <c r="CV5" s="718"/>
      <c r="CW5" s="718"/>
      <c r="CX5" s="718"/>
      <c r="CY5" s="718"/>
      <c r="CZ5" s="718"/>
      <c r="DA5" s="718"/>
      <c r="DB5" s="718"/>
      <c r="DC5" s="718"/>
      <c r="DD5" s="718"/>
      <c r="DE5" s="718"/>
      <c r="DF5" s="718"/>
      <c r="DG5" s="718"/>
      <c r="DH5" s="719"/>
      <c r="DI5" s="521" t="s">
        <v>66</v>
      </c>
      <c r="DJ5" s="522"/>
      <c r="DK5" s="522"/>
      <c r="DL5" s="522"/>
      <c r="DM5" s="522"/>
      <c r="DN5" s="522"/>
      <c r="DO5" s="522"/>
      <c r="DP5" s="522"/>
      <c r="DQ5" s="522"/>
      <c r="DR5" s="522"/>
      <c r="DS5" s="522"/>
      <c r="DT5" s="522"/>
      <c r="DU5" s="522"/>
      <c r="DV5" s="522"/>
      <c r="DW5" s="522"/>
      <c r="DX5" s="522"/>
      <c r="DY5" s="522"/>
      <c r="DZ5" s="522"/>
      <c r="EA5" s="522"/>
      <c r="EB5" s="522"/>
      <c r="EC5" s="522"/>
      <c r="ED5" s="522"/>
      <c r="EE5" s="522"/>
      <c r="EF5" s="522"/>
      <c r="EG5" s="522"/>
      <c r="EH5" s="522"/>
      <c r="EI5" s="522"/>
      <c r="EJ5" s="522"/>
      <c r="EK5" s="522"/>
      <c r="EL5" s="522"/>
      <c r="EM5" s="522"/>
      <c r="EN5" s="522"/>
      <c r="EO5" s="522"/>
      <c r="EP5" s="522"/>
      <c r="EQ5" s="522"/>
      <c r="ER5" s="522"/>
      <c r="ES5" s="522"/>
      <c r="ET5" s="522"/>
      <c r="EU5" s="522"/>
      <c r="EV5" s="522"/>
      <c r="EW5" s="522"/>
      <c r="EX5" s="522"/>
      <c r="EY5" s="522"/>
      <c r="EZ5" s="522"/>
      <c r="FA5" s="522"/>
      <c r="FB5" s="522"/>
      <c r="FC5" s="522"/>
      <c r="FD5" s="522"/>
      <c r="FE5" s="522"/>
      <c r="FF5" s="522"/>
      <c r="FG5" s="522"/>
      <c r="FH5" s="522"/>
      <c r="FI5" s="522"/>
      <c r="FJ5" s="522"/>
      <c r="FK5" s="523"/>
      <c r="FL5" s="717" t="s">
        <v>67</v>
      </c>
      <c r="FM5" s="718"/>
      <c r="FN5" s="718"/>
      <c r="FO5" s="718"/>
      <c r="FP5" s="718"/>
      <c r="FQ5" s="718"/>
      <c r="FR5" s="718"/>
      <c r="FS5" s="718"/>
      <c r="FT5" s="718"/>
      <c r="FU5" s="718"/>
      <c r="FV5" s="718"/>
      <c r="FW5" s="718"/>
      <c r="FX5" s="718"/>
      <c r="FY5" s="718"/>
      <c r="FZ5" s="718"/>
      <c r="GA5" s="718"/>
      <c r="GB5" s="718"/>
      <c r="GC5" s="718"/>
      <c r="GD5" s="718"/>
      <c r="GE5" s="718"/>
      <c r="GF5" s="718"/>
      <c r="GG5" s="718"/>
      <c r="GH5" s="718"/>
      <c r="GI5" s="718"/>
      <c r="GJ5" s="718"/>
      <c r="GK5" s="718"/>
      <c r="GL5" s="718"/>
      <c r="GM5" s="718"/>
      <c r="GN5" s="718"/>
      <c r="GO5" s="718"/>
      <c r="GP5" s="718"/>
      <c r="GQ5" s="718"/>
      <c r="GR5" s="718"/>
      <c r="GS5" s="718"/>
      <c r="GT5" s="718"/>
      <c r="GU5" s="718"/>
      <c r="GV5" s="718"/>
      <c r="GW5" s="718"/>
      <c r="GX5" s="718"/>
      <c r="GY5" s="718"/>
      <c r="GZ5" s="718"/>
      <c r="HA5" s="718"/>
      <c r="HB5" s="718"/>
      <c r="HC5" s="719"/>
      <c r="HD5" s="720" t="s">
        <v>68</v>
      </c>
      <c r="HE5" s="721"/>
      <c r="HF5" s="721"/>
      <c r="HG5" s="721"/>
      <c r="HH5" s="721"/>
      <c r="HI5" s="721"/>
      <c r="HJ5" s="721"/>
      <c r="HK5" s="721"/>
      <c r="HL5" s="721"/>
      <c r="HM5" s="721"/>
      <c r="HN5" s="722"/>
      <c r="HO5" s="720" t="s">
        <v>69</v>
      </c>
      <c r="HP5" s="721"/>
      <c r="HQ5" s="721"/>
      <c r="HR5" s="721"/>
      <c r="HS5" s="721"/>
      <c r="HT5" s="721"/>
      <c r="HU5" s="721"/>
      <c r="HV5" s="721"/>
      <c r="HW5" s="721"/>
      <c r="HX5" s="721"/>
      <c r="HY5" s="7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710"/>
      <c r="C6" s="714"/>
      <c r="D6" s="714"/>
      <c r="E6" s="714"/>
      <c r="F6" s="714"/>
      <c r="G6" s="714"/>
      <c r="H6" s="714"/>
      <c r="I6" s="714"/>
      <c r="J6" s="714"/>
      <c r="K6" s="714"/>
      <c r="L6" s="714"/>
      <c r="M6" s="714"/>
      <c r="N6" s="513"/>
      <c r="O6" s="514"/>
      <c r="P6" s="514"/>
      <c r="Q6" s="514"/>
      <c r="R6" s="514"/>
      <c r="S6" s="514"/>
      <c r="T6" s="514"/>
      <c r="U6" s="514"/>
      <c r="V6" s="514"/>
      <c r="W6" s="514"/>
      <c r="X6" s="515"/>
      <c r="Y6" s="702" t="s">
        <v>70</v>
      </c>
      <c r="Z6" s="517"/>
      <c r="AA6" s="517"/>
      <c r="AB6" s="517"/>
      <c r="AC6" s="517"/>
      <c r="AD6" s="517"/>
      <c r="AE6" s="517"/>
      <c r="AF6" s="517"/>
      <c r="AG6" s="517"/>
      <c r="AH6" s="517"/>
      <c r="AI6" s="518"/>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0"/>
      <c r="CC6" s="701"/>
      <c r="CD6" s="701"/>
      <c r="CE6" s="701"/>
      <c r="CF6" s="701"/>
      <c r="CG6" s="701"/>
      <c r="CH6" s="701"/>
      <c r="CI6" s="701"/>
      <c r="CJ6" s="701"/>
      <c r="CK6" s="701"/>
      <c r="CL6" s="726"/>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0"/>
      <c r="DJ6" s="701"/>
      <c r="DK6" s="701"/>
      <c r="DL6" s="701"/>
      <c r="DM6" s="701"/>
      <c r="DN6" s="701"/>
      <c r="DO6" s="701"/>
      <c r="DP6" s="701"/>
      <c r="DQ6" s="701"/>
      <c r="DR6" s="701"/>
      <c r="DS6" s="701"/>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19" t="s">
        <v>152</v>
      </c>
      <c r="FB6" s="698"/>
      <c r="FC6" s="698"/>
      <c r="FD6" s="698"/>
      <c r="FE6" s="698"/>
      <c r="FF6" s="698"/>
      <c r="FG6" s="698"/>
      <c r="FH6" s="698"/>
      <c r="FI6" s="698"/>
      <c r="FJ6" s="698"/>
      <c r="FK6" s="699"/>
      <c r="FL6" s="700"/>
      <c r="FM6" s="701"/>
      <c r="FN6" s="701"/>
      <c r="FO6" s="701"/>
      <c r="FP6" s="701"/>
      <c r="FQ6" s="701"/>
      <c r="FR6" s="701"/>
      <c r="FS6" s="701"/>
      <c r="FT6" s="701"/>
      <c r="FU6" s="701"/>
      <c r="FV6" s="701"/>
      <c r="FW6" s="697" t="s">
        <v>80</v>
      </c>
      <c r="FX6" s="698"/>
      <c r="FY6" s="698"/>
      <c r="FZ6" s="698"/>
      <c r="GA6" s="698"/>
      <c r="GB6" s="698"/>
      <c r="GC6" s="698"/>
      <c r="GD6" s="698"/>
      <c r="GE6" s="698"/>
      <c r="GF6" s="698"/>
      <c r="GG6" s="699"/>
      <c r="GH6" s="702" t="s">
        <v>81</v>
      </c>
      <c r="GI6" s="517"/>
      <c r="GJ6" s="517"/>
      <c r="GK6" s="517"/>
      <c r="GL6" s="517"/>
      <c r="GM6" s="517"/>
      <c r="GN6" s="517"/>
      <c r="GO6" s="517"/>
      <c r="GP6" s="517"/>
      <c r="GQ6" s="517"/>
      <c r="GR6" s="518"/>
      <c r="GS6" s="702" t="s">
        <v>82</v>
      </c>
      <c r="GT6" s="517"/>
      <c r="GU6" s="517"/>
      <c r="GV6" s="517"/>
      <c r="GW6" s="517"/>
      <c r="GX6" s="517"/>
      <c r="GY6" s="517"/>
      <c r="GZ6" s="517"/>
      <c r="HA6" s="517"/>
      <c r="HB6" s="517"/>
      <c r="HC6" s="518"/>
      <c r="HD6" s="723"/>
      <c r="HE6" s="724"/>
      <c r="HF6" s="724"/>
      <c r="HG6" s="724"/>
      <c r="HH6" s="724"/>
      <c r="HI6" s="724"/>
      <c r="HJ6" s="724"/>
      <c r="HK6" s="724"/>
      <c r="HL6" s="724"/>
      <c r="HM6" s="724"/>
      <c r="HN6" s="725"/>
      <c r="HO6" s="723"/>
      <c r="HP6" s="724"/>
      <c r="HQ6" s="724"/>
      <c r="HR6" s="724"/>
      <c r="HS6" s="724"/>
      <c r="HT6" s="724"/>
      <c r="HU6" s="724"/>
      <c r="HV6" s="724"/>
      <c r="HW6" s="724"/>
      <c r="HX6" s="724"/>
      <c r="HY6" s="725"/>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710"/>
      <c r="C7" s="695" t="s">
        <v>61</v>
      </c>
      <c r="D7" s="695"/>
      <c r="E7" s="695"/>
      <c r="F7" s="707" t="s">
        <v>62</v>
      </c>
      <c r="G7" s="695"/>
      <c r="H7" s="695"/>
      <c r="I7" s="695"/>
      <c r="J7" s="695"/>
      <c r="K7" s="695"/>
      <c r="L7" s="695"/>
      <c r="M7" s="707" t="s">
        <v>52</v>
      </c>
      <c r="N7" s="706" t="s">
        <v>61</v>
      </c>
      <c r="O7" s="695"/>
      <c r="P7" s="695"/>
      <c r="Q7" s="707" t="s">
        <v>62</v>
      </c>
      <c r="R7" s="695"/>
      <c r="S7" s="695"/>
      <c r="T7" s="695"/>
      <c r="U7" s="695"/>
      <c r="V7" s="695"/>
      <c r="W7" s="708"/>
      <c r="X7" s="703" t="s">
        <v>52</v>
      </c>
      <c r="Y7" s="513" t="s">
        <v>61</v>
      </c>
      <c r="Z7" s="514"/>
      <c r="AA7" s="689"/>
      <c r="AB7" s="688" t="s">
        <v>62</v>
      </c>
      <c r="AC7" s="514"/>
      <c r="AD7" s="514"/>
      <c r="AE7" s="514"/>
      <c r="AF7" s="514"/>
      <c r="AG7" s="514"/>
      <c r="AH7" s="689"/>
      <c r="AI7" s="515" t="s">
        <v>52</v>
      </c>
      <c r="AJ7" s="683" t="s">
        <v>61</v>
      </c>
      <c r="AK7" s="684"/>
      <c r="AL7" s="685"/>
      <c r="AM7" s="686" t="s">
        <v>62</v>
      </c>
      <c r="AN7" s="684"/>
      <c r="AO7" s="684"/>
      <c r="AP7" s="684"/>
      <c r="AQ7" s="684"/>
      <c r="AR7" s="684"/>
      <c r="AS7" s="687"/>
      <c r="AT7" s="515" t="s">
        <v>52</v>
      </c>
      <c r="AU7" s="683" t="s">
        <v>61</v>
      </c>
      <c r="AV7" s="684"/>
      <c r="AW7" s="685"/>
      <c r="AX7" s="686" t="s">
        <v>62</v>
      </c>
      <c r="AY7" s="684"/>
      <c r="AZ7" s="684"/>
      <c r="BA7" s="684"/>
      <c r="BB7" s="684"/>
      <c r="BC7" s="684"/>
      <c r="BD7" s="687"/>
      <c r="BE7" s="515" t="s">
        <v>52</v>
      </c>
      <c r="BF7" s="683" t="s">
        <v>61</v>
      </c>
      <c r="BG7" s="684"/>
      <c r="BH7" s="685"/>
      <c r="BI7" s="686" t="s">
        <v>62</v>
      </c>
      <c r="BJ7" s="684"/>
      <c r="BK7" s="684"/>
      <c r="BL7" s="684"/>
      <c r="BM7" s="684"/>
      <c r="BN7" s="684"/>
      <c r="BO7" s="687"/>
      <c r="BP7" s="515" t="s">
        <v>52</v>
      </c>
      <c r="BQ7" s="683" t="s">
        <v>61</v>
      </c>
      <c r="BR7" s="684"/>
      <c r="BS7" s="685"/>
      <c r="BT7" s="686" t="s">
        <v>62</v>
      </c>
      <c r="BU7" s="684"/>
      <c r="BV7" s="684"/>
      <c r="BW7" s="684"/>
      <c r="BX7" s="684"/>
      <c r="BY7" s="684"/>
      <c r="BZ7" s="687"/>
      <c r="CA7" s="515" t="s">
        <v>52</v>
      </c>
      <c r="CB7" s="690" t="s">
        <v>61</v>
      </c>
      <c r="CC7" s="691"/>
      <c r="CD7" s="692"/>
      <c r="CE7" s="693" t="s">
        <v>62</v>
      </c>
      <c r="CF7" s="691"/>
      <c r="CG7" s="691"/>
      <c r="CH7" s="691"/>
      <c r="CI7" s="691"/>
      <c r="CJ7" s="691"/>
      <c r="CK7" s="694"/>
      <c r="CL7" s="703" t="s">
        <v>52</v>
      </c>
      <c r="CM7" s="683" t="s">
        <v>61</v>
      </c>
      <c r="CN7" s="684"/>
      <c r="CO7" s="687"/>
      <c r="CP7" s="686" t="s">
        <v>62</v>
      </c>
      <c r="CQ7" s="684"/>
      <c r="CR7" s="684"/>
      <c r="CS7" s="684"/>
      <c r="CT7" s="684"/>
      <c r="CU7" s="684"/>
      <c r="CV7" s="687"/>
      <c r="CW7" s="705" t="s">
        <v>52</v>
      </c>
      <c r="CX7" s="683" t="s">
        <v>61</v>
      </c>
      <c r="CY7" s="684"/>
      <c r="CZ7" s="687"/>
      <c r="DA7" s="686" t="s">
        <v>62</v>
      </c>
      <c r="DB7" s="684"/>
      <c r="DC7" s="684"/>
      <c r="DD7" s="684"/>
      <c r="DE7" s="684"/>
      <c r="DF7" s="684"/>
      <c r="DG7" s="687"/>
      <c r="DH7" s="705" t="s">
        <v>52</v>
      </c>
      <c r="DI7" s="690" t="s">
        <v>61</v>
      </c>
      <c r="DJ7" s="691"/>
      <c r="DK7" s="694"/>
      <c r="DL7" s="693" t="s">
        <v>62</v>
      </c>
      <c r="DM7" s="691"/>
      <c r="DN7" s="691"/>
      <c r="DO7" s="691"/>
      <c r="DP7" s="691"/>
      <c r="DQ7" s="691"/>
      <c r="DR7" s="694"/>
      <c r="DS7" s="703" t="s">
        <v>52</v>
      </c>
      <c r="DT7" s="683" t="s">
        <v>61</v>
      </c>
      <c r="DU7" s="684"/>
      <c r="DV7" s="685"/>
      <c r="DW7" s="686" t="s">
        <v>62</v>
      </c>
      <c r="DX7" s="684"/>
      <c r="DY7" s="684"/>
      <c r="DZ7" s="684"/>
      <c r="EA7" s="684"/>
      <c r="EB7" s="684"/>
      <c r="EC7" s="687"/>
      <c r="ED7" s="515" t="s">
        <v>52</v>
      </c>
      <c r="EE7" s="683" t="s">
        <v>61</v>
      </c>
      <c r="EF7" s="684"/>
      <c r="EG7" s="685"/>
      <c r="EH7" s="686" t="s">
        <v>62</v>
      </c>
      <c r="EI7" s="684"/>
      <c r="EJ7" s="684"/>
      <c r="EK7" s="684"/>
      <c r="EL7" s="684"/>
      <c r="EM7" s="684"/>
      <c r="EN7" s="687"/>
      <c r="EO7" s="515" t="s">
        <v>52</v>
      </c>
      <c r="EP7" s="683" t="s">
        <v>61</v>
      </c>
      <c r="EQ7" s="684"/>
      <c r="ER7" s="685"/>
      <c r="ES7" s="686" t="s">
        <v>62</v>
      </c>
      <c r="ET7" s="684"/>
      <c r="EU7" s="684"/>
      <c r="EV7" s="684"/>
      <c r="EW7" s="684"/>
      <c r="EX7" s="684"/>
      <c r="EY7" s="687"/>
      <c r="EZ7" s="515" t="s">
        <v>52</v>
      </c>
      <c r="FA7" s="683" t="s">
        <v>61</v>
      </c>
      <c r="FB7" s="684"/>
      <c r="FC7" s="685"/>
      <c r="FD7" s="686" t="s">
        <v>62</v>
      </c>
      <c r="FE7" s="684"/>
      <c r="FF7" s="684"/>
      <c r="FG7" s="684"/>
      <c r="FH7" s="684"/>
      <c r="FI7" s="684"/>
      <c r="FJ7" s="687"/>
      <c r="FK7" s="515" t="s">
        <v>52</v>
      </c>
      <c r="FL7" s="690" t="s">
        <v>61</v>
      </c>
      <c r="FM7" s="691"/>
      <c r="FN7" s="692"/>
      <c r="FO7" s="693" t="s">
        <v>62</v>
      </c>
      <c r="FP7" s="691"/>
      <c r="FQ7" s="691"/>
      <c r="FR7" s="691"/>
      <c r="FS7" s="691"/>
      <c r="FT7" s="691"/>
      <c r="FU7" s="694"/>
      <c r="FV7" s="695" t="s">
        <v>52</v>
      </c>
      <c r="FW7" s="683" t="s">
        <v>61</v>
      </c>
      <c r="FX7" s="684"/>
      <c r="FY7" s="685"/>
      <c r="FZ7" s="686" t="s">
        <v>62</v>
      </c>
      <c r="GA7" s="684"/>
      <c r="GB7" s="684"/>
      <c r="GC7" s="684"/>
      <c r="GD7" s="684"/>
      <c r="GE7" s="684"/>
      <c r="GF7" s="687"/>
      <c r="GG7" s="515" t="s">
        <v>52</v>
      </c>
      <c r="GH7" s="513" t="s">
        <v>61</v>
      </c>
      <c r="GI7" s="514"/>
      <c r="GJ7" s="514"/>
      <c r="GK7" s="688" t="s">
        <v>62</v>
      </c>
      <c r="GL7" s="514"/>
      <c r="GM7" s="514"/>
      <c r="GN7" s="514"/>
      <c r="GO7" s="514"/>
      <c r="GP7" s="514"/>
      <c r="GQ7" s="689"/>
      <c r="GR7" s="681" t="s">
        <v>52</v>
      </c>
      <c r="GS7" s="513" t="s">
        <v>61</v>
      </c>
      <c r="GT7" s="514"/>
      <c r="GU7" s="689"/>
      <c r="GV7" s="688" t="s">
        <v>62</v>
      </c>
      <c r="GW7" s="514"/>
      <c r="GX7" s="514"/>
      <c r="GY7" s="514"/>
      <c r="GZ7" s="514"/>
      <c r="HA7" s="514"/>
      <c r="HB7" s="689"/>
      <c r="HC7" s="681" t="s">
        <v>52</v>
      </c>
      <c r="HD7" s="683" t="s">
        <v>61</v>
      </c>
      <c r="HE7" s="684"/>
      <c r="HF7" s="685"/>
      <c r="HG7" s="686" t="s">
        <v>62</v>
      </c>
      <c r="HH7" s="684"/>
      <c r="HI7" s="684"/>
      <c r="HJ7" s="684"/>
      <c r="HK7" s="684"/>
      <c r="HL7" s="684"/>
      <c r="HM7" s="687"/>
      <c r="HN7" s="515" t="s">
        <v>52</v>
      </c>
      <c r="HO7" s="683" t="s">
        <v>61</v>
      </c>
      <c r="HP7" s="684"/>
      <c r="HQ7" s="685"/>
      <c r="HR7" s="686" t="s">
        <v>62</v>
      </c>
      <c r="HS7" s="684"/>
      <c r="HT7" s="684"/>
      <c r="HU7" s="684"/>
      <c r="HV7" s="684"/>
      <c r="HW7" s="684"/>
      <c r="HX7" s="687"/>
      <c r="HY7" s="515"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711"/>
      <c r="C8" s="325" t="s">
        <v>43</v>
      </c>
      <c r="D8" s="47" t="s">
        <v>44</v>
      </c>
      <c r="E8" s="326" t="s">
        <v>45</v>
      </c>
      <c r="F8" s="52" t="s">
        <v>83</v>
      </c>
      <c r="G8" s="47" t="s">
        <v>47</v>
      </c>
      <c r="H8" s="47" t="s">
        <v>48</v>
      </c>
      <c r="I8" s="47" t="s">
        <v>49</v>
      </c>
      <c r="J8" s="47" t="s">
        <v>50</v>
      </c>
      <c r="K8" s="47" t="s">
        <v>51</v>
      </c>
      <c r="L8" s="48" t="s">
        <v>45</v>
      </c>
      <c r="M8" s="727"/>
      <c r="N8" s="51" t="s">
        <v>43</v>
      </c>
      <c r="O8" s="47" t="s">
        <v>44</v>
      </c>
      <c r="P8" s="48" t="s">
        <v>45</v>
      </c>
      <c r="Q8" s="52" t="s">
        <v>83</v>
      </c>
      <c r="R8" s="47" t="s">
        <v>47</v>
      </c>
      <c r="S8" s="47" t="s">
        <v>48</v>
      </c>
      <c r="T8" s="47" t="s">
        <v>49</v>
      </c>
      <c r="U8" s="47" t="s">
        <v>50</v>
      </c>
      <c r="V8" s="47" t="s">
        <v>51</v>
      </c>
      <c r="W8" s="48" t="s">
        <v>45</v>
      </c>
      <c r="X8" s="704"/>
      <c r="Y8" s="51" t="s">
        <v>43</v>
      </c>
      <c r="Z8" s="47" t="s">
        <v>44</v>
      </c>
      <c r="AA8" s="48" t="s">
        <v>45</v>
      </c>
      <c r="AB8" s="52" t="s">
        <v>83</v>
      </c>
      <c r="AC8" s="47" t="s">
        <v>47</v>
      </c>
      <c r="AD8" s="47" t="s">
        <v>48</v>
      </c>
      <c r="AE8" s="47" t="s">
        <v>49</v>
      </c>
      <c r="AF8" s="47" t="s">
        <v>50</v>
      </c>
      <c r="AG8" s="47" t="s">
        <v>51</v>
      </c>
      <c r="AH8" s="48" t="s">
        <v>45</v>
      </c>
      <c r="AI8" s="680"/>
      <c r="AJ8" s="51" t="s">
        <v>43</v>
      </c>
      <c r="AK8" s="47" t="s">
        <v>44</v>
      </c>
      <c r="AL8" s="326" t="s">
        <v>45</v>
      </c>
      <c r="AM8" s="52" t="s">
        <v>83</v>
      </c>
      <c r="AN8" s="47" t="s">
        <v>47</v>
      </c>
      <c r="AO8" s="47" t="s">
        <v>48</v>
      </c>
      <c r="AP8" s="47" t="s">
        <v>49</v>
      </c>
      <c r="AQ8" s="47" t="s">
        <v>50</v>
      </c>
      <c r="AR8" s="47" t="s">
        <v>51</v>
      </c>
      <c r="AS8" s="48" t="s">
        <v>45</v>
      </c>
      <c r="AT8" s="680"/>
      <c r="AU8" s="51" t="s">
        <v>43</v>
      </c>
      <c r="AV8" s="47" t="s">
        <v>44</v>
      </c>
      <c r="AW8" s="326" t="s">
        <v>45</v>
      </c>
      <c r="AX8" s="52" t="s">
        <v>83</v>
      </c>
      <c r="AY8" s="47" t="s">
        <v>47</v>
      </c>
      <c r="AZ8" s="47" t="s">
        <v>48</v>
      </c>
      <c r="BA8" s="47" t="s">
        <v>49</v>
      </c>
      <c r="BB8" s="47" t="s">
        <v>50</v>
      </c>
      <c r="BC8" s="47" t="s">
        <v>51</v>
      </c>
      <c r="BD8" s="48" t="s">
        <v>45</v>
      </c>
      <c r="BE8" s="680"/>
      <c r="BF8" s="327" t="s">
        <v>43</v>
      </c>
      <c r="BG8" s="47" t="s">
        <v>44</v>
      </c>
      <c r="BH8" s="326" t="s">
        <v>45</v>
      </c>
      <c r="BI8" s="52" t="s">
        <v>83</v>
      </c>
      <c r="BJ8" s="47" t="s">
        <v>47</v>
      </c>
      <c r="BK8" s="47" t="s">
        <v>48</v>
      </c>
      <c r="BL8" s="47" t="s">
        <v>49</v>
      </c>
      <c r="BM8" s="47" t="s">
        <v>50</v>
      </c>
      <c r="BN8" s="47" t="s">
        <v>51</v>
      </c>
      <c r="BO8" s="48" t="s">
        <v>45</v>
      </c>
      <c r="BP8" s="680"/>
      <c r="BQ8" s="51" t="s">
        <v>43</v>
      </c>
      <c r="BR8" s="47" t="s">
        <v>44</v>
      </c>
      <c r="BS8" s="326" t="s">
        <v>45</v>
      </c>
      <c r="BT8" s="52" t="s">
        <v>83</v>
      </c>
      <c r="BU8" s="47" t="s">
        <v>47</v>
      </c>
      <c r="BV8" s="47" t="s">
        <v>48</v>
      </c>
      <c r="BW8" s="47" t="s">
        <v>49</v>
      </c>
      <c r="BX8" s="47" t="s">
        <v>50</v>
      </c>
      <c r="BY8" s="47" t="s">
        <v>51</v>
      </c>
      <c r="BZ8" s="48" t="s">
        <v>45</v>
      </c>
      <c r="CA8" s="680"/>
      <c r="CB8" s="51" t="s">
        <v>43</v>
      </c>
      <c r="CC8" s="47" t="s">
        <v>44</v>
      </c>
      <c r="CD8" s="326" t="s">
        <v>45</v>
      </c>
      <c r="CE8" s="52" t="s">
        <v>83</v>
      </c>
      <c r="CF8" s="47" t="s">
        <v>47</v>
      </c>
      <c r="CG8" s="47" t="s">
        <v>48</v>
      </c>
      <c r="CH8" s="47" t="s">
        <v>49</v>
      </c>
      <c r="CI8" s="47" t="s">
        <v>50</v>
      </c>
      <c r="CJ8" s="47" t="s">
        <v>51</v>
      </c>
      <c r="CK8" s="48" t="s">
        <v>45</v>
      </c>
      <c r="CL8" s="704"/>
      <c r="CM8" s="51" t="s">
        <v>43</v>
      </c>
      <c r="CN8" s="47" t="s">
        <v>44</v>
      </c>
      <c r="CO8" s="48" t="s">
        <v>45</v>
      </c>
      <c r="CP8" s="52" t="s">
        <v>83</v>
      </c>
      <c r="CQ8" s="47" t="s">
        <v>47</v>
      </c>
      <c r="CR8" s="47" t="s">
        <v>48</v>
      </c>
      <c r="CS8" s="47" t="s">
        <v>49</v>
      </c>
      <c r="CT8" s="47" t="s">
        <v>50</v>
      </c>
      <c r="CU8" s="47" t="s">
        <v>51</v>
      </c>
      <c r="CV8" s="48" t="s">
        <v>45</v>
      </c>
      <c r="CW8" s="704"/>
      <c r="CX8" s="51" t="s">
        <v>43</v>
      </c>
      <c r="CY8" s="47" t="s">
        <v>44</v>
      </c>
      <c r="CZ8" s="48" t="s">
        <v>45</v>
      </c>
      <c r="DA8" s="52" t="s">
        <v>83</v>
      </c>
      <c r="DB8" s="47" t="s">
        <v>47</v>
      </c>
      <c r="DC8" s="47" t="s">
        <v>48</v>
      </c>
      <c r="DD8" s="47" t="s">
        <v>49</v>
      </c>
      <c r="DE8" s="47" t="s">
        <v>50</v>
      </c>
      <c r="DF8" s="47" t="s">
        <v>51</v>
      </c>
      <c r="DG8" s="48" t="s">
        <v>45</v>
      </c>
      <c r="DH8" s="704"/>
      <c r="DI8" s="51" t="s">
        <v>43</v>
      </c>
      <c r="DJ8" s="47" t="s">
        <v>44</v>
      </c>
      <c r="DK8" s="48" t="s">
        <v>45</v>
      </c>
      <c r="DL8" s="52" t="s">
        <v>83</v>
      </c>
      <c r="DM8" s="47" t="s">
        <v>47</v>
      </c>
      <c r="DN8" s="47" t="s">
        <v>48</v>
      </c>
      <c r="DO8" s="47" t="s">
        <v>49</v>
      </c>
      <c r="DP8" s="47" t="s">
        <v>50</v>
      </c>
      <c r="DQ8" s="47" t="s">
        <v>51</v>
      </c>
      <c r="DR8" s="48" t="s">
        <v>45</v>
      </c>
      <c r="DS8" s="704"/>
      <c r="DT8" s="51" t="s">
        <v>43</v>
      </c>
      <c r="DU8" s="47" t="s">
        <v>44</v>
      </c>
      <c r="DV8" s="326" t="s">
        <v>45</v>
      </c>
      <c r="DW8" s="52" t="s">
        <v>83</v>
      </c>
      <c r="DX8" s="47" t="s">
        <v>47</v>
      </c>
      <c r="DY8" s="47" t="s">
        <v>48</v>
      </c>
      <c r="DZ8" s="47" t="s">
        <v>49</v>
      </c>
      <c r="EA8" s="47" t="s">
        <v>50</v>
      </c>
      <c r="EB8" s="47" t="s">
        <v>51</v>
      </c>
      <c r="EC8" s="48" t="s">
        <v>45</v>
      </c>
      <c r="ED8" s="680"/>
      <c r="EE8" s="51" t="s">
        <v>43</v>
      </c>
      <c r="EF8" s="47" t="s">
        <v>44</v>
      </c>
      <c r="EG8" s="326" t="s">
        <v>45</v>
      </c>
      <c r="EH8" s="52" t="s">
        <v>83</v>
      </c>
      <c r="EI8" s="47" t="s">
        <v>47</v>
      </c>
      <c r="EJ8" s="47" t="s">
        <v>48</v>
      </c>
      <c r="EK8" s="47" t="s">
        <v>49</v>
      </c>
      <c r="EL8" s="47" t="s">
        <v>50</v>
      </c>
      <c r="EM8" s="47" t="s">
        <v>51</v>
      </c>
      <c r="EN8" s="48" t="s">
        <v>45</v>
      </c>
      <c r="EO8" s="680"/>
      <c r="EP8" s="51" t="s">
        <v>43</v>
      </c>
      <c r="EQ8" s="47" t="s">
        <v>44</v>
      </c>
      <c r="ER8" s="326" t="s">
        <v>45</v>
      </c>
      <c r="ES8" s="52" t="s">
        <v>83</v>
      </c>
      <c r="ET8" s="47" t="s">
        <v>47</v>
      </c>
      <c r="EU8" s="47" t="s">
        <v>48</v>
      </c>
      <c r="EV8" s="47" t="s">
        <v>49</v>
      </c>
      <c r="EW8" s="47" t="s">
        <v>50</v>
      </c>
      <c r="EX8" s="47" t="s">
        <v>51</v>
      </c>
      <c r="EY8" s="48" t="s">
        <v>45</v>
      </c>
      <c r="EZ8" s="680"/>
      <c r="FA8" s="51" t="s">
        <v>43</v>
      </c>
      <c r="FB8" s="47" t="s">
        <v>44</v>
      </c>
      <c r="FC8" s="326" t="s">
        <v>45</v>
      </c>
      <c r="FD8" s="52" t="s">
        <v>83</v>
      </c>
      <c r="FE8" s="47" t="s">
        <v>47</v>
      </c>
      <c r="FF8" s="47" t="s">
        <v>48</v>
      </c>
      <c r="FG8" s="47" t="s">
        <v>49</v>
      </c>
      <c r="FH8" s="47" t="s">
        <v>50</v>
      </c>
      <c r="FI8" s="47" t="s">
        <v>51</v>
      </c>
      <c r="FJ8" s="48" t="s">
        <v>45</v>
      </c>
      <c r="FK8" s="680"/>
      <c r="FL8" s="51" t="s">
        <v>43</v>
      </c>
      <c r="FM8" s="47" t="s">
        <v>44</v>
      </c>
      <c r="FN8" s="326" t="s">
        <v>45</v>
      </c>
      <c r="FO8" s="52" t="s">
        <v>83</v>
      </c>
      <c r="FP8" s="47" t="s">
        <v>47</v>
      </c>
      <c r="FQ8" s="47" t="s">
        <v>48</v>
      </c>
      <c r="FR8" s="47" t="s">
        <v>49</v>
      </c>
      <c r="FS8" s="47" t="s">
        <v>50</v>
      </c>
      <c r="FT8" s="47" t="s">
        <v>51</v>
      </c>
      <c r="FU8" s="48" t="s">
        <v>45</v>
      </c>
      <c r="FV8" s="696"/>
      <c r="FW8" s="51" t="s">
        <v>43</v>
      </c>
      <c r="FX8" s="47" t="s">
        <v>44</v>
      </c>
      <c r="FY8" s="326" t="s">
        <v>45</v>
      </c>
      <c r="FZ8" s="52" t="s">
        <v>83</v>
      </c>
      <c r="GA8" s="47" t="s">
        <v>47</v>
      </c>
      <c r="GB8" s="47" t="s">
        <v>48</v>
      </c>
      <c r="GC8" s="47" t="s">
        <v>49</v>
      </c>
      <c r="GD8" s="47" t="s">
        <v>50</v>
      </c>
      <c r="GE8" s="47" t="s">
        <v>51</v>
      </c>
      <c r="GF8" s="48" t="s">
        <v>45</v>
      </c>
      <c r="GG8" s="680"/>
      <c r="GH8" s="51" t="s">
        <v>43</v>
      </c>
      <c r="GI8" s="47" t="s">
        <v>44</v>
      </c>
      <c r="GJ8" s="326" t="s">
        <v>45</v>
      </c>
      <c r="GK8" s="52" t="s">
        <v>83</v>
      </c>
      <c r="GL8" s="47" t="s">
        <v>47</v>
      </c>
      <c r="GM8" s="47" t="s">
        <v>48</v>
      </c>
      <c r="GN8" s="47" t="s">
        <v>49</v>
      </c>
      <c r="GO8" s="47" t="s">
        <v>50</v>
      </c>
      <c r="GP8" s="47" t="s">
        <v>51</v>
      </c>
      <c r="GQ8" s="48" t="s">
        <v>45</v>
      </c>
      <c r="GR8" s="682"/>
      <c r="GS8" s="51" t="s">
        <v>43</v>
      </c>
      <c r="GT8" s="47" t="s">
        <v>44</v>
      </c>
      <c r="GU8" s="326" t="s">
        <v>45</v>
      </c>
      <c r="GV8" s="52" t="s">
        <v>83</v>
      </c>
      <c r="GW8" s="47" t="s">
        <v>47</v>
      </c>
      <c r="GX8" s="47" t="s">
        <v>48</v>
      </c>
      <c r="GY8" s="47" t="s">
        <v>49</v>
      </c>
      <c r="GZ8" s="47" t="s">
        <v>50</v>
      </c>
      <c r="HA8" s="47" t="s">
        <v>51</v>
      </c>
      <c r="HB8" s="48" t="s">
        <v>45</v>
      </c>
      <c r="HC8" s="682"/>
      <c r="HD8" s="51" t="s">
        <v>43</v>
      </c>
      <c r="HE8" s="47" t="s">
        <v>44</v>
      </c>
      <c r="HF8" s="326" t="s">
        <v>45</v>
      </c>
      <c r="HG8" s="52" t="s">
        <v>83</v>
      </c>
      <c r="HH8" s="47" t="s">
        <v>47</v>
      </c>
      <c r="HI8" s="47" t="s">
        <v>48</v>
      </c>
      <c r="HJ8" s="47" t="s">
        <v>49</v>
      </c>
      <c r="HK8" s="47" t="s">
        <v>50</v>
      </c>
      <c r="HL8" s="47" t="s">
        <v>51</v>
      </c>
      <c r="HM8" s="48" t="s">
        <v>45</v>
      </c>
      <c r="HN8" s="680"/>
      <c r="HO8" s="51" t="s">
        <v>43</v>
      </c>
      <c r="HP8" s="47" t="s">
        <v>44</v>
      </c>
      <c r="HQ8" s="326" t="s">
        <v>45</v>
      </c>
      <c r="HR8" s="52" t="s">
        <v>83</v>
      </c>
      <c r="HS8" s="47" t="s">
        <v>47</v>
      </c>
      <c r="HT8" s="47" t="s">
        <v>48</v>
      </c>
      <c r="HU8" s="47" t="s">
        <v>49</v>
      </c>
      <c r="HV8" s="47" t="s">
        <v>50</v>
      </c>
      <c r="HW8" s="47" t="s">
        <v>51</v>
      </c>
      <c r="HX8" s="48" t="s">
        <v>45</v>
      </c>
      <c r="HY8" s="680"/>
      <c r="HZ8" s="368" t="s">
        <v>43</v>
      </c>
      <c r="IA8" s="369" t="s">
        <v>44</v>
      </c>
      <c r="IB8" s="41" t="s">
        <v>45</v>
      </c>
      <c r="IC8" s="42" t="s">
        <v>83</v>
      </c>
      <c r="ID8" s="369" t="s">
        <v>47</v>
      </c>
      <c r="IE8" s="369" t="s">
        <v>48</v>
      </c>
      <c r="IF8" s="369" t="s">
        <v>49</v>
      </c>
      <c r="IG8" s="369" t="s">
        <v>50</v>
      </c>
      <c r="IH8" s="369" t="s">
        <v>51</v>
      </c>
      <c r="II8" s="17" t="s">
        <v>45</v>
      </c>
      <c r="IJ8" s="647"/>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73" customFormat="1" ht="21" customHeight="1" x14ac:dyDescent="0.2">
      <c r="A9" s="44"/>
      <c r="B9" s="467" t="s">
        <v>4</v>
      </c>
      <c r="C9" s="387">
        <v>25895147</v>
      </c>
      <c r="D9" s="388">
        <v>42879263</v>
      </c>
      <c r="E9" s="389">
        <v>68774410</v>
      </c>
      <c r="F9" s="390">
        <v>0</v>
      </c>
      <c r="G9" s="388">
        <v>301561482</v>
      </c>
      <c r="H9" s="388">
        <v>388902856</v>
      </c>
      <c r="I9" s="388">
        <v>347550909</v>
      </c>
      <c r="J9" s="388">
        <v>300370913</v>
      </c>
      <c r="K9" s="388">
        <v>207017621</v>
      </c>
      <c r="L9" s="391">
        <v>1545403781</v>
      </c>
      <c r="M9" s="392">
        <v>1614178191</v>
      </c>
      <c r="N9" s="387">
        <v>7274223</v>
      </c>
      <c r="O9" s="388">
        <v>14972348</v>
      </c>
      <c r="P9" s="393">
        <v>22246571</v>
      </c>
      <c r="Q9" s="387">
        <v>0</v>
      </c>
      <c r="R9" s="388">
        <v>95875705</v>
      </c>
      <c r="S9" s="388">
        <v>133367254</v>
      </c>
      <c r="T9" s="388">
        <v>116020406</v>
      </c>
      <c r="U9" s="388">
        <v>112081948</v>
      </c>
      <c r="V9" s="388">
        <v>101306225</v>
      </c>
      <c r="W9" s="393">
        <v>558651538</v>
      </c>
      <c r="X9" s="392">
        <v>580898109</v>
      </c>
      <c r="Y9" s="387">
        <v>0</v>
      </c>
      <c r="Z9" s="388">
        <v>0</v>
      </c>
      <c r="AA9" s="393">
        <v>0</v>
      </c>
      <c r="AB9" s="394">
        <v>0</v>
      </c>
      <c r="AC9" s="395">
        <v>42211840</v>
      </c>
      <c r="AD9" s="395">
        <v>57792855</v>
      </c>
      <c r="AE9" s="395">
        <v>57798911</v>
      </c>
      <c r="AF9" s="395">
        <v>57497066</v>
      </c>
      <c r="AG9" s="395">
        <v>53751086</v>
      </c>
      <c r="AH9" s="393">
        <v>269051758</v>
      </c>
      <c r="AI9" s="392">
        <v>269051758</v>
      </c>
      <c r="AJ9" s="396">
        <v>0</v>
      </c>
      <c r="AK9" s="395">
        <v>53051</v>
      </c>
      <c r="AL9" s="393">
        <v>53051</v>
      </c>
      <c r="AM9" s="394">
        <v>0</v>
      </c>
      <c r="AN9" s="395">
        <v>324504</v>
      </c>
      <c r="AO9" s="391">
        <v>1952454</v>
      </c>
      <c r="AP9" s="395">
        <v>2944539</v>
      </c>
      <c r="AQ9" s="395">
        <v>6660151</v>
      </c>
      <c r="AR9" s="395">
        <v>12450006</v>
      </c>
      <c r="AS9" s="393">
        <v>24331654</v>
      </c>
      <c r="AT9" s="392">
        <v>24384705</v>
      </c>
      <c r="AU9" s="396">
        <v>3722001</v>
      </c>
      <c r="AV9" s="395">
        <v>10205829</v>
      </c>
      <c r="AW9" s="393">
        <v>13927830</v>
      </c>
      <c r="AX9" s="394">
        <v>0</v>
      </c>
      <c r="AY9" s="395">
        <v>34455935</v>
      </c>
      <c r="AZ9" s="395">
        <v>50007205</v>
      </c>
      <c r="BA9" s="395">
        <v>35058708</v>
      </c>
      <c r="BB9" s="395">
        <v>29043646</v>
      </c>
      <c r="BC9" s="395">
        <v>23193116</v>
      </c>
      <c r="BD9" s="393">
        <v>171758610</v>
      </c>
      <c r="BE9" s="397">
        <v>185686440</v>
      </c>
      <c r="BF9" s="396">
        <v>306742</v>
      </c>
      <c r="BG9" s="391">
        <v>1317884</v>
      </c>
      <c r="BH9" s="398">
        <v>1624626</v>
      </c>
      <c r="BI9" s="394">
        <v>0</v>
      </c>
      <c r="BJ9" s="395">
        <v>2208802</v>
      </c>
      <c r="BK9" s="395">
        <v>4272595</v>
      </c>
      <c r="BL9" s="395">
        <v>2128136</v>
      </c>
      <c r="BM9" s="395">
        <v>2742233</v>
      </c>
      <c r="BN9" s="395">
        <v>784914</v>
      </c>
      <c r="BO9" s="393">
        <v>12136680</v>
      </c>
      <c r="BP9" s="392">
        <v>13761306</v>
      </c>
      <c r="BQ9" s="396">
        <v>3245480</v>
      </c>
      <c r="BR9" s="395">
        <v>3395584</v>
      </c>
      <c r="BS9" s="393">
        <v>6641064</v>
      </c>
      <c r="BT9" s="394">
        <v>0</v>
      </c>
      <c r="BU9" s="395">
        <v>16674624</v>
      </c>
      <c r="BV9" s="395">
        <v>19342145</v>
      </c>
      <c r="BW9" s="395">
        <v>18090112</v>
      </c>
      <c r="BX9" s="395">
        <v>16138852</v>
      </c>
      <c r="BY9" s="395">
        <v>11127103</v>
      </c>
      <c r="BZ9" s="393">
        <v>81372836</v>
      </c>
      <c r="CA9" s="392">
        <v>88013900</v>
      </c>
      <c r="CB9" s="396">
        <v>2560175</v>
      </c>
      <c r="CC9" s="395">
        <v>5903497</v>
      </c>
      <c r="CD9" s="393">
        <v>8463672</v>
      </c>
      <c r="CE9" s="394">
        <v>0</v>
      </c>
      <c r="CF9" s="395">
        <v>94767828</v>
      </c>
      <c r="CG9" s="395">
        <v>115878476</v>
      </c>
      <c r="CH9" s="399">
        <v>85082620</v>
      </c>
      <c r="CI9" s="395">
        <v>44355987</v>
      </c>
      <c r="CJ9" s="395">
        <v>20379208</v>
      </c>
      <c r="CK9" s="393">
        <v>360464119</v>
      </c>
      <c r="CL9" s="392">
        <v>368927791</v>
      </c>
      <c r="CM9" s="387">
        <v>0</v>
      </c>
      <c r="CN9" s="388">
        <v>0</v>
      </c>
      <c r="CO9" s="393">
        <v>0</v>
      </c>
      <c r="CP9" s="394">
        <v>0</v>
      </c>
      <c r="CQ9" s="395">
        <v>76743050</v>
      </c>
      <c r="CR9" s="395">
        <v>84827672</v>
      </c>
      <c r="CS9" s="395">
        <v>62900942</v>
      </c>
      <c r="CT9" s="395">
        <v>30779718</v>
      </c>
      <c r="CU9" s="395">
        <v>15698658</v>
      </c>
      <c r="CV9" s="400">
        <v>270950040</v>
      </c>
      <c r="CW9" s="392">
        <v>270950040</v>
      </c>
      <c r="CX9" s="396">
        <v>2560175</v>
      </c>
      <c r="CY9" s="395">
        <v>5903497</v>
      </c>
      <c r="CZ9" s="393">
        <v>8463672</v>
      </c>
      <c r="DA9" s="394">
        <v>0</v>
      </c>
      <c r="DB9" s="395">
        <v>18024778</v>
      </c>
      <c r="DC9" s="395">
        <v>31050804</v>
      </c>
      <c r="DD9" s="395">
        <v>22181678</v>
      </c>
      <c r="DE9" s="395">
        <v>13576269</v>
      </c>
      <c r="DF9" s="395">
        <v>4680550</v>
      </c>
      <c r="DG9" s="393">
        <v>89514079</v>
      </c>
      <c r="DH9" s="392">
        <v>97977751</v>
      </c>
      <c r="DI9" s="396">
        <v>97176</v>
      </c>
      <c r="DJ9" s="395">
        <v>681047</v>
      </c>
      <c r="DK9" s="398">
        <v>778223</v>
      </c>
      <c r="DL9" s="394">
        <v>0</v>
      </c>
      <c r="DM9" s="395">
        <v>11082443</v>
      </c>
      <c r="DN9" s="395">
        <v>16908794</v>
      </c>
      <c r="DO9" s="395">
        <v>29936399</v>
      </c>
      <c r="DP9" s="395">
        <v>28548758</v>
      </c>
      <c r="DQ9" s="395">
        <v>10429199</v>
      </c>
      <c r="DR9" s="401">
        <v>96905593</v>
      </c>
      <c r="DS9" s="392">
        <v>97683816</v>
      </c>
      <c r="DT9" s="396">
        <v>97176</v>
      </c>
      <c r="DU9" s="395">
        <v>656263</v>
      </c>
      <c r="DV9" s="393">
        <v>753439</v>
      </c>
      <c r="DW9" s="394">
        <v>0</v>
      </c>
      <c r="DX9" s="395">
        <v>10033249</v>
      </c>
      <c r="DY9" s="395">
        <v>14149826</v>
      </c>
      <c r="DZ9" s="395">
        <v>26871712</v>
      </c>
      <c r="EA9" s="395">
        <v>25796335</v>
      </c>
      <c r="EB9" s="395">
        <v>8610714</v>
      </c>
      <c r="EC9" s="393">
        <v>85461836</v>
      </c>
      <c r="ED9" s="392">
        <v>86215275</v>
      </c>
      <c r="EE9" s="396">
        <v>0</v>
      </c>
      <c r="EF9" s="391">
        <v>24784</v>
      </c>
      <c r="EG9" s="393">
        <v>24784</v>
      </c>
      <c r="EH9" s="397">
        <v>0</v>
      </c>
      <c r="EI9" s="395">
        <v>1049194</v>
      </c>
      <c r="EJ9" s="395">
        <v>2758968</v>
      </c>
      <c r="EK9" s="395">
        <v>3064687</v>
      </c>
      <c r="EL9" s="395">
        <v>2752423</v>
      </c>
      <c r="EM9" s="399">
        <v>1818485</v>
      </c>
      <c r="EN9" s="391">
        <v>11443757</v>
      </c>
      <c r="EO9" s="392">
        <v>11468541</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6066132</v>
      </c>
      <c r="FM9" s="395">
        <v>8499449</v>
      </c>
      <c r="FN9" s="393">
        <v>14565581</v>
      </c>
      <c r="FO9" s="394">
        <v>0</v>
      </c>
      <c r="FP9" s="395">
        <v>15695288</v>
      </c>
      <c r="FQ9" s="395">
        <v>37739457</v>
      </c>
      <c r="FR9" s="395">
        <v>28683755</v>
      </c>
      <c r="FS9" s="395">
        <v>24902017</v>
      </c>
      <c r="FT9" s="395">
        <v>16925385</v>
      </c>
      <c r="FU9" s="393">
        <v>123945902</v>
      </c>
      <c r="FV9" s="392">
        <v>138511483</v>
      </c>
      <c r="FW9" s="396">
        <v>2722400</v>
      </c>
      <c r="FX9" s="395">
        <v>6187944</v>
      </c>
      <c r="FY9" s="391">
        <v>8910344</v>
      </c>
      <c r="FZ9" s="397">
        <v>0</v>
      </c>
      <c r="GA9" s="395">
        <v>10953752</v>
      </c>
      <c r="GB9" s="403">
        <v>33711636</v>
      </c>
      <c r="GC9" s="395">
        <v>26197184</v>
      </c>
      <c r="GD9" s="403">
        <v>22926580</v>
      </c>
      <c r="GE9" s="395">
        <v>15602313</v>
      </c>
      <c r="GF9" s="400">
        <v>109391465</v>
      </c>
      <c r="GG9" s="404">
        <v>118301809</v>
      </c>
      <c r="GH9" s="405">
        <v>205652</v>
      </c>
      <c r="GI9" s="395">
        <v>705874</v>
      </c>
      <c r="GJ9" s="403">
        <v>911526</v>
      </c>
      <c r="GK9" s="390">
        <v>0</v>
      </c>
      <c r="GL9" s="395">
        <v>1043520</v>
      </c>
      <c r="GM9" s="391">
        <v>1047122</v>
      </c>
      <c r="GN9" s="395">
        <v>798747</v>
      </c>
      <c r="GO9" s="391">
        <v>783205</v>
      </c>
      <c r="GP9" s="395">
        <v>525312</v>
      </c>
      <c r="GQ9" s="401">
        <v>4197906</v>
      </c>
      <c r="GR9" s="392">
        <v>5109432</v>
      </c>
      <c r="GS9" s="391">
        <v>3138080</v>
      </c>
      <c r="GT9" s="395">
        <v>1605631</v>
      </c>
      <c r="GU9" s="393">
        <v>4743711</v>
      </c>
      <c r="GV9" s="391">
        <v>0</v>
      </c>
      <c r="GW9" s="395">
        <v>3698016</v>
      </c>
      <c r="GX9" s="391">
        <v>2980699</v>
      </c>
      <c r="GY9" s="395">
        <v>1687824</v>
      </c>
      <c r="GZ9" s="391">
        <v>1192232</v>
      </c>
      <c r="HA9" s="395">
        <v>797760</v>
      </c>
      <c r="HB9" s="391">
        <v>10356531</v>
      </c>
      <c r="HC9" s="392">
        <v>15100242</v>
      </c>
      <c r="HD9" s="391">
        <v>9897441</v>
      </c>
      <c r="HE9" s="395">
        <v>12822922</v>
      </c>
      <c r="HF9" s="391">
        <v>22720363</v>
      </c>
      <c r="HG9" s="397">
        <v>0</v>
      </c>
      <c r="HH9" s="395">
        <v>84140218</v>
      </c>
      <c r="HI9" s="403">
        <v>85008875</v>
      </c>
      <c r="HJ9" s="395">
        <v>87827729</v>
      </c>
      <c r="HK9" s="403">
        <v>90482203</v>
      </c>
      <c r="HL9" s="395">
        <v>57977604</v>
      </c>
      <c r="HM9" s="400">
        <v>405436629</v>
      </c>
      <c r="HN9" s="391">
        <v>428156992</v>
      </c>
      <c r="HO9" s="468"/>
      <c r="HP9" s="469"/>
      <c r="HQ9" s="470"/>
      <c r="HR9" s="471"/>
      <c r="HS9" s="469"/>
      <c r="HT9" s="471"/>
      <c r="HU9" s="469"/>
      <c r="HV9" s="471"/>
      <c r="HW9" s="469"/>
      <c r="HX9" s="471"/>
      <c r="HY9" s="472"/>
      <c r="HZ9" s="406">
        <v>824327</v>
      </c>
      <c r="IA9" s="407">
        <v>849189</v>
      </c>
      <c r="IB9" s="408">
        <v>1673516</v>
      </c>
      <c r="IC9" s="409">
        <v>0</v>
      </c>
      <c r="ID9" s="407">
        <v>84683058</v>
      </c>
      <c r="IE9" s="410">
        <v>107561534</v>
      </c>
      <c r="IF9" s="411">
        <v>106396700</v>
      </c>
      <c r="IG9" s="407">
        <v>89548859</v>
      </c>
      <c r="IH9" s="411">
        <v>50029511</v>
      </c>
      <c r="II9" s="412">
        <v>438219662</v>
      </c>
      <c r="IJ9" s="413">
        <v>439893178</v>
      </c>
      <c r="IK9" s="414">
        <v>0</v>
      </c>
      <c r="IL9" s="415">
        <v>0</v>
      </c>
      <c r="IM9" s="416">
        <v>0</v>
      </c>
      <c r="IN9" s="417"/>
      <c r="IO9" s="418">
        <v>1283486</v>
      </c>
      <c r="IP9" s="418">
        <v>2813121</v>
      </c>
      <c r="IQ9" s="418">
        <v>3928919</v>
      </c>
      <c r="IR9" s="418">
        <v>5329688</v>
      </c>
      <c r="IS9" s="418">
        <v>3496508</v>
      </c>
      <c r="IT9" s="419">
        <v>16851722</v>
      </c>
      <c r="IU9" s="420">
        <v>16851722</v>
      </c>
      <c r="IV9" s="421">
        <v>0</v>
      </c>
      <c r="IW9" s="418">
        <v>0</v>
      </c>
      <c r="IX9" s="422">
        <v>0</v>
      </c>
      <c r="IY9" s="423"/>
      <c r="IZ9" s="418">
        <v>263202</v>
      </c>
      <c r="JA9" s="418">
        <v>579884</v>
      </c>
      <c r="JB9" s="418">
        <v>703797</v>
      </c>
      <c r="JC9" s="418">
        <v>1123946</v>
      </c>
      <c r="JD9" s="418">
        <v>957871</v>
      </c>
      <c r="JE9" s="422">
        <v>3628700</v>
      </c>
      <c r="JF9" s="424">
        <v>3628700</v>
      </c>
      <c r="JG9" s="421">
        <v>0</v>
      </c>
      <c r="JH9" s="418">
        <v>0</v>
      </c>
      <c r="JI9" s="419">
        <v>0</v>
      </c>
      <c r="JJ9" s="425">
        <v>0</v>
      </c>
      <c r="JK9" s="418">
        <v>39401570</v>
      </c>
      <c r="JL9" s="418">
        <v>37087302</v>
      </c>
      <c r="JM9" s="418">
        <v>27297438</v>
      </c>
      <c r="JN9" s="418">
        <v>15559967</v>
      </c>
      <c r="JO9" s="418">
        <v>8293223</v>
      </c>
      <c r="JP9" s="422">
        <v>127639500</v>
      </c>
      <c r="JQ9" s="420">
        <v>127639500</v>
      </c>
      <c r="JR9" s="421">
        <v>52631</v>
      </c>
      <c r="JS9" s="418">
        <v>0</v>
      </c>
      <c r="JT9" s="419">
        <v>52631</v>
      </c>
      <c r="JU9" s="425">
        <v>0</v>
      </c>
      <c r="JV9" s="418">
        <v>6214849</v>
      </c>
      <c r="JW9" s="418">
        <v>8655519</v>
      </c>
      <c r="JX9" s="418">
        <v>9698100</v>
      </c>
      <c r="JY9" s="418">
        <v>3707685</v>
      </c>
      <c r="JZ9" s="418">
        <v>2501096</v>
      </c>
      <c r="KA9" s="422">
        <v>30777249</v>
      </c>
      <c r="KB9" s="420">
        <v>30829880</v>
      </c>
      <c r="KC9" s="426">
        <v>771696</v>
      </c>
      <c r="KD9" s="427">
        <v>849189</v>
      </c>
      <c r="KE9" s="422">
        <v>1620885</v>
      </c>
      <c r="KF9" s="425">
        <v>0</v>
      </c>
      <c r="KG9" s="418">
        <v>10290183</v>
      </c>
      <c r="KH9" s="418">
        <v>17419357</v>
      </c>
      <c r="KI9" s="418">
        <v>15951236</v>
      </c>
      <c r="KJ9" s="418">
        <v>13741572</v>
      </c>
      <c r="KK9" s="418">
        <v>4614715</v>
      </c>
      <c r="KL9" s="422">
        <v>62017063</v>
      </c>
      <c r="KM9" s="428">
        <v>63637948</v>
      </c>
      <c r="KN9" s="414">
        <v>0</v>
      </c>
      <c r="KO9" s="415">
        <v>0</v>
      </c>
      <c r="KP9" s="416">
        <v>0</v>
      </c>
      <c r="KQ9" s="417"/>
      <c r="KR9" s="418">
        <v>24017178</v>
      </c>
      <c r="KS9" s="418">
        <v>35640646</v>
      </c>
      <c r="KT9" s="418">
        <v>37504025</v>
      </c>
      <c r="KU9" s="418">
        <v>33043584</v>
      </c>
      <c r="KV9" s="418">
        <v>15699003</v>
      </c>
      <c r="KW9" s="422">
        <v>145904436</v>
      </c>
      <c r="KX9" s="420">
        <v>145904436</v>
      </c>
      <c r="KY9" s="421">
        <v>0</v>
      </c>
      <c r="KZ9" s="418">
        <v>0</v>
      </c>
      <c r="LA9" s="422">
        <v>0</v>
      </c>
      <c r="LB9" s="429"/>
      <c r="LC9" s="418">
        <v>306910</v>
      </c>
      <c r="LD9" s="418">
        <v>1343762</v>
      </c>
      <c r="LE9" s="418">
        <v>754613</v>
      </c>
      <c r="LF9" s="418">
        <v>1708581</v>
      </c>
      <c r="LG9" s="418">
        <v>904008</v>
      </c>
      <c r="LH9" s="422">
        <v>5017874</v>
      </c>
      <c r="LI9" s="424">
        <v>5017874</v>
      </c>
      <c r="LJ9" s="421">
        <v>0</v>
      </c>
      <c r="LK9" s="418">
        <v>0</v>
      </c>
      <c r="LL9" s="422">
        <v>0</v>
      </c>
      <c r="LM9" s="429"/>
      <c r="LN9" s="418">
        <v>0</v>
      </c>
      <c r="LO9" s="418">
        <v>441837</v>
      </c>
      <c r="LP9" s="418">
        <v>4950634</v>
      </c>
      <c r="LQ9" s="418">
        <v>4295334</v>
      </c>
      <c r="LR9" s="418">
        <v>2236980</v>
      </c>
      <c r="LS9" s="422">
        <v>11924785</v>
      </c>
      <c r="LT9" s="420">
        <v>11924785</v>
      </c>
      <c r="LU9" s="421">
        <v>0</v>
      </c>
      <c r="LV9" s="418">
        <v>0</v>
      </c>
      <c r="LW9" s="422">
        <v>0</v>
      </c>
      <c r="LX9" s="429"/>
      <c r="LY9" s="418">
        <v>2905680</v>
      </c>
      <c r="LZ9" s="418">
        <v>3580106</v>
      </c>
      <c r="MA9" s="418">
        <v>5607938</v>
      </c>
      <c r="MB9" s="418">
        <v>11038502</v>
      </c>
      <c r="MC9" s="418">
        <v>11326107</v>
      </c>
      <c r="MD9" s="422">
        <v>34458333</v>
      </c>
      <c r="ME9" s="424">
        <v>34458333</v>
      </c>
      <c r="MF9" s="421">
        <v>0</v>
      </c>
      <c r="MG9" s="418">
        <v>0</v>
      </c>
      <c r="MH9" s="422">
        <v>0</v>
      </c>
      <c r="MI9" s="429"/>
      <c r="MJ9" s="418">
        <v>23908228</v>
      </c>
      <c r="MK9" s="418">
        <v>60795298</v>
      </c>
      <c r="ML9" s="418">
        <v>178747593</v>
      </c>
      <c r="MM9" s="418">
        <v>258372570</v>
      </c>
      <c r="MN9" s="418">
        <v>163114432</v>
      </c>
      <c r="MO9" s="422">
        <v>684938121</v>
      </c>
      <c r="MP9" s="428">
        <v>684938121</v>
      </c>
      <c r="MQ9" s="421">
        <v>0</v>
      </c>
      <c r="MR9" s="418">
        <v>0</v>
      </c>
      <c r="MS9" s="422">
        <v>0</v>
      </c>
      <c r="MT9" s="429"/>
      <c r="MU9" s="418">
        <v>2886187</v>
      </c>
      <c r="MV9" s="418">
        <v>11438247</v>
      </c>
      <c r="MW9" s="418">
        <v>103258645</v>
      </c>
      <c r="MX9" s="418">
        <v>159627542</v>
      </c>
      <c r="MY9" s="418">
        <v>97382061</v>
      </c>
      <c r="MZ9" s="422">
        <v>374592682</v>
      </c>
      <c r="NA9" s="428">
        <v>374592682</v>
      </c>
      <c r="NB9" s="421">
        <v>0</v>
      </c>
      <c r="NC9" s="418">
        <v>0</v>
      </c>
      <c r="ND9" s="422">
        <v>0</v>
      </c>
      <c r="NE9" s="429"/>
      <c r="NF9" s="418">
        <v>21022041</v>
      </c>
      <c r="NG9" s="418">
        <v>48901557</v>
      </c>
      <c r="NH9" s="418">
        <v>74765182</v>
      </c>
      <c r="NI9" s="418">
        <v>89589341</v>
      </c>
      <c r="NJ9" s="418">
        <v>52312125</v>
      </c>
      <c r="NK9" s="422">
        <v>286590246</v>
      </c>
      <c r="NL9" s="420">
        <v>286590246</v>
      </c>
      <c r="NM9" s="421">
        <v>0</v>
      </c>
      <c r="NN9" s="418">
        <v>0</v>
      </c>
      <c r="NO9" s="422">
        <v>0</v>
      </c>
      <c r="NP9" s="429"/>
      <c r="NQ9" s="418">
        <v>0</v>
      </c>
      <c r="NR9" s="418">
        <v>0</v>
      </c>
      <c r="NS9" s="418">
        <v>305698</v>
      </c>
      <c r="NT9" s="418">
        <v>3433103</v>
      </c>
      <c r="NU9" s="418">
        <v>5065499</v>
      </c>
      <c r="NV9" s="422">
        <v>8804300</v>
      </c>
      <c r="NW9" s="424">
        <v>8804300</v>
      </c>
      <c r="NX9" s="421">
        <v>0</v>
      </c>
      <c r="NY9" s="418">
        <v>0</v>
      </c>
      <c r="NZ9" s="422">
        <v>0</v>
      </c>
      <c r="OA9" s="429"/>
      <c r="OB9" s="418">
        <v>0</v>
      </c>
      <c r="OC9" s="418">
        <v>455494</v>
      </c>
      <c r="OD9" s="418">
        <v>418068</v>
      </c>
      <c r="OE9" s="418">
        <v>5722584</v>
      </c>
      <c r="OF9" s="418">
        <v>8354747</v>
      </c>
      <c r="OG9" s="422">
        <v>14950893</v>
      </c>
      <c r="OH9" s="424">
        <v>14950893</v>
      </c>
      <c r="OI9" s="421">
        <v>26719474</v>
      </c>
      <c r="OJ9" s="418">
        <v>43728452</v>
      </c>
      <c r="OK9" s="419">
        <v>70447926</v>
      </c>
      <c r="OL9" s="425">
        <v>0</v>
      </c>
      <c r="OM9" s="418">
        <v>410152768</v>
      </c>
      <c r="ON9" s="418">
        <v>557259688</v>
      </c>
      <c r="OO9" s="418">
        <v>632695202</v>
      </c>
      <c r="OP9" s="418">
        <v>648292342</v>
      </c>
      <c r="OQ9" s="418">
        <v>420161564</v>
      </c>
      <c r="OR9" s="422">
        <v>2668561564</v>
      </c>
      <c r="OS9" s="428">
        <v>2739009490</v>
      </c>
    </row>
    <row r="10" spans="1:409" s="473" customFormat="1" ht="21" customHeight="1" x14ac:dyDescent="0.2">
      <c r="A10" s="44"/>
      <c r="B10" s="474" t="s">
        <v>5</v>
      </c>
      <c r="C10" s="432">
        <v>10832197</v>
      </c>
      <c r="D10" s="433">
        <v>21663581</v>
      </c>
      <c r="E10" s="434">
        <v>32495778</v>
      </c>
      <c r="F10" s="435">
        <v>0</v>
      </c>
      <c r="G10" s="433">
        <v>114315086</v>
      </c>
      <c r="H10" s="433">
        <v>187388443</v>
      </c>
      <c r="I10" s="433">
        <v>155017741</v>
      </c>
      <c r="J10" s="433">
        <v>127612864</v>
      </c>
      <c r="K10" s="433">
        <v>89035256</v>
      </c>
      <c r="L10" s="435">
        <v>673369390</v>
      </c>
      <c r="M10" s="436">
        <v>705865168</v>
      </c>
      <c r="N10" s="432">
        <v>3277717</v>
      </c>
      <c r="O10" s="433">
        <v>8597294</v>
      </c>
      <c r="P10" s="434">
        <v>11875011</v>
      </c>
      <c r="Q10" s="432">
        <v>0</v>
      </c>
      <c r="R10" s="433">
        <v>37948159</v>
      </c>
      <c r="S10" s="433">
        <v>67268355</v>
      </c>
      <c r="T10" s="433">
        <v>52533334</v>
      </c>
      <c r="U10" s="433">
        <v>48489012</v>
      </c>
      <c r="V10" s="433">
        <v>43527838</v>
      </c>
      <c r="W10" s="434">
        <v>249766698</v>
      </c>
      <c r="X10" s="436">
        <v>261641709</v>
      </c>
      <c r="Y10" s="432">
        <v>0</v>
      </c>
      <c r="Z10" s="433">
        <v>0</v>
      </c>
      <c r="AA10" s="434">
        <v>0</v>
      </c>
      <c r="AB10" s="432">
        <v>0</v>
      </c>
      <c r="AC10" s="433">
        <v>17048850</v>
      </c>
      <c r="AD10" s="433">
        <v>27578647</v>
      </c>
      <c r="AE10" s="433">
        <v>24652192</v>
      </c>
      <c r="AF10" s="433">
        <v>23152639</v>
      </c>
      <c r="AG10" s="433">
        <v>20877349</v>
      </c>
      <c r="AH10" s="434">
        <v>113309677</v>
      </c>
      <c r="AI10" s="436">
        <v>113309677</v>
      </c>
      <c r="AJ10" s="432">
        <v>0</v>
      </c>
      <c r="AK10" s="433">
        <v>43003</v>
      </c>
      <c r="AL10" s="434">
        <v>43003</v>
      </c>
      <c r="AM10" s="432">
        <v>0</v>
      </c>
      <c r="AN10" s="433">
        <v>120972</v>
      </c>
      <c r="AO10" s="433">
        <v>926107</v>
      </c>
      <c r="AP10" s="433">
        <v>967248</v>
      </c>
      <c r="AQ10" s="433">
        <v>2752850</v>
      </c>
      <c r="AR10" s="433">
        <v>6373775</v>
      </c>
      <c r="AS10" s="434">
        <v>11140952</v>
      </c>
      <c r="AT10" s="436">
        <v>11183955</v>
      </c>
      <c r="AU10" s="432">
        <v>1705094</v>
      </c>
      <c r="AV10" s="433">
        <v>5866108</v>
      </c>
      <c r="AW10" s="434">
        <v>7571202</v>
      </c>
      <c r="AX10" s="432">
        <v>0</v>
      </c>
      <c r="AY10" s="433">
        <v>14143485</v>
      </c>
      <c r="AZ10" s="433">
        <v>27506448</v>
      </c>
      <c r="BA10" s="433">
        <v>18014963</v>
      </c>
      <c r="BB10" s="433">
        <v>14757542</v>
      </c>
      <c r="BC10" s="433">
        <v>11118146</v>
      </c>
      <c r="BD10" s="434">
        <v>85540584</v>
      </c>
      <c r="BE10" s="436">
        <v>93111786</v>
      </c>
      <c r="BF10" s="432">
        <v>180655</v>
      </c>
      <c r="BG10" s="433">
        <v>840407</v>
      </c>
      <c r="BH10" s="437">
        <v>1021062</v>
      </c>
      <c r="BI10" s="438">
        <v>0</v>
      </c>
      <c r="BJ10" s="433">
        <v>438868</v>
      </c>
      <c r="BK10" s="433">
        <v>1904353</v>
      </c>
      <c r="BL10" s="433">
        <v>924931</v>
      </c>
      <c r="BM10" s="433">
        <v>1057877</v>
      </c>
      <c r="BN10" s="433">
        <v>307455</v>
      </c>
      <c r="BO10" s="434">
        <v>4633484</v>
      </c>
      <c r="BP10" s="436">
        <v>5654546</v>
      </c>
      <c r="BQ10" s="432">
        <v>1391968</v>
      </c>
      <c r="BR10" s="433">
        <v>1847776</v>
      </c>
      <c r="BS10" s="434">
        <v>3239744</v>
      </c>
      <c r="BT10" s="432">
        <v>0</v>
      </c>
      <c r="BU10" s="433">
        <v>6195984</v>
      </c>
      <c r="BV10" s="433">
        <v>9352800</v>
      </c>
      <c r="BW10" s="433">
        <v>7974000</v>
      </c>
      <c r="BX10" s="433">
        <v>6768104</v>
      </c>
      <c r="BY10" s="433">
        <v>4851113</v>
      </c>
      <c r="BZ10" s="434">
        <v>35142001</v>
      </c>
      <c r="CA10" s="436">
        <v>38381745</v>
      </c>
      <c r="CB10" s="432">
        <v>1180340</v>
      </c>
      <c r="CC10" s="433">
        <v>3163270</v>
      </c>
      <c r="CD10" s="434">
        <v>4343610</v>
      </c>
      <c r="CE10" s="432">
        <v>0</v>
      </c>
      <c r="CF10" s="433">
        <v>34602740</v>
      </c>
      <c r="CG10" s="433">
        <v>53155587</v>
      </c>
      <c r="CH10" s="433">
        <v>34480671</v>
      </c>
      <c r="CI10" s="433">
        <v>16966570</v>
      </c>
      <c r="CJ10" s="433">
        <v>8028856</v>
      </c>
      <c r="CK10" s="434">
        <v>147234424</v>
      </c>
      <c r="CL10" s="436">
        <v>151578034</v>
      </c>
      <c r="CM10" s="432">
        <v>0</v>
      </c>
      <c r="CN10" s="433">
        <v>0</v>
      </c>
      <c r="CO10" s="434">
        <v>0</v>
      </c>
      <c r="CP10" s="438">
        <v>0</v>
      </c>
      <c r="CQ10" s="433">
        <v>28453105</v>
      </c>
      <c r="CR10" s="433">
        <v>38708267</v>
      </c>
      <c r="CS10" s="433">
        <v>23978020</v>
      </c>
      <c r="CT10" s="433">
        <v>10419540</v>
      </c>
      <c r="CU10" s="433">
        <v>5669118</v>
      </c>
      <c r="CV10" s="434">
        <v>107228050</v>
      </c>
      <c r="CW10" s="436">
        <v>107228050</v>
      </c>
      <c r="CX10" s="432">
        <v>1180340</v>
      </c>
      <c r="CY10" s="433">
        <v>3163270</v>
      </c>
      <c r="CZ10" s="434">
        <v>4343610</v>
      </c>
      <c r="DA10" s="432">
        <v>0</v>
      </c>
      <c r="DB10" s="433">
        <v>6149635</v>
      </c>
      <c r="DC10" s="433">
        <v>14447320</v>
      </c>
      <c r="DD10" s="433">
        <v>10502651</v>
      </c>
      <c r="DE10" s="433">
        <v>6547030</v>
      </c>
      <c r="DF10" s="433">
        <v>2359738</v>
      </c>
      <c r="DG10" s="434">
        <v>40006374</v>
      </c>
      <c r="DH10" s="436">
        <v>44349984</v>
      </c>
      <c r="DI10" s="432">
        <v>38540</v>
      </c>
      <c r="DJ10" s="433">
        <v>412480</v>
      </c>
      <c r="DK10" s="437">
        <v>451020</v>
      </c>
      <c r="DL10" s="438">
        <v>0</v>
      </c>
      <c r="DM10" s="433">
        <v>4222142</v>
      </c>
      <c r="DN10" s="433">
        <v>7955113</v>
      </c>
      <c r="DO10" s="433">
        <v>14340479</v>
      </c>
      <c r="DP10" s="433">
        <v>11265323</v>
      </c>
      <c r="DQ10" s="433">
        <v>4185230</v>
      </c>
      <c r="DR10" s="434">
        <v>41968287</v>
      </c>
      <c r="DS10" s="436">
        <v>42419307</v>
      </c>
      <c r="DT10" s="432">
        <v>38540</v>
      </c>
      <c r="DU10" s="433">
        <v>387696</v>
      </c>
      <c r="DV10" s="434">
        <v>426236</v>
      </c>
      <c r="DW10" s="432">
        <v>0</v>
      </c>
      <c r="DX10" s="433">
        <v>3691937</v>
      </c>
      <c r="DY10" s="433">
        <v>6328942</v>
      </c>
      <c r="DZ10" s="433">
        <v>11865256</v>
      </c>
      <c r="EA10" s="433">
        <v>9980415</v>
      </c>
      <c r="EB10" s="433">
        <v>3329039</v>
      </c>
      <c r="EC10" s="434">
        <v>35195589</v>
      </c>
      <c r="ED10" s="436">
        <v>35621825</v>
      </c>
      <c r="EE10" s="432">
        <v>0</v>
      </c>
      <c r="EF10" s="437">
        <v>24784</v>
      </c>
      <c r="EG10" s="434">
        <v>24784</v>
      </c>
      <c r="EH10" s="432">
        <v>0</v>
      </c>
      <c r="EI10" s="433">
        <v>530205</v>
      </c>
      <c r="EJ10" s="433">
        <v>1626171</v>
      </c>
      <c r="EK10" s="433">
        <v>2475223</v>
      </c>
      <c r="EL10" s="433">
        <v>1284908</v>
      </c>
      <c r="EM10" s="433">
        <v>856191</v>
      </c>
      <c r="EN10" s="437">
        <v>6772698</v>
      </c>
      <c r="EO10" s="436">
        <v>6797482</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2496352</v>
      </c>
      <c r="FM10" s="433">
        <v>3810828</v>
      </c>
      <c r="FN10" s="434">
        <v>6307180</v>
      </c>
      <c r="FO10" s="432">
        <v>0</v>
      </c>
      <c r="FP10" s="433">
        <v>5756644</v>
      </c>
      <c r="FQ10" s="433">
        <v>16924360</v>
      </c>
      <c r="FR10" s="433">
        <v>11718828</v>
      </c>
      <c r="FS10" s="433">
        <v>10185789</v>
      </c>
      <c r="FT10" s="433">
        <v>7078561</v>
      </c>
      <c r="FU10" s="434">
        <v>51664182</v>
      </c>
      <c r="FV10" s="436">
        <v>57971362</v>
      </c>
      <c r="FW10" s="440">
        <v>1064752</v>
      </c>
      <c r="FX10" s="433">
        <v>2784336</v>
      </c>
      <c r="FY10" s="437">
        <v>3849088</v>
      </c>
      <c r="FZ10" s="438">
        <v>0</v>
      </c>
      <c r="GA10" s="433">
        <v>3359040</v>
      </c>
      <c r="GB10" s="433">
        <v>15063080</v>
      </c>
      <c r="GC10" s="433">
        <v>10726264</v>
      </c>
      <c r="GD10" s="433">
        <v>9128612</v>
      </c>
      <c r="GE10" s="433">
        <v>6259425</v>
      </c>
      <c r="GF10" s="434">
        <v>44536421</v>
      </c>
      <c r="GG10" s="441">
        <v>48385509</v>
      </c>
      <c r="GH10" s="440">
        <v>116320</v>
      </c>
      <c r="GI10" s="433">
        <v>353240</v>
      </c>
      <c r="GJ10" s="437">
        <v>469560</v>
      </c>
      <c r="GK10" s="438">
        <v>0</v>
      </c>
      <c r="GL10" s="433">
        <v>425780</v>
      </c>
      <c r="GM10" s="433">
        <v>351113</v>
      </c>
      <c r="GN10" s="433">
        <v>424852</v>
      </c>
      <c r="GO10" s="433">
        <v>390697</v>
      </c>
      <c r="GP10" s="433">
        <v>200816</v>
      </c>
      <c r="GQ10" s="434">
        <v>1793258</v>
      </c>
      <c r="GR10" s="436">
        <v>2262818</v>
      </c>
      <c r="GS10" s="432">
        <v>1315280</v>
      </c>
      <c r="GT10" s="433">
        <v>673252</v>
      </c>
      <c r="GU10" s="434">
        <v>1988532</v>
      </c>
      <c r="GV10" s="432">
        <v>0</v>
      </c>
      <c r="GW10" s="433">
        <v>1971824</v>
      </c>
      <c r="GX10" s="433">
        <v>1510167</v>
      </c>
      <c r="GY10" s="433">
        <v>567712</v>
      </c>
      <c r="GZ10" s="433">
        <v>666480</v>
      </c>
      <c r="HA10" s="433">
        <v>618320</v>
      </c>
      <c r="HB10" s="437">
        <v>5334503</v>
      </c>
      <c r="HC10" s="436">
        <v>7323035</v>
      </c>
      <c r="HD10" s="432">
        <v>3839248</v>
      </c>
      <c r="HE10" s="433">
        <v>5679709</v>
      </c>
      <c r="HF10" s="437">
        <v>9518957</v>
      </c>
      <c r="HG10" s="438">
        <v>0</v>
      </c>
      <c r="HH10" s="433">
        <v>31785401</v>
      </c>
      <c r="HI10" s="433">
        <v>42085028</v>
      </c>
      <c r="HJ10" s="433">
        <v>41944429</v>
      </c>
      <c r="HK10" s="433">
        <v>40706170</v>
      </c>
      <c r="HL10" s="433">
        <v>26214771</v>
      </c>
      <c r="HM10" s="434">
        <v>182735799</v>
      </c>
      <c r="HN10" s="435">
        <v>192254756</v>
      </c>
      <c r="HO10" s="475"/>
      <c r="HP10" s="476"/>
      <c r="HQ10" s="477"/>
      <c r="HR10" s="478"/>
      <c r="HS10" s="476"/>
      <c r="HT10" s="476"/>
      <c r="HU10" s="476"/>
      <c r="HV10" s="476"/>
      <c r="HW10" s="476"/>
      <c r="HX10" s="479"/>
      <c r="HY10" s="480"/>
      <c r="HZ10" s="442">
        <v>218954</v>
      </c>
      <c r="IA10" s="443">
        <v>554205</v>
      </c>
      <c r="IB10" s="444">
        <v>773159</v>
      </c>
      <c r="IC10" s="445">
        <v>0</v>
      </c>
      <c r="ID10" s="446">
        <v>33170936</v>
      </c>
      <c r="IE10" s="447">
        <v>47335646</v>
      </c>
      <c r="IF10" s="448">
        <v>44215479</v>
      </c>
      <c r="IG10" s="446">
        <v>34699013</v>
      </c>
      <c r="IH10" s="448">
        <v>21129080</v>
      </c>
      <c r="II10" s="449">
        <v>180550154</v>
      </c>
      <c r="IJ10" s="450">
        <v>181323313</v>
      </c>
      <c r="IK10" s="451">
        <v>0</v>
      </c>
      <c r="IL10" s="452">
        <v>0</v>
      </c>
      <c r="IM10" s="453">
        <v>0</v>
      </c>
      <c r="IN10" s="454"/>
      <c r="IO10" s="455">
        <v>392826</v>
      </c>
      <c r="IP10" s="455">
        <v>1337522</v>
      </c>
      <c r="IQ10" s="455">
        <v>1227392</v>
      </c>
      <c r="IR10" s="455">
        <v>2038725</v>
      </c>
      <c r="IS10" s="455">
        <v>1590110</v>
      </c>
      <c r="IT10" s="456">
        <v>6586575</v>
      </c>
      <c r="IU10" s="457">
        <v>6586575</v>
      </c>
      <c r="IV10" s="458">
        <v>0</v>
      </c>
      <c r="IW10" s="455">
        <v>0</v>
      </c>
      <c r="IX10" s="459">
        <v>0</v>
      </c>
      <c r="IY10" s="460"/>
      <c r="IZ10" s="455">
        <v>183217</v>
      </c>
      <c r="JA10" s="455">
        <v>458357</v>
      </c>
      <c r="JB10" s="455">
        <v>487008</v>
      </c>
      <c r="JC10" s="455">
        <v>744492</v>
      </c>
      <c r="JD10" s="455">
        <v>848346</v>
      </c>
      <c r="JE10" s="459">
        <v>2721420</v>
      </c>
      <c r="JF10" s="461">
        <v>2721420</v>
      </c>
      <c r="JG10" s="458">
        <v>0</v>
      </c>
      <c r="JH10" s="455">
        <v>0</v>
      </c>
      <c r="JI10" s="456">
        <v>0</v>
      </c>
      <c r="JJ10" s="462">
        <v>0</v>
      </c>
      <c r="JK10" s="455">
        <v>15755085</v>
      </c>
      <c r="JL10" s="455">
        <v>18049075</v>
      </c>
      <c r="JM10" s="455">
        <v>14380143</v>
      </c>
      <c r="JN10" s="455">
        <v>8073782</v>
      </c>
      <c r="JO10" s="455">
        <v>4642977</v>
      </c>
      <c r="JP10" s="459">
        <v>60901062</v>
      </c>
      <c r="JQ10" s="457">
        <v>60901062</v>
      </c>
      <c r="JR10" s="458">
        <v>0</v>
      </c>
      <c r="JS10" s="455">
        <v>0</v>
      </c>
      <c r="JT10" s="456">
        <v>0</v>
      </c>
      <c r="JU10" s="462">
        <v>0</v>
      </c>
      <c r="JV10" s="455">
        <v>3257252</v>
      </c>
      <c r="JW10" s="455">
        <v>5084681</v>
      </c>
      <c r="JX10" s="455">
        <v>5389106</v>
      </c>
      <c r="JY10" s="455">
        <v>2628212</v>
      </c>
      <c r="JZ10" s="455">
        <v>1593570</v>
      </c>
      <c r="KA10" s="459">
        <v>17952821</v>
      </c>
      <c r="KB10" s="457">
        <v>17952821</v>
      </c>
      <c r="KC10" s="463">
        <v>218954</v>
      </c>
      <c r="KD10" s="464">
        <v>554205</v>
      </c>
      <c r="KE10" s="459">
        <v>773159</v>
      </c>
      <c r="KF10" s="462">
        <v>0</v>
      </c>
      <c r="KG10" s="455">
        <v>4397538</v>
      </c>
      <c r="KH10" s="455">
        <v>5527009</v>
      </c>
      <c r="KI10" s="455">
        <v>6229057</v>
      </c>
      <c r="KJ10" s="455">
        <v>4583059</v>
      </c>
      <c r="KK10" s="455">
        <v>1760484</v>
      </c>
      <c r="KL10" s="459">
        <v>22497147</v>
      </c>
      <c r="KM10" s="465">
        <v>23270306</v>
      </c>
      <c r="KN10" s="451">
        <v>0</v>
      </c>
      <c r="KO10" s="452">
        <v>0</v>
      </c>
      <c r="KP10" s="453">
        <v>0</v>
      </c>
      <c r="KQ10" s="454"/>
      <c r="KR10" s="455">
        <v>8379449</v>
      </c>
      <c r="KS10" s="455">
        <v>15979690</v>
      </c>
      <c r="KT10" s="455">
        <v>13860691</v>
      </c>
      <c r="KU10" s="455">
        <v>12920478</v>
      </c>
      <c r="KV10" s="455">
        <v>4154417</v>
      </c>
      <c r="KW10" s="459">
        <v>55294725</v>
      </c>
      <c r="KX10" s="457">
        <v>55294725</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238644</v>
      </c>
      <c r="LP10" s="455">
        <v>1232351</v>
      </c>
      <c r="LQ10" s="455">
        <v>823929</v>
      </c>
      <c r="LR10" s="455">
        <v>288908</v>
      </c>
      <c r="LS10" s="459">
        <v>2583832</v>
      </c>
      <c r="LT10" s="457">
        <v>2583832</v>
      </c>
      <c r="LU10" s="458">
        <v>0</v>
      </c>
      <c r="LV10" s="455">
        <v>0</v>
      </c>
      <c r="LW10" s="459">
        <v>0</v>
      </c>
      <c r="LX10" s="466"/>
      <c r="LY10" s="455">
        <v>805569</v>
      </c>
      <c r="LZ10" s="455">
        <v>660668</v>
      </c>
      <c r="MA10" s="455">
        <v>1409731</v>
      </c>
      <c r="MB10" s="455">
        <v>2886336</v>
      </c>
      <c r="MC10" s="455">
        <v>6250268</v>
      </c>
      <c r="MD10" s="459">
        <v>12012572</v>
      </c>
      <c r="ME10" s="461">
        <v>12012572</v>
      </c>
      <c r="MF10" s="458">
        <v>0</v>
      </c>
      <c r="MG10" s="455">
        <v>0</v>
      </c>
      <c r="MH10" s="459">
        <v>0</v>
      </c>
      <c r="MI10" s="466"/>
      <c r="MJ10" s="455">
        <v>10499270</v>
      </c>
      <c r="MK10" s="455">
        <v>36392431</v>
      </c>
      <c r="ML10" s="455">
        <v>92937897</v>
      </c>
      <c r="MM10" s="455">
        <v>120903960</v>
      </c>
      <c r="MN10" s="455">
        <v>77892937</v>
      </c>
      <c r="MO10" s="459">
        <v>338626495</v>
      </c>
      <c r="MP10" s="465">
        <v>338626495</v>
      </c>
      <c r="MQ10" s="458">
        <v>0</v>
      </c>
      <c r="MR10" s="455">
        <v>0</v>
      </c>
      <c r="MS10" s="459">
        <v>0</v>
      </c>
      <c r="MT10" s="466"/>
      <c r="MU10" s="455">
        <v>1646149</v>
      </c>
      <c r="MV10" s="455">
        <v>8628748</v>
      </c>
      <c r="MW10" s="455">
        <v>53854729</v>
      </c>
      <c r="MX10" s="455">
        <v>70130314</v>
      </c>
      <c r="MY10" s="455">
        <v>44103648</v>
      </c>
      <c r="MZ10" s="459">
        <v>178363588</v>
      </c>
      <c r="NA10" s="465">
        <v>178363588</v>
      </c>
      <c r="NB10" s="458">
        <v>0</v>
      </c>
      <c r="NC10" s="455">
        <v>0</v>
      </c>
      <c r="ND10" s="459">
        <v>0</v>
      </c>
      <c r="NE10" s="466"/>
      <c r="NF10" s="455">
        <v>8853121</v>
      </c>
      <c r="NG10" s="455">
        <v>27763683</v>
      </c>
      <c r="NH10" s="455">
        <v>38665100</v>
      </c>
      <c r="NI10" s="455">
        <v>48449708</v>
      </c>
      <c r="NJ10" s="455">
        <v>29502811</v>
      </c>
      <c r="NK10" s="459">
        <v>153234423</v>
      </c>
      <c r="NL10" s="457">
        <v>153234423</v>
      </c>
      <c r="NM10" s="458">
        <v>0</v>
      </c>
      <c r="NN10" s="455">
        <v>0</v>
      </c>
      <c r="NO10" s="459">
        <v>0</v>
      </c>
      <c r="NP10" s="466"/>
      <c r="NQ10" s="455">
        <v>0</v>
      </c>
      <c r="NR10" s="455">
        <v>0</v>
      </c>
      <c r="NS10" s="455">
        <v>0</v>
      </c>
      <c r="NT10" s="455">
        <v>939787</v>
      </c>
      <c r="NU10" s="455">
        <v>1635653</v>
      </c>
      <c r="NV10" s="459">
        <v>2575440</v>
      </c>
      <c r="NW10" s="461">
        <v>2575440</v>
      </c>
      <c r="NX10" s="458">
        <v>0</v>
      </c>
      <c r="NY10" s="455">
        <v>0</v>
      </c>
      <c r="NZ10" s="459">
        <v>0</v>
      </c>
      <c r="OA10" s="466"/>
      <c r="OB10" s="455">
        <v>0</v>
      </c>
      <c r="OC10" s="455">
        <v>0</v>
      </c>
      <c r="OD10" s="455">
        <v>418068</v>
      </c>
      <c r="OE10" s="455">
        <v>1384151</v>
      </c>
      <c r="OF10" s="455">
        <v>2650825</v>
      </c>
      <c r="OG10" s="459">
        <v>4453044</v>
      </c>
      <c r="OH10" s="461">
        <v>4453044</v>
      </c>
      <c r="OI10" s="458">
        <v>11051151</v>
      </c>
      <c r="OJ10" s="455">
        <v>22217786</v>
      </c>
      <c r="OK10" s="456">
        <v>33268937</v>
      </c>
      <c r="OL10" s="462">
        <v>0</v>
      </c>
      <c r="OM10" s="455">
        <v>157985292</v>
      </c>
      <c r="ON10" s="455">
        <v>271116520</v>
      </c>
      <c r="OO10" s="455">
        <v>292171117</v>
      </c>
      <c r="OP10" s="455">
        <v>283215837</v>
      </c>
      <c r="OQ10" s="455">
        <v>188057273</v>
      </c>
      <c r="OR10" s="459">
        <v>1192546039</v>
      </c>
      <c r="OS10" s="465">
        <v>1225814976</v>
      </c>
    </row>
    <row r="11" spans="1:409" ht="21" customHeight="1" x14ac:dyDescent="0.2">
      <c r="B11" s="126" t="s">
        <v>6</v>
      </c>
      <c r="C11" s="110">
        <v>3959552</v>
      </c>
      <c r="D11" s="114">
        <v>4450051</v>
      </c>
      <c r="E11" s="113">
        <v>8409603</v>
      </c>
      <c r="F11" s="109">
        <v>0</v>
      </c>
      <c r="G11" s="114">
        <v>41771291</v>
      </c>
      <c r="H11" s="114">
        <v>43889740</v>
      </c>
      <c r="I11" s="114">
        <v>42455576</v>
      </c>
      <c r="J11" s="114">
        <v>38118131</v>
      </c>
      <c r="K11" s="114">
        <v>30989867</v>
      </c>
      <c r="L11" s="109">
        <v>197224605</v>
      </c>
      <c r="M11" s="116">
        <v>205634208</v>
      </c>
      <c r="N11" s="110">
        <v>1066171</v>
      </c>
      <c r="O11" s="114">
        <v>1562255</v>
      </c>
      <c r="P11" s="113">
        <v>2628426</v>
      </c>
      <c r="Q11" s="110">
        <v>0</v>
      </c>
      <c r="R11" s="114">
        <v>13548536</v>
      </c>
      <c r="S11" s="114">
        <v>15025244</v>
      </c>
      <c r="T11" s="114">
        <v>13489935</v>
      </c>
      <c r="U11" s="114">
        <v>16018559</v>
      </c>
      <c r="V11" s="114">
        <v>15181859</v>
      </c>
      <c r="W11" s="113">
        <v>73264133</v>
      </c>
      <c r="X11" s="116">
        <v>75892559</v>
      </c>
      <c r="Y11" s="110">
        <v>0</v>
      </c>
      <c r="Z11" s="114">
        <v>0</v>
      </c>
      <c r="AA11" s="113">
        <v>0</v>
      </c>
      <c r="AB11" s="110">
        <v>0</v>
      </c>
      <c r="AC11" s="114">
        <v>5718978</v>
      </c>
      <c r="AD11" s="114">
        <v>5872225</v>
      </c>
      <c r="AE11" s="114">
        <v>6477364</v>
      </c>
      <c r="AF11" s="114">
        <v>8166361</v>
      </c>
      <c r="AG11" s="114">
        <v>8345945</v>
      </c>
      <c r="AH11" s="113">
        <v>34580873</v>
      </c>
      <c r="AI11" s="116">
        <v>34580873</v>
      </c>
      <c r="AJ11" s="110">
        <v>0</v>
      </c>
      <c r="AK11" s="114">
        <v>0</v>
      </c>
      <c r="AL11" s="113">
        <v>0</v>
      </c>
      <c r="AM11" s="110">
        <v>0</v>
      </c>
      <c r="AN11" s="114">
        <v>60136</v>
      </c>
      <c r="AO11" s="114">
        <v>134212</v>
      </c>
      <c r="AP11" s="114">
        <v>398810</v>
      </c>
      <c r="AQ11" s="114">
        <v>748007</v>
      </c>
      <c r="AR11" s="114">
        <v>1547947</v>
      </c>
      <c r="AS11" s="113">
        <v>2889112</v>
      </c>
      <c r="AT11" s="116">
        <v>2889112</v>
      </c>
      <c r="AU11" s="110">
        <v>481147</v>
      </c>
      <c r="AV11" s="114">
        <v>1141935</v>
      </c>
      <c r="AW11" s="113">
        <v>1623082</v>
      </c>
      <c r="AX11" s="110">
        <v>0</v>
      </c>
      <c r="AY11" s="114">
        <v>4923560</v>
      </c>
      <c r="AZ11" s="114">
        <v>6071913</v>
      </c>
      <c r="BA11" s="114">
        <v>3889671</v>
      </c>
      <c r="BB11" s="114">
        <v>4309872</v>
      </c>
      <c r="BC11" s="114">
        <v>3441431</v>
      </c>
      <c r="BD11" s="113">
        <v>22636447</v>
      </c>
      <c r="BE11" s="116">
        <v>24259529</v>
      </c>
      <c r="BF11" s="110">
        <v>26720</v>
      </c>
      <c r="BG11" s="114">
        <v>0</v>
      </c>
      <c r="BH11" s="112">
        <v>26720</v>
      </c>
      <c r="BI11" s="111">
        <v>0</v>
      </c>
      <c r="BJ11" s="114">
        <v>305646</v>
      </c>
      <c r="BK11" s="114">
        <v>481069</v>
      </c>
      <c r="BL11" s="114">
        <v>187026</v>
      </c>
      <c r="BM11" s="114">
        <v>329203</v>
      </c>
      <c r="BN11" s="114">
        <v>128162</v>
      </c>
      <c r="BO11" s="113">
        <v>1431106</v>
      </c>
      <c r="BP11" s="116">
        <v>1457826</v>
      </c>
      <c r="BQ11" s="110">
        <v>558304</v>
      </c>
      <c r="BR11" s="114">
        <v>420320</v>
      </c>
      <c r="BS11" s="113">
        <v>978624</v>
      </c>
      <c r="BT11" s="110">
        <v>0</v>
      </c>
      <c r="BU11" s="114">
        <v>2540216</v>
      </c>
      <c r="BV11" s="114">
        <v>2465825</v>
      </c>
      <c r="BW11" s="114">
        <v>2537064</v>
      </c>
      <c r="BX11" s="114">
        <v>2465116</v>
      </c>
      <c r="BY11" s="114">
        <v>1718374</v>
      </c>
      <c r="BZ11" s="113">
        <v>11726595</v>
      </c>
      <c r="CA11" s="116">
        <v>12705219</v>
      </c>
      <c r="CB11" s="110">
        <v>105555</v>
      </c>
      <c r="CC11" s="114">
        <v>395056</v>
      </c>
      <c r="CD11" s="113">
        <v>500611</v>
      </c>
      <c r="CE11" s="110">
        <v>0</v>
      </c>
      <c r="CF11" s="114">
        <v>13210821</v>
      </c>
      <c r="CG11" s="114">
        <v>11894934</v>
      </c>
      <c r="CH11" s="114">
        <v>10527221</v>
      </c>
      <c r="CI11" s="114">
        <v>5840078</v>
      </c>
      <c r="CJ11" s="114">
        <v>3222994</v>
      </c>
      <c r="CK11" s="113">
        <v>44696048</v>
      </c>
      <c r="CL11" s="116">
        <v>45196659</v>
      </c>
      <c r="CM11" s="110">
        <v>0</v>
      </c>
      <c r="CN11" s="114">
        <v>0</v>
      </c>
      <c r="CO11" s="113">
        <v>0</v>
      </c>
      <c r="CP11" s="111">
        <v>0</v>
      </c>
      <c r="CQ11" s="114">
        <v>10669189</v>
      </c>
      <c r="CR11" s="114">
        <v>8728371</v>
      </c>
      <c r="CS11" s="114">
        <v>7419519</v>
      </c>
      <c r="CT11" s="114">
        <v>4559029</v>
      </c>
      <c r="CU11" s="114">
        <v>2410521</v>
      </c>
      <c r="CV11" s="113">
        <v>33786629</v>
      </c>
      <c r="CW11" s="116">
        <v>33786629</v>
      </c>
      <c r="CX11" s="110">
        <v>105555</v>
      </c>
      <c r="CY11" s="114">
        <v>395056</v>
      </c>
      <c r="CZ11" s="113">
        <v>500611</v>
      </c>
      <c r="DA11" s="110">
        <v>0</v>
      </c>
      <c r="DB11" s="114">
        <v>2541632</v>
      </c>
      <c r="DC11" s="114">
        <v>3166563</v>
      </c>
      <c r="DD11" s="114">
        <v>3107702</v>
      </c>
      <c r="DE11" s="114">
        <v>1281049</v>
      </c>
      <c r="DF11" s="114">
        <v>812473</v>
      </c>
      <c r="DG11" s="113">
        <v>10909419</v>
      </c>
      <c r="DH11" s="116">
        <v>11410030</v>
      </c>
      <c r="DI11" s="110">
        <v>29339</v>
      </c>
      <c r="DJ11" s="114">
        <v>121427</v>
      </c>
      <c r="DK11" s="112">
        <v>150766</v>
      </c>
      <c r="DL11" s="111">
        <v>0</v>
      </c>
      <c r="DM11" s="114">
        <v>1476983</v>
      </c>
      <c r="DN11" s="114">
        <v>2085929</v>
      </c>
      <c r="DO11" s="114">
        <v>2395187</v>
      </c>
      <c r="DP11" s="114">
        <v>1679664</v>
      </c>
      <c r="DQ11" s="114">
        <v>1687199</v>
      </c>
      <c r="DR11" s="113">
        <v>9324962</v>
      </c>
      <c r="DS11" s="116">
        <v>9475728</v>
      </c>
      <c r="DT11" s="110">
        <v>29339</v>
      </c>
      <c r="DU11" s="114">
        <v>121427</v>
      </c>
      <c r="DV11" s="113">
        <v>150766</v>
      </c>
      <c r="DW11" s="110">
        <v>0</v>
      </c>
      <c r="DX11" s="114">
        <v>1325936</v>
      </c>
      <c r="DY11" s="114">
        <v>1789496</v>
      </c>
      <c r="DZ11" s="114">
        <v>2169951</v>
      </c>
      <c r="EA11" s="114">
        <v>1051667</v>
      </c>
      <c r="EB11" s="114">
        <v>1369658</v>
      </c>
      <c r="EC11" s="113">
        <v>7706708</v>
      </c>
      <c r="ED11" s="116">
        <v>7857474</v>
      </c>
      <c r="EE11" s="110">
        <v>0</v>
      </c>
      <c r="EF11" s="112">
        <v>0</v>
      </c>
      <c r="EG11" s="113">
        <v>0</v>
      </c>
      <c r="EH11" s="110">
        <v>0</v>
      </c>
      <c r="EI11" s="114">
        <v>151047</v>
      </c>
      <c r="EJ11" s="114">
        <v>296433</v>
      </c>
      <c r="EK11" s="114">
        <v>225236</v>
      </c>
      <c r="EL11" s="114">
        <v>627997</v>
      </c>
      <c r="EM11" s="114">
        <v>317541</v>
      </c>
      <c r="EN11" s="112">
        <v>1618254</v>
      </c>
      <c r="EO11" s="116">
        <v>1618254</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665232</v>
      </c>
      <c r="FM11" s="114">
        <v>699868</v>
      </c>
      <c r="FN11" s="113">
        <v>1365100</v>
      </c>
      <c r="FO11" s="110">
        <v>0</v>
      </c>
      <c r="FP11" s="114">
        <v>1861984</v>
      </c>
      <c r="FQ11" s="114">
        <v>3853468</v>
      </c>
      <c r="FR11" s="114">
        <v>4254936</v>
      </c>
      <c r="FS11" s="114">
        <v>3395560</v>
      </c>
      <c r="FT11" s="114">
        <v>2849000</v>
      </c>
      <c r="FU11" s="113">
        <v>16214948</v>
      </c>
      <c r="FV11" s="116">
        <v>17580048</v>
      </c>
      <c r="FW11" s="115">
        <v>391848</v>
      </c>
      <c r="FX11" s="114">
        <v>564152</v>
      </c>
      <c r="FY11" s="112">
        <v>956000</v>
      </c>
      <c r="FZ11" s="111">
        <v>0</v>
      </c>
      <c r="GA11" s="114">
        <v>1533360</v>
      </c>
      <c r="GB11" s="114">
        <v>3453160</v>
      </c>
      <c r="GC11" s="114">
        <v>3909640</v>
      </c>
      <c r="GD11" s="114">
        <v>3231528</v>
      </c>
      <c r="GE11" s="114">
        <v>2679576</v>
      </c>
      <c r="GF11" s="113">
        <v>14807264</v>
      </c>
      <c r="GG11" s="318">
        <v>15763264</v>
      </c>
      <c r="GH11" s="115">
        <v>21384</v>
      </c>
      <c r="GI11" s="114">
        <v>36516</v>
      </c>
      <c r="GJ11" s="112">
        <v>57900</v>
      </c>
      <c r="GK11" s="111">
        <v>0</v>
      </c>
      <c r="GL11" s="114">
        <v>149232</v>
      </c>
      <c r="GM11" s="114">
        <v>162392</v>
      </c>
      <c r="GN11" s="114">
        <v>104384</v>
      </c>
      <c r="GO11" s="114">
        <v>76824</v>
      </c>
      <c r="GP11" s="114">
        <v>147024</v>
      </c>
      <c r="GQ11" s="113">
        <v>639856</v>
      </c>
      <c r="GR11" s="116">
        <v>697756</v>
      </c>
      <c r="GS11" s="110">
        <v>252000</v>
      </c>
      <c r="GT11" s="114">
        <v>99200</v>
      </c>
      <c r="GU11" s="113">
        <v>351200</v>
      </c>
      <c r="GV11" s="110">
        <v>0</v>
      </c>
      <c r="GW11" s="114">
        <v>179392</v>
      </c>
      <c r="GX11" s="114">
        <v>237916</v>
      </c>
      <c r="GY11" s="114">
        <v>240912</v>
      </c>
      <c r="GZ11" s="114">
        <v>87208</v>
      </c>
      <c r="HA11" s="114">
        <v>22400</v>
      </c>
      <c r="HB11" s="112">
        <v>767828</v>
      </c>
      <c r="HC11" s="116">
        <v>1119028</v>
      </c>
      <c r="HD11" s="110">
        <v>2093255</v>
      </c>
      <c r="HE11" s="114">
        <v>1671445</v>
      </c>
      <c r="HF11" s="112">
        <v>3764700</v>
      </c>
      <c r="HG11" s="111">
        <v>0</v>
      </c>
      <c r="HH11" s="114">
        <v>11672967</v>
      </c>
      <c r="HI11" s="114">
        <v>11030165</v>
      </c>
      <c r="HJ11" s="114">
        <v>11788297</v>
      </c>
      <c r="HK11" s="114">
        <v>11184270</v>
      </c>
      <c r="HL11" s="114">
        <v>8048815</v>
      </c>
      <c r="HM11" s="113">
        <v>53724514</v>
      </c>
      <c r="HN11" s="109">
        <v>57489214</v>
      </c>
      <c r="HO11" s="328"/>
      <c r="HP11" s="329"/>
      <c r="HQ11" s="330"/>
      <c r="HR11" s="331"/>
      <c r="HS11" s="329"/>
      <c r="HT11" s="329"/>
      <c r="HU11" s="329"/>
      <c r="HV11" s="329"/>
      <c r="HW11" s="329"/>
      <c r="HX11" s="332"/>
      <c r="HY11" s="333"/>
      <c r="HZ11" s="131">
        <v>43424</v>
      </c>
      <c r="IA11" s="132">
        <v>0</v>
      </c>
      <c r="IB11" s="133">
        <v>43424</v>
      </c>
      <c r="IC11" s="146">
        <v>0</v>
      </c>
      <c r="ID11" s="132">
        <v>12154438</v>
      </c>
      <c r="IE11" s="147">
        <v>13801047</v>
      </c>
      <c r="IF11" s="133">
        <v>17544696</v>
      </c>
      <c r="IG11" s="132">
        <v>16037692</v>
      </c>
      <c r="IH11" s="133">
        <v>9268437</v>
      </c>
      <c r="II11" s="148">
        <v>68806310</v>
      </c>
      <c r="IJ11" s="139">
        <v>68849734</v>
      </c>
      <c r="IK11" s="232">
        <v>0</v>
      </c>
      <c r="IL11" s="236">
        <v>0</v>
      </c>
      <c r="IM11" s="237">
        <v>0</v>
      </c>
      <c r="IN11" s="140"/>
      <c r="IO11" s="119">
        <v>280405</v>
      </c>
      <c r="IP11" s="119">
        <v>656483</v>
      </c>
      <c r="IQ11" s="119">
        <v>1546878</v>
      </c>
      <c r="IR11" s="119">
        <v>1713434</v>
      </c>
      <c r="IS11" s="119">
        <v>1409666</v>
      </c>
      <c r="IT11" s="141">
        <v>5606866</v>
      </c>
      <c r="IU11" s="320">
        <v>5606866</v>
      </c>
      <c r="IV11" s="142">
        <v>0</v>
      </c>
      <c r="IW11" s="119">
        <v>0</v>
      </c>
      <c r="IX11" s="120">
        <v>0</v>
      </c>
      <c r="IY11" s="144"/>
      <c r="IZ11" s="119">
        <v>69510</v>
      </c>
      <c r="JA11" s="119">
        <v>111052</v>
      </c>
      <c r="JB11" s="119">
        <v>185364</v>
      </c>
      <c r="JC11" s="119">
        <v>362951</v>
      </c>
      <c r="JD11" s="119">
        <v>100289</v>
      </c>
      <c r="JE11" s="120">
        <v>829166</v>
      </c>
      <c r="JF11" s="121">
        <v>829166</v>
      </c>
      <c r="JG11" s="142">
        <v>0</v>
      </c>
      <c r="JH11" s="119">
        <v>0</v>
      </c>
      <c r="JI11" s="141">
        <v>0</v>
      </c>
      <c r="JJ11" s="118">
        <v>0</v>
      </c>
      <c r="JK11" s="119">
        <v>4340212</v>
      </c>
      <c r="JL11" s="119">
        <v>3059908</v>
      </c>
      <c r="JM11" s="119">
        <v>2673698</v>
      </c>
      <c r="JN11" s="119">
        <v>1866061</v>
      </c>
      <c r="JO11" s="119">
        <v>993467</v>
      </c>
      <c r="JP11" s="120">
        <v>12933346</v>
      </c>
      <c r="JQ11" s="320">
        <v>12933346</v>
      </c>
      <c r="JR11" s="142">
        <v>0</v>
      </c>
      <c r="JS11" s="119">
        <v>0</v>
      </c>
      <c r="JT11" s="141">
        <v>0</v>
      </c>
      <c r="JU11" s="118">
        <v>0</v>
      </c>
      <c r="JV11" s="119">
        <v>1286960</v>
      </c>
      <c r="JW11" s="119">
        <v>1435094</v>
      </c>
      <c r="JX11" s="119">
        <v>1760520</v>
      </c>
      <c r="JY11" s="119">
        <v>336659</v>
      </c>
      <c r="JZ11" s="119">
        <v>577542</v>
      </c>
      <c r="KA11" s="120">
        <v>5396775</v>
      </c>
      <c r="KB11" s="320">
        <v>5396775</v>
      </c>
      <c r="KC11" s="234">
        <v>43424</v>
      </c>
      <c r="KD11" s="230">
        <v>0</v>
      </c>
      <c r="KE11" s="120">
        <v>43424</v>
      </c>
      <c r="KF11" s="118">
        <v>0</v>
      </c>
      <c r="KG11" s="119">
        <v>945012</v>
      </c>
      <c r="KH11" s="119">
        <v>3462339</v>
      </c>
      <c r="KI11" s="119">
        <v>1215926</v>
      </c>
      <c r="KJ11" s="119">
        <v>2455536</v>
      </c>
      <c r="KK11" s="119">
        <v>280390</v>
      </c>
      <c r="KL11" s="120">
        <v>8359203</v>
      </c>
      <c r="KM11" s="143">
        <v>8402627</v>
      </c>
      <c r="KN11" s="232">
        <v>0</v>
      </c>
      <c r="KO11" s="236">
        <v>0</v>
      </c>
      <c r="KP11" s="237">
        <v>0</v>
      </c>
      <c r="KQ11" s="140"/>
      <c r="KR11" s="119">
        <v>4390032</v>
      </c>
      <c r="KS11" s="119">
        <v>4666562</v>
      </c>
      <c r="KT11" s="119">
        <v>7729619</v>
      </c>
      <c r="KU11" s="119">
        <v>5247618</v>
      </c>
      <c r="KV11" s="119">
        <v>3304270</v>
      </c>
      <c r="KW11" s="120">
        <v>25338101</v>
      </c>
      <c r="KX11" s="320">
        <v>25338101</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1691148</v>
      </c>
      <c r="LQ11" s="119">
        <v>1079580</v>
      </c>
      <c r="LR11" s="119">
        <v>313564</v>
      </c>
      <c r="LS11" s="120">
        <v>3084292</v>
      </c>
      <c r="LT11" s="320">
        <v>3084292</v>
      </c>
      <c r="LU11" s="142">
        <v>0</v>
      </c>
      <c r="LV11" s="119">
        <v>0</v>
      </c>
      <c r="LW11" s="120">
        <v>0</v>
      </c>
      <c r="LX11" s="145"/>
      <c r="LY11" s="119">
        <v>842307</v>
      </c>
      <c r="LZ11" s="119">
        <v>409609</v>
      </c>
      <c r="MA11" s="119">
        <v>741543</v>
      </c>
      <c r="MB11" s="119">
        <v>2975853</v>
      </c>
      <c r="MC11" s="119">
        <v>2289249</v>
      </c>
      <c r="MD11" s="120">
        <v>7258561</v>
      </c>
      <c r="ME11" s="121">
        <v>7258561</v>
      </c>
      <c r="MF11" s="142">
        <v>0</v>
      </c>
      <c r="MG11" s="119">
        <v>0</v>
      </c>
      <c r="MH11" s="120">
        <v>0</v>
      </c>
      <c r="MI11" s="145"/>
      <c r="MJ11" s="119">
        <v>2478086</v>
      </c>
      <c r="MK11" s="119">
        <v>5869210</v>
      </c>
      <c r="ML11" s="119">
        <v>16812717</v>
      </c>
      <c r="MM11" s="119">
        <v>25220855</v>
      </c>
      <c r="MN11" s="119">
        <v>23997097</v>
      </c>
      <c r="MO11" s="120">
        <v>74377965</v>
      </c>
      <c r="MP11" s="143">
        <v>74377965</v>
      </c>
      <c r="MQ11" s="142">
        <v>0</v>
      </c>
      <c r="MR11" s="119">
        <v>0</v>
      </c>
      <c r="MS11" s="120">
        <v>0</v>
      </c>
      <c r="MT11" s="145"/>
      <c r="MU11" s="119">
        <v>190078</v>
      </c>
      <c r="MV11" s="119">
        <v>1052271</v>
      </c>
      <c r="MW11" s="119">
        <v>9371586</v>
      </c>
      <c r="MX11" s="119">
        <v>14139769</v>
      </c>
      <c r="MY11" s="119">
        <v>12019823</v>
      </c>
      <c r="MZ11" s="120">
        <v>36773527</v>
      </c>
      <c r="NA11" s="143">
        <v>36773527</v>
      </c>
      <c r="NB11" s="142">
        <v>0</v>
      </c>
      <c r="NC11" s="119">
        <v>0</v>
      </c>
      <c r="ND11" s="120">
        <v>0</v>
      </c>
      <c r="NE11" s="145"/>
      <c r="NF11" s="119">
        <v>2288008</v>
      </c>
      <c r="NG11" s="119">
        <v>4816939</v>
      </c>
      <c r="NH11" s="119">
        <v>7135433</v>
      </c>
      <c r="NI11" s="119">
        <v>8347640</v>
      </c>
      <c r="NJ11" s="119">
        <v>7288359</v>
      </c>
      <c r="NK11" s="120">
        <v>29876379</v>
      </c>
      <c r="NL11" s="320">
        <v>29876379</v>
      </c>
      <c r="NM11" s="142">
        <v>0</v>
      </c>
      <c r="NN11" s="119">
        <v>0</v>
      </c>
      <c r="NO11" s="120">
        <v>0</v>
      </c>
      <c r="NP11" s="145"/>
      <c r="NQ11" s="119">
        <v>0</v>
      </c>
      <c r="NR11" s="119">
        <v>0</v>
      </c>
      <c r="NS11" s="119">
        <v>305698</v>
      </c>
      <c r="NT11" s="119">
        <v>2127363</v>
      </c>
      <c r="NU11" s="119">
        <v>3128727</v>
      </c>
      <c r="NV11" s="120">
        <v>5561788</v>
      </c>
      <c r="NW11" s="121">
        <v>5561788</v>
      </c>
      <c r="NX11" s="142">
        <v>0</v>
      </c>
      <c r="NY11" s="119">
        <v>0</v>
      </c>
      <c r="NZ11" s="120">
        <v>0</v>
      </c>
      <c r="OA11" s="145"/>
      <c r="OB11" s="119">
        <v>0</v>
      </c>
      <c r="OC11" s="119">
        <v>0</v>
      </c>
      <c r="OD11" s="119">
        <v>0</v>
      </c>
      <c r="OE11" s="119">
        <v>606083</v>
      </c>
      <c r="OF11" s="119">
        <v>1560188</v>
      </c>
      <c r="OG11" s="120">
        <v>2166271</v>
      </c>
      <c r="OH11" s="121">
        <v>2166271</v>
      </c>
      <c r="OI11" s="142">
        <v>4002976</v>
      </c>
      <c r="OJ11" s="119">
        <v>4450051</v>
      </c>
      <c r="OK11" s="141">
        <v>8453027</v>
      </c>
      <c r="OL11" s="118">
        <v>0</v>
      </c>
      <c r="OM11" s="119">
        <v>56403815</v>
      </c>
      <c r="ON11" s="119">
        <v>63559997</v>
      </c>
      <c r="OO11" s="119">
        <v>76812989</v>
      </c>
      <c r="OP11" s="119">
        <v>79376678</v>
      </c>
      <c r="OQ11" s="119">
        <v>64255401</v>
      </c>
      <c r="OR11" s="120">
        <v>340408880</v>
      </c>
      <c r="OS11" s="143">
        <v>348861907</v>
      </c>
    </row>
    <row r="12" spans="1:409" ht="21" customHeight="1" x14ac:dyDescent="0.2">
      <c r="B12" s="126" t="s">
        <v>14</v>
      </c>
      <c r="C12" s="110">
        <v>1725951</v>
      </c>
      <c r="D12" s="114">
        <v>3691586</v>
      </c>
      <c r="E12" s="113">
        <v>5417537</v>
      </c>
      <c r="F12" s="109">
        <v>0</v>
      </c>
      <c r="G12" s="114">
        <v>20353654</v>
      </c>
      <c r="H12" s="114">
        <v>26663147</v>
      </c>
      <c r="I12" s="114">
        <v>26893297</v>
      </c>
      <c r="J12" s="114">
        <v>17176359</v>
      </c>
      <c r="K12" s="114">
        <v>11960833</v>
      </c>
      <c r="L12" s="112">
        <v>103047290</v>
      </c>
      <c r="M12" s="116">
        <v>108464827</v>
      </c>
      <c r="N12" s="110">
        <v>281617</v>
      </c>
      <c r="O12" s="114">
        <v>971109</v>
      </c>
      <c r="P12" s="113">
        <v>1252726</v>
      </c>
      <c r="Q12" s="110">
        <v>0</v>
      </c>
      <c r="R12" s="114">
        <v>6164702</v>
      </c>
      <c r="S12" s="114">
        <v>9275783</v>
      </c>
      <c r="T12" s="114">
        <v>8847070</v>
      </c>
      <c r="U12" s="114">
        <v>5491839</v>
      </c>
      <c r="V12" s="114">
        <v>5083422</v>
      </c>
      <c r="W12" s="113">
        <v>34862816</v>
      </c>
      <c r="X12" s="116">
        <v>36115542</v>
      </c>
      <c r="Y12" s="110">
        <v>0</v>
      </c>
      <c r="Z12" s="114">
        <v>0</v>
      </c>
      <c r="AA12" s="113">
        <v>0</v>
      </c>
      <c r="AB12" s="110">
        <v>0</v>
      </c>
      <c r="AC12" s="114">
        <v>2853646</v>
      </c>
      <c r="AD12" s="114">
        <v>4758687</v>
      </c>
      <c r="AE12" s="114">
        <v>4746642</v>
      </c>
      <c r="AF12" s="114">
        <v>2692054</v>
      </c>
      <c r="AG12" s="114">
        <v>2932679</v>
      </c>
      <c r="AH12" s="113">
        <v>17983708</v>
      </c>
      <c r="AI12" s="116">
        <v>17983708</v>
      </c>
      <c r="AJ12" s="110">
        <v>0</v>
      </c>
      <c r="AK12" s="114">
        <v>0</v>
      </c>
      <c r="AL12" s="113">
        <v>0</v>
      </c>
      <c r="AM12" s="110">
        <v>0</v>
      </c>
      <c r="AN12" s="114">
        <v>25312</v>
      </c>
      <c r="AO12" s="114">
        <v>0</v>
      </c>
      <c r="AP12" s="114">
        <v>48814</v>
      </c>
      <c r="AQ12" s="114">
        <v>249507</v>
      </c>
      <c r="AR12" s="114">
        <v>392151</v>
      </c>
      <c r="AS12" s="113">
        <v>715784</v>
      </c>
      <c r="AT12" s="116">
        <v>715784</v>
      </c>
      <c r="AU12" s="110">
        <v>44233</v>
      </c>
      <c r="AV12" s="114">
        <v>641441</v>
      </c>
      <c r="AW12" s="113">
        <v>685674</v>
      </c>
      <c r="AX12" s="110">
        <v>0</v>
      </c>
      <c r="AY12" s="114">
        <v>2045599</v>
      </c>
      <c r="AZ12" s="114">
        <v>3149556</v>
      </c>
      <c r="BA12" s="114">
        <v>2480117</v>
      </c>
      <c r="BB12" s="114">
        <v>1463502</v>
      </c>
      <c r="BC12" s="114">
        <v>1003455</v>
      </c>
      <c r="BD12" s="113">
        <v>10142229</v>
      </c>
      <c r="BE12" s="116">
        <v>10827903</v>
      </c>
      <c r="BF12" s="110">
        <v>0</v>
      </c>
      <c r="BG12" s="114">
        <v>77756</v>
      </c>
      <c r="BH12" s="112">
        <v>77756</v>
      </c>
      <c r="BI12" s="111">
        <v>0</v>
      </c>
      <c r="BJ12" s="114">
        <v>93217</v>
      </c>
      <c r="BK12" s="114">
        <v>58396</v>
      </c>
      <c r="BL12" s="114">
        <v>21353</v>
      </c>
      <c r="BM12" s="114">
        <v>102384</v>
      </c>
      <c r="BN12" s="114">
        <v>10113</v>
      </c>
      <c r="BO12" s="113">
        <v>285463</v>
      </c>
      <c r="BP12" s="116">
        <v>363219</v>
      </c>
      <c r="BQ12" s="110">
        <v>237384</v>
      </c>
      <c r="BR12" s="114">
        <v>251912</v>
      </c>
      <c r="BS12" s="113">
        <v>489296</v>
      </c>
      <c r="BT12" s="110">
        <v>0</v>
      </c>
      <c r="BU12" s="114">
        <v>1146928</v>
      </c>
      <c r="BV12" s="114">
        <v>1309144</v>
      </c>
      <c r="BW12" s="114">
        <v>1550144</v>
      </c>
      <c r="BX12" s="114">
        <v>984392</v>
      </c>
      <c r="BY12" s="114">
        <v>745024</v>
      </c>
      <c r="BZ12" s="113">
        <v>5735632</v>
      </c>
      <c r="CA12" s="116">
        <v>6224928</v>
      </c>
      <c r="CB12" s="110">
        <v>144629</v>
      </c>
      <c r="CC12" s="114">
        <v>281835</v>
      </c>
      <c r="CD12" s="113">
        <v>426464</v>
      </c>
      <c r="CE12" s="110">
        <v>0</v>
      </c>
      <c r="CF12" s="114">
        <v>6614418</v>
      </c>
      <c r="CG12" s="114">
        <v>9205913</v>
      </c>
      <c r="CH12" s="114">
        <v>7716675</v>
      </c>
      <c r="CI12" s="114">
        <v>4282929</v>
      </c>
      <c r="CJ12" s="114">
        <v>1374448</v>
      </c>
      <c r="CK12" s="113">
        <v>29194383</v>
      </c>
      <c r="CL12" s="116">
        <v>29620847</v>
      </c>
      <c r="CM12" s="110">
        <v>0</v>
      </c>
      <c r="CN12" s="114">
        <v>0</v>
      </c>
      <c r="CO12" s="113">
        <v>0</v>
      </c>
      <c r="CP12" s="111">
        <v>0</v>
      </c>
      <c r="CQ12" s="114">
        <v>5891321</v>
      </c>
      <c r="CR12" s="114">
        <v>7388514</v>
      </c>
      <c r="CS12" s="114">
        <v>6711255</v>
      </c>
      <c r="CT12" s="114">
        <v>3389423</v>
      </c>
      <c r="CU12" s="114">
        <v>1243212</v>
      </c>
      <c r="CV12" s="113">
        <v>24623725</v>
      </c>
      <c r="CW12" s="116">
        <v>24623725</v>
      </c>
      <c r="CX12" s="110">
        <v>144629</v>
      </c>
      <c r="CY12" s="114">
        <v>281835</v>
      </c>
      <c r="CZ12" s="113">
        <v>426464</v>
      </c>
      <c r="DA12" s="110">
        <v>0</v>
      </c>
      <c r="DB12" s="114">
        <v>723097</v>
      </c>
      <c r="DC12" s="114">
        <v>1817399</v>
      </c>
      <c r="DD12" s="114">
        <v>1005420</v>
      </c>
      <c r="DE12" s="114">
        <v>893506</v>
      </c>
      <c r="DF12" s="114">
        <v>131236</v>
      </c>
      <c r="DG12" s="113">
        <v>4570658</v>
      </c>
      <c r="DH12" s="116">
        <v>4997122</v>
      </c>
      <c r="DI12" s="110">
        <v>0</v>
      </c>
      <c r="DJ12" s="114">
        <v>34359</v>
      </c>
      <c r="DK12" s="112">
        <v>34359</v>
      </c>
      <c r="DL12" s="111">
        <v>0</v>
      </c>
      <c r="DM12" s="114">
        <v>853419</v>
      </c>
      <c r="DN12" s="114">
        <v>1063708</v>
      </c>
      <c r="DO12" s="114">
        <v>2718436</v>
      </c>
      <c r="DP12" s="114">
        <v>1726175</v>
      </c>
      <c r="DQ12" s="114">
        <v>647413</v>
      </c>
      <c r="DR12" s="113">
        <v>7009151</v>
      </c>
      <c r="DS12" s="116">
        <v>7043510</v>
      </c>
      <c r="DT12" s="110">
        <v>0</v>
      </c>
      <c r="DU12" s="114">
        <v>34359</v>
      </c>
      <c r="DV12" s="113">
        <v>34359</v>
      </c>
      <c r="DW12" s="110">
        <v>0</v>
      </c>
      <c r="DX12" s="114">
        <v>853419</v>
      </c>
      <c r="DY12" s="114">
        <v>1063708</v>
      </c>
      <c r="DZ12" s="114">
        <v>2663584</v>
      </c>
      <c r="EA12" s="114">
        <v>1389277</v>
      </c>
      <c r="EB12" s="114">
        <v>572141</v>
      </c>
      <c r="EC12" s="113">
        <v>6542129</v>
      </c>
      <c r="ED12" s="116">
        <v>6576488</v>
      </c>
      <c r="EE12" s="110">
        <v>0</v>
      </c>
      <c r="EF12" s="112">
        <v>0</v>
      </c>
      <c r="EG12" s="113">
        <v>0</v>
      </c>
      <c r="EH12" s="110">
        <v>0</v>
      </c>
      <c r="EI12" s="114">
        <v>0</v>
      </c>
      <c r="EJ12" s="114">
        <v>0</v>
      </c>
      <c r="EK12" s="114">
        <v>54852</v>
      </c>
      <c r="EL12" s="114">
        <v>336898</v>
      </c>
      <c r="EM12" s="114">
        <v>75272</v>
      </c>
      <c r="EN12" s="112">
        <v>467022</v>
      </c>
      <c r="EO12" s="116">
        <v>467022</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498584</v>
      </c>
      <c r="FM12" s="114">
        <v>1258697</v>
      </c>
      <c r="FN12" s="113">
        <v>1757281</v>
      </c>
      <c r="FO12" s="110">
        <v>0</v>
      </c>
      <c r="FP12" s="114">
        <v>977848</v>
      </c>
      <c r="FQ12" s="114">
        <v>2721598</v>
      </c>
      <c r="FR12" s="114">
        <v>2099472</v>
      </c>
      <c r="FS12" s="114">
        <v>1789288</v>
      </c>
      <c r="FT12" s="114">
        <v>1117152</v>
      </c>
      <c r="FU12" s="113">
        <v>8705358</v>
      </c>
      <c r="FV12" s="116">
        <v>10462639</v>
      </c>
      <c r="FW12" s="115">
        <v>178584</v>
      </c>
      <c r="FX12" s="114">
        <v>738448</v>
      </c>
      <c r="FY12" s="112">
        <v>917032</v>
      </c>
      <c r="FZ12" s="111">
        <v>0</v>
      </c>
      <c r="GA12" s="114">
        <v>747848</v>
      </c>
      <c r="GB12" s="114">
        <v>2504072</v>
      </c>
      <c r="GC12" s="114">
        <v>1910672</v>
      </c>
      <c r="GD12" s="114">
        <v>1727928</v>
      </c>
      <c r="GE12" s="114">
        <v>1042352</v>
      </c>
      <c r="GF12" s="113">
        <v>7932872</v>
      </c>
      <c r="GG12" s="318">
        <v>8849904</v>
      </c>
      <c r="GH12" s="115">
        <v>0</v>
      </c>
      <c r="GI12" s="114">
        <v>105050</v>
      </c>
      <c r="GJ12" s="112">
        <v>105050</v>
      </c>
      <c r="GK12" s="111">
        <v>0</v>
      </c>
      <c r="GL12" s="114">
        <v>21600</v>
      </c>
      <c r="GM12" s="114">
        <v>152726</v>
      </c>
      <c r="GN12" s="114">
        <v>0</v>
      </c>
      <c r="GO12" s="114">
        <v>61360</v>
      </c>
      <c r="GP12" s="114">
        <v>74800</v>
      </c>
      <c r="GQ12" s="113">
        <v>310486</v>
      </c>
      <c r="GR12" s="116">
        <v>415536</v>
      </c>
      <c r="GS12" s="110">
        <v>320000</v>
      </c>
      <c r="GT12" s="114">
        <v>415199</v>
      </c>
      <c r="GU12" s="113">
        <v>735199</v>
      </c>
      <c r="GV12" s="110">
        <v>0</v>
      </c>
      <c r="GW12" s="114">
        <v>208400</v>
      </c>
      <c r="GX12" s="114">
        <v>64800</v>
      </c>
      <c r="GY12" s="114">
        <v>188800</v>
      </c>
      <c r="GZ12" s="114">
        <v>0</v>
      </c>
      <c r="HA12" s="114">
        <v>0</v>
      </c>
      <c r="HB12" s="112">
        <v>462000</v>
      </c>
      <c r="HC12" s="116">
        <v>1197199</v>
      </c>
      <c r="HD12" s="110">
        <v>801121</v>
      </c>
      <c r="HE12" s="114">
        <v>1145586</v>
      </c>
      <c r="HF12" s="112">
        <v>1946707</v>
      </c>
      <c r="HG12" s="111">
        <v>0</v>
      </c>
      <c r="HH12" s="114">
        <v>5743267</v>
      </c>
      <c r="HI12" s="114">
        <v>4396145</v>
      </c>
      <c r="HJ12" s="114">
        <v>5511644</v>
      </c>
      <c r="HK12" s="114">
        <v>3886128</v>
      </c>
      <c r="HL12" s="114">
        <v>3738398</v>
      </c>
      <c r="HM12" s="113">
        <v>23275582</v>
      </c>
      <c r="HN12" s="109">
        <v>25222289</v>
      </c>
      <c r="HO12" s="328"/>
      <c r="HP12" s="329"/>
      <c r="HQ12" s="330"/>
      <c r="HR12" s="331"/>
      <c r="HS12" s="329"/>
      <c r="HT12" s="329"/>
      <c r="HU12" s="329"/>
      <c r="HV12" s="329"/>
      <c r="HW12" s="329"/>
      <c r="HX12" s="332"/>
      <c r="HY12" s="333"/>
      <c r="HZ12" s="131">
        <v>38929</v>
      </c>
      <c r="IA12" s="132">
        <v>75890</v>
      </c>
      <c r="IB12" s="133">
        <v>114819</v>
      </c>
      <c r="IC12" s="134">
        <v>0</v>
      </c>
      <c r="ID12" s="135">
        <v>6046350</v>
      </c>
      <c r="IE12" s="136">
        <v>7077811</v>
      </c>
      <c r="IF12" s="137">
        <v>8153998</v>
      </c>
      <c r="IG12" s="135">
        <v>6182341</v>
      </c>
      <c r="IH12" s="137">
        <v>4528693</v>
      </c>
      <c r="II12" s="138">
        <v>31989193</v>
      </c>
      <c r="IJ12" s="139">
        <v>32104012</v>
      </c>
      <c r="IK12" s="232">
        <v>0</v>
      </c>
      <c r="IL12" s="236">
        <v>0</v>
      </c>
      <c r="IM12" s="237">
        <v>0</v>
      </c>
      <c r="IN12" s="140"/>
      <c r="IO12" s="119">
        <v>154984</v>
      </c>
      <c r="IP12" s="119">
        <v>206366</v>
      </c>
      <c r="IQ12" s="119">
        <v>0</v>
      </c>
      <c r="IR12" s="119">
        <v>427051</v>
      </c>
      <c r="IS12" s="119">
        <v>231048</v>
      </c>
      <c r="IT12" s="141">
        <v>1019449</v>
      </c>
      <c r="IU12" s="320">
        <v>1019449</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915705</v>
      </c>
      <c r="JL12" s="119">
        <v>3211296</v>
      </c>
      <c r="JM12" s="119">
        <v>2262361</v>
      </c>
      <c r="JN12" s="119">
        <v>1178050</v>
      </c>
      <c r="JO12" s="119">
        <v>935542</v>
      </c>
      <c r="JP12" s="120">
        <v>10502954</v>
      </c>
      <c r="JQ12" s="320">
        <v>10502954</v>
      </c>
      <c r="JR12" s="142">
        <v>0</v>
      </c>
      <c r="JS12" s="119">
        <v>0</v>
      </c>
      <c r="JT12" s="141">
        <v>0</v>
      </c>
      <c r="JU12" s="118">
        <v>0</v>
      </c>
      <c r="JV12" s="119">
        <v>77553</v>
      </c>
      <c r="JW12" s="119">
        <v>180814</v>
      </c>
      <c r="JX12" s="119">
        <v>73152</v>
      </c>
      <c r="JY12" s="119">
        <v>95351</v>
      </c>
      <c r="JZ12" s="119">
        <v>0</v>
      </c>
      <c r="KA12" s="120">
        <v>426870</v>
      </c>
      <c r="KB12" s="320">
        <v>426870</v>
      </c>
      <c r="KC12" s="234">
        <v>38929</v>
      </c>
      <c r="KD12" s="230">
        <v>75890</v>
      </c>
      <c r="KE12" s="120">
        <v>114819</v>
      </c>
      <c r="KF12" s="118">
        <v>0</v>
      </c>
      <c r="KG12" s="119">
        <v>920019</v>
      </c>
      <c r="KH12" s="119">
        <v>1030348</v>
      </c>
      <c r="KI12" s="119">
        <v>1722546</v>
      </c>
      <c r="KJ12" s="119">
        <v>1006309</v>
      </c>
      <c r="KK12" s="119">
        <v>948089</v>
      </c>
      <c r="KL12" s="120">
        <v>5627311</v>
      </c>
      <c r="KM12" s="143">
        <v>5742130</v>
      </c>
      <c r="KN12" s="232">
        <v>0</v>
      </c>
      <c r="KO12" s="236">
        <v>0</v>
      </c>
      <c r="KP12" s="237">
        <v>0</v>
      </c>
      <c r="KQ12" s="140"/>
      <c r="KR12" s="119">
        <v>1840354</v>
      </c>
      <c r="KS12" s="119">
        <v>1894866</v>
      </c>
      <c r="KT12" s="119">
        <v>3374736</v>
      </c>
      <c r="KU12" s="119">
        <v>2333362</v>
      </c>
      <c r="KV12" s="119">
        <v>2277097</v>
      </c>
      <c r="KW12" s="120">
        <v>11720415</v>
      </c>
      <c r="KX12" s="320">
        <v>11720415</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450090</v>
      </c>
      <c r="LQ12" s="119">
        <v>18077</v>
      </c>
      <c r="LR12" s="119">
        <v>0</v>
      </c>
      <c r="LS12" s="120">
        <v>468167</v>
      </c>
      <c r="LT12" s="320">
        <v>468167</v>
      </c>
      <c r="LU12" s="142">
        <v>0</v>
      </c>
      <c r="LV12" s="119">
        <v>0</v>
      </c>
      <c r="LW12" s="120">
        <v>0</v>
      </c>
      <c r="LX12" s="145"/>
      <c r="LY12" s="119">
        <v>137735</v>
      </c>
      <c r="LZ12" s="119">
        <v>554121</v>
      </c>
      <c r="MA12" s="119">
        <v>271113</v>
      </c>
      <c r="MB12" s="119">
        <v>1124141</v>
      </c>
      <c r="MC12" s="119">
        <v>136917</v>
      </c>
      <c r="MD12" s="120">
        <v>2224027</v>
      </c>
      <c r="ME12" s="121">
        <v>2224027</v>
      </c>
      <c r="MF12" s="142">
        <v>0</v>
      </c>
      <c r="MG12" s="119">
        <v>0</v>
      </c>
      <c r="MH12" s="120">
        <v>0</v>
      </c>
      <c r="MI12" s="145"/>
      <c r="MJ12" s="119">
        <v>698833</v>
      </c>
      <c r="MK12" s="119">
        <v>708757</v>
      </c>
      <c r="ML12" s="119">
        <v>9410493</v>
      </c>
      <c r="MM12" s="119">
        <v>19510797</v>
      </c>
      <c r="MN12" s="119">
        <v>11107560</v>
      </c>
      <c r="MO12" s="120">
        <v>41436440</v>
      </c>
      <c r="MP12" s="143">
        <v>41436440</v>
      </c>
      <c r="MQ12" s="142">
        <v>0</v>
      </c>
      <c r="MR12" s="119">
        <v>0</v>
      </c>
      <c r="MS12" s="120">
        <v>0</v>
      </c>
      <c r="MT12" s="145"/>
      <c r="MU12" s="119">
        <v>216584</v>
      </c>
      <c r="MV12" s="119">
        <v>0</v>
      </c>
      <c r="MW12" s="119">
        <v>6283174</v>
      </c>
      <c r="MX12" s="119">
        <v>13804796</v>
      </c>
      <c r="MY12" s="119">
        <v>7343740</v>
      </c>
      <c r="MZ12" s="120">
        <v>27648294</v>
      </c>
      <c r="NA12" s="143">
        <v>27648294</v>
      </c>
      <c r="NB12" s="142">
        <v>0</v>
      </c>
      <c r="NC12" s="119">
        <v>0</v>
      </c>
      <c r="ND12" s="120">
        <v>0</v>
      </c>
      <c r="NE12" s="145"/>
      <c r="NF12" s="119">
        <v>482249</v>
      </c>
      <c r="NG12" s="119">
        <v>708757</v>
      </c>
      <c r="NH12" s="119">
        <v>3127319</v>
      </c>
      <c r="NI12" s="119">
        <v>4020741</v>
      </c>
      <c r="NJ12" s="119">
        <v>2053368</v>
      </c>
      <c r="NK12" s="120">
        <v>10392434</v>
      </c>
      <c r="NL12" s="320">
        <v>10392434</v>
      </c>
      <c r="NM12" s="142">
        <v>0</v>
      </c>
      <c r="NN12" s="119">
        <v>0</v>
      </c>
      <c r="NO12" s="120">
        <v>0</v>
      </c>
      <c r="NP12" s="145"/>
      <c r="NQ12" s="119">
        <v>0</v>
      </c>
      <c r="NR12" s="119">
        <v>0</v>
      </c>
      <c r="NS12" s="119">
        <v>0</v>
      </c>
      <c r="NT12" s="119">
        <v>365953</v>
      </c>
      <c r="NU12" s="119">
        <v>301119</v>
      </c>
      <c r="NV12" s="120">
        <v>667072</v>
      </c>
      <c r="NW12" s="121">
        <v>667072</v>
      </c>
      <c r="NX12" s="142">
        <v>0</v>
      </c>
      <c r="NY12" s="119">
        <v>0</v>
      </c>
      <c r="NZ12" s="120">
        <v>0</v>
      </c>
      <c r="OA12" s="145"/>
      <c r="OB12" s="119">
        <v>0</v>
      </c>
      <c r="OC12" s="119">
        <v>0</v>
      </c>
      <c r="OD12" s="119">
        <v>0</v>
      </c>
      <c r="OE12" s="119">
        <v>1319307</v>
      </c>
      <c r="OF12" s="119">
        <v>1409333</v>
      </c>
      <c r="OG12" s="120">
        <v>2728640</v>
      </c>
      <c r="OH12" s="121">
        <v>2728640</v>
      </c>
      <c r="OI12" s="142">
        <v>1764880</v>
      </c>
      <c r="OJ12" s="119">
        <v>3767476</v>
      </c>
      <c r="OK12" s="141">
        <v>5532356</v>
      </c>
      <c r="OL12" s="118">
        <v>0</v>
      </c>
      <c r="OM12" s="119">
        <v>27098837</v>
      </c>
      <c r="ON12" s="119">
        <v>34449715</v>
      </c>
      <c r="OO12" s="119">
        <v>44457788</v>
      </c>
      <c r="OP12" s="119">
        <v>42869497</v>
      </c>
      <c r="OQ12" s="119">
        <v>27597086</v>
      </c>
      <c r="OR12" s="120">
        <v>176472923</v>
      </c>
      <c r="OS12" s="143">
        <v>182005279</v>
      </c>
    </row>
    <row r="13" spans="1:409" ht="21" customHeight="1" x14ac:dyDescent="0.2">
      <c r="B13" s="126" t="s">
        <v>7</v>
      </c>
      <c r="C13" s="110">
        <v>1145234</v>
      </c>
      <c r="D13" s="114">
        <v>892879</v>
      </c>
      <c r="E13" s="113">
        <v>2038113</v>
      </c>
      <c r="F13" s="109">
        <v>0</v>
      </c>
      <c r="G13" s="114">
        <v>25538552</v>
      </c>
      <c r="H13" s="114">
        <v>22088519</v>
      </c>
      <c r="I13" s="114">
        <v>19547956</v>
      </c>
      <c r="J13" s="114">
        <v>19704592</v>
      </c>
      <c r="K13" s="114">
        <v>12479843</v>
      </c>
      <c r="L13" s="109">
        <v>99359462</v>
      </c>
      <c r="M13" s="116">
        <v>101397575</v>
      </c>
      <c r="N13" s="110">
        <v>259595</v>
      </c>
      <c r="O13" s="114">
        <v>206308</v>
      </c>
      <c r="P13" s="113">
        <v>465903</v>
      </c>
      <c r="Q13" s="110">
        <v>0</v>
      </c>
      <c r="R13" s="114">
        <v>7385379</v>
      </c>
      <c r="S13" s="114">
        <v>6740706</v>
      </c>
      <c r="T13" s="114">
        <v>7797574</v>
      </c>
      <c r="U13" s="114">
        <v>7157378</v>
      </c>
      <c r="V13" s="114">
        <v>6443002</v>
      </c>
      <c r="W13" s="113">
        <v>35524039</v>
      </c>
      <c r="X13" s="116">
        <v>35989942</v>
      </c>
      <c r="Y13" s="110">
        <v>0</v>
      </c>
      <c r="Z13" s="114">
        <v>0</v>
      </c>
      <c r="AA13" s="113">
        <v>0</v>
      </c>
      <c r="AB13" s="110">
        <v>0</v>
      </c>
      <c r="AC13" s="114">
        <v>3683442</v>
      </c>
      <c r="AD13" s="114">
        <v>3413986</v>
      </c>
      <c r="AE13" s="114">
        <v>4485026</v>
      </c>
      <c r="AF13" s="114">
        <v>4024159</v>
      </c>
      <c r="AG13" s="114">
        <v>4251456</v>
      </c>
      <c r="AH13" s="113">
        <v>19858069</v>
      </c>
      <c r="AI13" s="116">
        <v>19858069</v>
      </c>
      <c r="AJ13" s="110">
        <v>0</v>
      </c>
      <c r="AK13" s="114">
        <v>0</v>
      </c>
      <c r="AL13" s="113">
        <v>0</v>
      </c>
      <c r="AM13" s="110">
        <v>0</v>
      </c>
      <c r="AN13" s="114">
        <v>57865</v>
      </c>
      <c r="AO13" s="114">
        <v>349346</v>
      </c>
      <c r="AP13" s="114">
        <v>535625</v>
      </c>
      <c r="AQ13" s="114">
        <v>710528</v>
      </c>
      <c r="AR13" s="114">
        <v>666875</v>
      </c>
      <c r="AS13" s="113">
        <v>2320239</v>
      </c>
      <c r="AT13" s="116">
        <v>2320239</v>
      </c>
      <c r="AU13" s="110">
        <v>96923</v>
      </c>
      <c r="AV13" s="114">
        <v>114788</v>
      </c>
      <c r="AW13" s="113">
        <v>211711</v>
      </c>
      <c r="AX13" s="110">
        <v>0</v>
      </c>
      <c r="AY13" s="114">
        <v>1890896</v>
      </c>
      <c r="AZ13" s="114">
        <v>1863742</v>
      </c>
      <c r="BA13" s="114">
        <v>1445328</v>
      </c>
      <c r="BB13" s="114">
        <v>1162565</v>
      </c>
      <c r="BC13" s="114">
        <v>968967</v>
      </c>
      <c r="BD13" s="113">
        <v>7331498</v>
      </c>
      <c r="BE13" s="116">
        <v>7543209</v>
      </c>
      <c r="BF13" s="110">
        <v>0</v>
      </c>
      <c r="BG13" s="114">
        <v>0</v>
      </c>
      <c r="BH13" s="112">
        <v>0</v>
      </c>
      <c r="BI13" s="111">
        <v>0</v>
      </c>
      <c r="BJ13" s="114">
        <v>250088</v>
      </c>
      <c r="BK13" s="114">
        <v>60024</v>
      </c>
      <c r="BL13" s="114">
        <v>217275</v>
      </c>
      <c r="BM13" s="114">
        <v>108822</v>
      </c>
      <c r="BN13" s="114">
        <v>0</v>
      </c>
      <c r="BO13" s="113">
        <v>636209</v>
      </c>
      <c r="BP13" s="116">
        <v>636209</v>
      </c>
      <c r="BQ13" s="110">
        <v>162672</v>
      </c>
      <c r="BR13" s="114">
        <v>91520</v>
      </c>
      <c r="BS13" s="113">
        <v>254192</v>
      </c>
      <c r="BT13" s="110">
        <v>0</v>
      </c>
      <c r="BU13" s="114">
        <v>1503088</v>
      </c>
      <c r="BV13" s="114">
        <v>1053608</v>
      </c>
      <c r="BW13" s="114">
        <v>1114320</v>
      </c>
      <c r="BX13" s="114">
        <v>1151304</v>
      </c>
      <c r="BY13" s="114">
        <v>555704</v>
      </c>
      <c r="BZ13" s="113">
        <v>5378024</v>
      </c>
      <c r="CA13" s="116">
        <v>5632216</v>
      </c>
      <c r="CB13" s="110">
        <v>38578</v>
      </c>
      <c r="CC13" s="114">
        <v>0</v>
      </c>
      <c r="CD13" s="113">
        <v>38578</v>
      </c>
      <c r="CE13" s="110">
        <v>0</v>
      </c>
      <c r="CF13" s="114">
        <v>7559681</v>
      </c>
      <c r="CG13" s="114">
        <v>6607090</v>
      </c>
      <c r="CH13" s="114">
        <v>4347449</v>
      </c>
      <c r="CI13" s="114">
        <v>2218968</v>
      </c>
      <c r="CJ13" s="114">
        <v>807226</v>
      </c>
      <c r="CK13" s="113">
        <v>21540414</v>
      </c>
      <c r="CL13" s="116">
        <v>21578992</v>
      </c>
      <c r="CM13" s="110">
        <v>0</v>
      </c>
      <c r="CN13" s="114">
        <v>0</v>
      </c>
      <c r="CO13" s="113">
        <v>0</v>
      </c>
      <c r="CP13" s="111">
        <v>0</v>
      </c>
      <c r="CQ13" s="114">
        <v>6421336</v>
      </c>
      <c r="CR13" s="114">
        <v>5170038</v>
      </c>
      <c r="CS13" s="114">
        <v>3318737</v>
      </c>
      <c r="CT13" s="114">
        <v>1842861</v>
      </c>
      <c r="CU13" s="114">
        <v>807226</v>
      </c>
      <c r="CV13" s="113">
        <v>17560198</v>
      </c>
      <c r="CW13" s="116">
        <v>17560198</v>
      </c>
      <c r="CX13" s="110">
        <v>38578</v>
      </c>
      <c r="CY13" s="114">
        <v>0</v>
      </c>
      <c r="CZ13" s="113">
        <v>38578</v>
      </c>
      <c r="DA13" s="110">
        <v>0</v>
      </c>
      <c r="DB13" s="114">
        <v>1138345</v>
      </c>
      <c r="DC13" s="114">
        <v>1437052</v>
      </c>
      <c r="DD13" s="114">
        <v>1028712</v>
      </c>
      <c r="DE13" s="114">
        <v>376107</v>
      </c>
      <c r="DF13" s="114">
        <v>0</v>
      </c>
      <c r="DG13" s="113">
        <v>3980216</v>
      </c>
      <c r="DH13" s="116">
        <v>4018794</v>
      </c>
      <c r="DI13" s="110">
        <v>0</v>
      </c>
      <c r="DJ13" s="114">
        <v>0</v>
      </c>
      <c r="DK13" s="112">
        <v>0</v>
      </c>
      <c r="DL13" s="111">
        <v>0</v>
      </c>
      <c r="DM13" s="114">
        <v>889039</v>
      </c>
      <c r="DN13" s="114">
        <v>1308361</v>
      </c>
      <c r="DO13" s="114">
        <v>1118655</v>
      </c>
      <c r="DP13" s="114">
        <v>1711758</v>
      </c>
      <c r="DQ13" s="114">
        <v>413671</v>
      </c>
      <c r="DR13" s="113">
        <v>5441484</v>
      </c>
      <c r="DS13" s="116">
        <v>5441484</v>
      </c>
      <c r="DT13" s="110">
        <v>0</v>
      </c>
      <c r="DU13" s="114">
        <v>0</v>
      </c>
      <c r="DV13" s="113">
        <v>0</v>
      </c>
      <c r="DW13" s="110">
        <v>0</v>
      </c>
      <c r="DX13" s="114">
        <v>889039</v>
      </c>
      <c r="DY13" s="114">
        <v>1308361</v>
      </c>
      <c r="DZ13" s="114">
        <v>1118655</v>
      </c>
      <c r="EA13" s="114">
        <v>1711758</v>
      </c>
      <c r="EB13" s="114">
        <v>413671</v>
      </c>
      <c r="EC13" s="113">
        <v>5441484</v>
      </c>
      <c r="ED13" s="116">
        <v>5441484</v>
      </c>
      <c r="EE13" s="110">
        <v>0</v>
      </c>
      <c r="EF13" s="112">
        <v>0</v>
      </c>
      <c r="EG13" s="113">
        <v>0</v>
      </c>
      <c r="EH13" s="110">
        <v>0</v>
      </c>
      <c r="EI13" s="114">
        <v>0</v>
      </c>
      <c r="EJ13" s="114">
        <v>0</v>
      </c>
      <c r="EK13" s="114">
        <v>0</v>
      </c>
      <c r="EL13" s="114">
        <v>0</v>
      </c>
      <c r="EM13" s="114">
        <v>0</v>
      </c>
      <c r="EN13" s="112">
        <v>0</v>
      </c>
      <c r="EO13" s="116">
        <v>0</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365640</v>
      </c>
      <c r="FM13" s="114">
        <v>332220</v>
      </c>
      <c r="FN13" s="113">
        <v>697860</v>
      </c>
      <c r="FO13" s="110">
        <v>0</v>
      </c>
      <c r="FP13" s="114">
        <v>1084672</v>
      </c>
      <c r="FQ13" s="114">
        <v>2485979</v>
      </c>
      <c r="FR13" s="114">
        <v>1521891</v>
      </c>
      <c r="FS13" s="114">
        <v>1629196</v>
      </c>
      <c r="FT13" s="114">
        <v>839080</v>
      </c>
      <c r="FU13" s="113">
        <v>7560818</v>
      </c>
      <c r="FV13" s="116">
        <v>8258678</v>
      </c>
      <c r="FW13" s="115">
        <v>73640</v>
      </c>
      <c r="FX13" s="114">
        <v>140784</v>
      </c>
      <c r="FY13" s="112">
        <v>214424</v>
      </c>
      <c r="FZ13" s="111">
        <v>0</v>
      </c>
      <c r="GA13" s="114">
        <v>733352</v>
      </c>
      <c r="GB13" s="114">
        <v>2287912</v>
      </c>
      <c r="GC13" s="114">
        <v>1467208</v>
      </c>
      <c r="GD13" s="114">
        <v>1211136</v>
      </c>
      <c r="GE13" s="114">
        <v>839080</v>
      </c>
      <c r="GF13" s="113">
        <v>6538688</v>
      </c>
      <c r="GG13" s="318">
        <v>6753112</v>
      </c>
      <c r="GH13" s="115">
        <v>40000</v>
      </c>
      <c r="GI13" s="114">
        <v>86636</v>
      </c>
      <c r="GJ13" s="112">
        <v>126636</v>
      </c>
      <c r="GK13" s="111">
        <v>0</v>
      </c>
      <c r="GL13" s="114">
        <v>88920</v>
      </c>
      <c r="GM13" s="114">
        <v>49267</v>
      </c>
      <c r="GN13" s="114">
        <v>54683</v>
      </c>
      <c r="GO13" s="114">
        <v>46060</v>
      </c>
      <c r="GP13" s="114">
        <v>0</v>
      </c>
      <c r="GQ13" s="113">
        <v>238930</v>
      </c>
      <c r="GR13" s="116">
        <v>365566</v>
      </c>
      <c r="GS13" s="110">
        <v>252000</v>
      </c>
      <c r="GT13" s="114">
        <v>104800</v>
      </c>
      <c r="GU13" s="113">
        <v>356800</v>
      </c>
      <c r="GV13" s="110">
        <v>0</v>
      </c>
      <c r="GW13" s="114">
        <v>262400</v>
      </c>
      <c r="GX13" s="114">
        <v>148800</v>
      </c>
      <c r="GY13" s="114">
        <v>0</v>
      </c>
      <c r="GZ13" s="114">
        <v>372000</v>
      </c>
      <c r="HA13" s="114">
        <v>0</v>
      </c>
      <c r="HB13" s="112">
        <v>783200</v>
      </c>
      <c r="HC13" s="116">
        <v>1140000</v>
      </c>
      <c r="HD13" s="110">
        <v>481421</v>
      </c>
      <c r="HE13" s="114">
        <v>354351</v>
      </c>
      <c r="HF13" s="112">
        <v>835772</v>
      </c>
      <c r="HG13" s="111">
        <v>0</v>
      </c>
      <c r="HH13" s="114">
        <v>8619781</v>
      </c>
      <c r="HI13" s="114">
        <v>4946383</v>
      </c>
      <c r="HJ13" s="114">
        <v>4762387</v>
      </c>
      <c r="HK13" s="114">
        <v>6987292</v>
      </c>
      <c r="HL13" s="114">
        <v>3976864</v>
      </c>
      <c r="HM13" s="113">
        <v>29292707</v>
      </c>
      <c r="HN13" s="109">
        <v>30128479</v>
      </c>
      <c r="HO13" s="328"/>
      <c r="HP13" s="329"/>
      <c r="HQ13" s="330"/>
      <c r="HR13" s="331"/>
      <c r="HS13" s="329"/>
      <c r="HT13" s="329"/>
      <c r="HU13" s="329"/>
      <c r="HV13" s="329"/>
      <c r="HW13" s="329"/>
      <c r="HX13" s="332"/>
      <c r="HY13" s="333"/>
      <c r="HZ13" s="131">
        <v>129519</v>
      </c>
      <c r="IA13" s="132">
        <v>64624</v>
      </c>
      <c r="IB13" s="133">
        <v>194143</v>
      </c>
      <c r="IC13" s="146">
        <v>0</v>
      </c>
      <c r="ID13" s="132">
        <v>6828040</v>
      </c>
      <c r="IE13" s="147">
        <v>5169695</v>
      </c>
      <c r="IF13" s="133">
        <v>6009059</v>
      </c>
      <c r="IG13" s="132">
        <v>3764194</v>
      </c>
      <c r="IH13" s="133">
        <v>1885534</v>
      </c>
      <c r="II13" s="148">
        <v>23656522</v>
      </c>
      <c r="IJ13" s="139">
        <v>23850665</v>
      </c>
      <c r="IK13" s="232">
        <v>0</v>
      </c>
      <c r="IL13" s="236">
        <v>0</v>
      </c>
      <c r="IM13" s="237">
        <v>0</v>
      </c>
      <c r="IN13" s="140"/>
      <c r="IO13" s="119">
        <v>0</v>
      </c>
      <c r="IP13" s="119">
        <v>0</v>
      </c>
      <c r="IQ13" s="119">
        <v>0</v>
      </c>
      <c r="IR13" s="119">
        <v>0</v>
      </c>
      <c r="IS13" s="119">
        <v>0</v>
      </c>
      <c r="IT13" s="141">
        <v>0</v>
      </c>
      <c r="IU13" s="320">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575582</v>
      </c>
      <c r="JL13" s="119">
        <v>2228930</v>
      </c>
      <c r="JM13" s="119">
        <v>1241782</v>
      </c>
      <c r="JN13" s="119">
        <v>279706</v>
      </c>
      <c r="JO13" s="119">
        <v>369175</v>
      </c>
      <c r="JP13" s="120">
        <v>7695175</v>
      </c>
      <c r="JQ13" s="320">
        <v>7695175</v>
      </c>
      <c r="JR13" s="142">
        <v>0</v>
      </c>
      <c r="JS13" s="119">
        <v>0</v>
      </c>
      <c r="JT13" s="141">
        <v>0</v>
      </c>
      <c r="JU13" s="118">
        <v>0</v>
      </c>
      <c r="JV13" s="119">
        <v>584487</v>
      </c>
      <c r="JW13" s="119">
        <v>979072</v>
      </c>
      <c r="JX13" s="119">
        <v>810604</v>
      </c>
      <c r="JY13" s="119">
        <v>210862</v>
      </c>
      <c r="JZ13" s="119">
        <v>155895</v>
      </c>
      <c r="KA13" s="120">
        <v>2740920</v>
      </c>
      <c r="KB13" s="320">
        <v>2740920</v>
      </c>
      <c r="KC13" s="234">
        <v>129519</v>
      </c>
      <c r="KD13" s="230">
        <v>64624</v>
      </c>
      <c r="KE13" s="120">
        <v>194143</v>
      </c>
      <c r="KF13" s="118">
        <v>0</v>
      </c>
      <c r="KG13" s="119">
        <v>407894</v>
      </c>
      <c r="KH13" s="119">
        <v>1081361</v>
      </c>
      <c r="KI13" s="119">
        <v>0</v>
      </c>
      <c r="KJ13" s="119">
        <v>225254</v>
      </c>
      <c r="KK13" s="119">
        <v>0</v>
      </c>
      <c r="KL13" s="120">
        <v>1714509</v>
      </c>
      <c r="KM13" s="143">
        <v>1908652</v>
      </c>
      <c r="KN13" s="232">
        <v>0</v>
      </c>
      <c r="KO13" s="236">
        <v>0</v>
      </c>
      <c r="KP13" s="237">
        <v>0</v>
      </c>
      <c r="KQ13" s="140"/>
      <c r="KR13" s="119">
        <v>2120438</v>
      </c>
      <c r="KS13" s="119">
        <v>715997</v>
      </c>
      <c r="KT13" s="119">
        <v>3676449</v>
      </c>
      <c r="KU13" s="119">
        <v>2484767</v>
      </c>
      <c r="KV13" s="119">
        <v>1012585</v>
      </c>
      <c r="KW13" s="120">
        <v>10010236</v>
      </c>
      <c r="KX13" s="320">
        <v>10010236</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39639</v>
      </c>
      <c r="LZ13" s="119">
        <v>164335</v>
      </c>
      <c r="MA13" s="119">
        <v>280224</v>
      </c>
      <c r="MB13" s="119">
        <v>563605</v>
      </c>
      <c r="MC13" s="119">
        <v>347879</v>
      </c>
      <c r="MD13" s="120">
        <v>1495682</v>
      </c>
      <c r="ME13" s="121">
        <v>1495682</v>
      </c>
      <c r="MF13" s="142">
        <v>0</v>
      </c>
      <c r="MG13" s="119">
        <v>0</v>
      </c>
      <c r="MH13" s="120">
        <v>0</v>
      </c>
      <c r="MI13" s="145"/>
      <c r="MJ13" s="119">
        <v>2022074</v>
      </c>
      <c r="MK13" s="119">
        <v>4754667</v>
      </c>
      <c r="ML13" s="119">
        <v>8428189</v>
      </c>
      <c r="MM13" s="119">
        <v>20427053</v>
      </c>
      <c r="MN13" s="119">
        <v>10664663</v>
      </c>
      <c r="MO13" s="120">
        <v>46296646</v>
      </c>
      <c r="MP13" s="143">
        <v>46296646</v>
      </c>
      <c r="MQ13" s="142">
        <v>0</v>
      </c>
      <c r="MR13" s="119">
        <v>0</v>
      </c>
      <c r="MS13" s="120">
        <v>0</v>
      </c>
      <c r="MT13" s="145"/>
      <c r="MU13" s="119">
        <v>0</v>
      </c>
      <c r="MV13" s="119">
        <v>667852</v>
      </c>
      <c r="MW13" s="119">
        <v>5190996</v>
      </c>
      <c r="MX13" s="119">
        <v>12545295</v>
      </c>
      <c r="MY13" s="119">
        <v>8146120</v>
      </c>
      <c r="MZ13" s="120">
        <v>26550263</v>
      </c>
      <c r="NA13" s="143">
        <v>26550263</v>
      </c>
      <c r="NB13" s="142">
        <v>0</v>
      </c>
      <c r="NC13" s="119">
        <v>0</v>
      </c>
      <c r="ND13" s="120">
        <v>0</v>
      </c>
      <c r="NE13" s="145"/>
      <c r="NF13" s="119">
        <v>2022074</v>
      </c>
      <c r="NG13" s="119">
        <v>4086815</v>
      </c>
      <c r="NH13" s="119">
        <v>3237193</v>
      </c>
      <c r="NI13" s="119">
        <v>7881758</v>
      </c>
      <c r="NJ13" s="119">
        <v>2518543</v>
      </c>
      <c r="NK13" s="120">
        <v>19746383</v>
      </c>
      <c r="NL13" s="320">
        <v>19746383</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274753</v>
      </c>
      <c r="OJ13" s="119">
        <v>957503</v>
      </c>
      <c r="OK13" s="141">
        <v>2232256</v>
      </c>
      <c r="OL13" s="118">
        <v>0</v>
      </c>
      <c r="OM13" s="119">
        <v>34388666</v>
      </c>
      <c r="ON13" s="119">
        <v>32012881</v>
      </c>
      <c r="OO13" s="119">
        <v>33985204</v>
      </c>
      <c r="OP13" s="119">
        <v>43895839</v>
      </c>
      <c r="OQ13" s="119">
        <v>25030040</v>
      </c>
      <c r="OR13" s="120">
        <v>169312630</v>
      </c>
      <c r="OS13" s="143">
        <v>171544886</v>
      </c>
    </row>
    <row r="14" spans="1:409" ht="21" customHeight="1" x14ac:dyDescent="0.2">
      <c r="B14" s="126" t="s">
        <v>8</v>
      </c>
      <c r="C14" s="110">
        <v>798667</v>
      </c>
      <c r="D14" s="114">
        <v>999572</v>
      </c>
      <c r="E14" s="113">
        <v>1798239</v>
      </c>
      <c r="F14" s="109">
        <v>0</v>
      </c>
      <c r="G14" s="114">
        <v>6411831</v>
      </c>
      <c r="H14" s="114">
        <v>9480517</v>
      </c>
      <c r="I14" s="114">
        <v>8609429</v>
      </c>
      <c r="J14" s="114">
        <v>5903101</v>
      </c>
      <c r="K14" s="114">
        <v>5368622</v>
      </c>
      <c r="L14" s="109">
        <v>35773500</v>
      </c>
      <c r="M14" s="116">
        <v>37571739</v>
      </c>
      <c r="N14" s="110">
        <v>149110</v>
      </c>
      <c r="O14" s="114">
        <v>303379</v>
      </c>
      <c r="P14" s="113">
        <v>452489</v>
      </c>
      <c r="Q14" s="110">
        <v>0</v>
      </c>
      <c r="R14" s="114">
        <v>1816479</v>
      </c>
      <c r="S14" s="114">
        <v>3447330</v>
      </c>
      <c r="T14" s="114">
        <v>2763125</v>
      </c>
      <c r="U14" s="114">
        <v>2518059</v>
      </c>
      <c r="V14" s="114">
        <v>2276098</v>
      </c>
      <c r="W14" s="113">
        <v>12821091</v>
      </c>
      <c r="X14" s="116">
        <v>13273580</v>
      </c>
      <c r="Y14" s="110">
        <v>0</v>
      </c>
      <c r="Z14" s="114">
        <v>0</v>
      </c>
      <c r="AA14" s="113">
        <v>0</v>
      </c>
      <c r="AB14" s="110">
        <v>0</v>
      </c>
      <c r="AC14" s="114">
        <v>839661</v>
      </c>
      <c r="AD14" s="114">
        <v>2041570</v>
      </c>
      <c r="AE14" s="114">
        <v>1424864</v>
      </c>
      <c r="AF14" s="114">
        <v>1159694</v>
      </c>
      <c r="AG14" s="114">
        <v>1524642</v>
      </c>
      <c r="AH14" s="113">
        <v>6990431</v>
      </c>
      <c r="AI14" s="116">
        <v>6990431</v>
      </c>
      <c r="AJ14" s="110">
        <v>0</v>
      </c>
      <c r="AK14" s="114">
        <v>10048</v>
      </c>
      <c r="AL14" s="113">
        <v>10048</v>
      </c>
      <c r="AM14" s="110">
        <v>0</v>
      </c>
      <c r="AN14" s="114">
        <v>0</v>
      </c>
      <c r="AO14" s="114">
        <v>46292</v>
      </c>
      <c r="AP14" s="114">
        <v>101555</v>
      </c>
      <c r="AQ14" s="114">
        <v>185192</v>
      </c>
      <c r="AR14" s="114">
        <v>132926</v>
      </c>
      <c r="AS14" s="113">
        <v>465965</v>
      </c>
      <c r="AT14" s="116">
        <v>476013</v>
      </c>
      <c r="AU14" s="110">
        <v>39478</v>
      </c>
      <c r="AV14" s="114">
        <v>218823</v>
      </c>
      <c r="AW14" s="113">
        <v>258301</v>
      </c>
      <c r="AX14" s="110">
        <v>0</v>
      </c>
      <c r="AY14" s="114">
        <v>560113</v>
      </c>
      <c r="AZ14" s="114">
        <v>931272</v>
      </c>
      <c r="BA14" s="114">
        <v>858127</v>
      </c>
      <c r="BB14" s="114">
        <v>795852</v>
      </c>
      <c r="BC14" s="114">
        <v>382234</v>
      </c>
      <c r="BD14" s="113">
        <v>3527598</v>
      </c>
      <c r="BE14" s="116">
        <v>3785899</v>
      </c>
      <c r="BF14" s="110">
        <v>0</v>
      </c>
      <c r="BG14" s="114">
        <v>20796</v>
      </c>
      <c r="BH14" s="112">
        <v>20796</v>
      </c>
      <c r="BI14" s="111">
        <v>0</v>
      </c>
      <c r="BJ14" s="114">
        <v>67593</v>
      </c>
      <c r="BK14" s="114">
        <v>102228</v>
      </c>
      <c r="BL14" s="114">
        <v>92139</v>
      </c>
      <c r="BM14" s="114">
        <v>63577</v>
      </c>
      <c r="BN14" s="114">
        <v>0</v>
      </c>
      <c r="BO14" s="113">
        <v>325537</v>
      </c>
      <c r="BP14" s="116">
        <v>346333</v>
      </c>
      <c r="BQ14" s="110">
        <v>109632</v>
      </c>
      <c r="BR14" s="114">
        <v>53712</v>
      </c>
      <c r="BS14" s="113">
        <v>163344</v>
      </c>
      <c r="BT14" s="110">
        <v>0</v>
      </c>
      <c r="BU14" s="114">
        <v>349112</v>
      </c>
      <c r="BV14" s="114">
        <v>325968</v>
      </c>
      <c r="BW14" s="114">
        <v>286440</v>
      </c>
      <c r="BX14" s="114">
        <v>313744</v>
      </c>
      <c r="BY14" s="114">
        <v>236296</v>
      </c>
      <c r="BZ14" s="113">
        <v>1511560</v>
      </c>
      <c r="CA14" s="116">
        <v>1674904</v>
      </c>
      <c r="CB14" s="110">
        <v>162150</v>
      </c>
      <c r="CC14" s="114">
        <v>114992</v>
      </c>
      <c r="CD14" s="113">
        <v>277142</v>
      </c>
      <c r="CE14" s="110">
        <v>0</v>
      </c>
      <c r="CF14" s="114">
        <v>2007343</v>
      </c>
      <c r="CG14" s="114">
        <v>3463438</v>
      </c>
      <c r="CH14" s="114">
        <v>2750242</v>
      </c>
      <c r="CI14" s="114">
        <v>1193977</v>
      </c>
      <c r="CJ14" s="114">
        <v>332200</v>
      </c>
      <c r="CK14" s="113">
        <v>9747200</v>
      </c>
      <c r="CL14" s="116">
        <v>10024342</v>
      </c>
      <c r="CM14" s="110">
        <v>0</v>
      </c>
      <c r="CN14" s="114">
        <v>0</v>
      </c>
      <c r="CO14" s="113">
        <v>0</v>
      </c>
      <c r="CP14" s="111">
        <v>0</v>
      </c>
      <c r="CQ14" s="114">
        <v>1538566</v>
      </c>
      <c r="CR14" s="114">
        <v>2879581</v>
      </c>
      <c r="CS14" s="114">
        <v>2209447</v>
      </c>
      <c r="CT14" s="114">
        <v>833677</v>
      </c>
      <c r="CU14" s="114">
        <v>332200</v>
      </c>
      <c r="CV14" s="113">
        <v>7793471</v>
      </c>
      <c r="CW14" s="116">
        <v>7793471</v>
      </c>
      <c r="CX14" s="110">
        <v>162150</v>
      </c>
      <c r="CY14" s="114">
        <v>114992</v>
      </c>
      <c r="CZ14" s="113">
        <v>277142</v>
      </c>
      <c r="DA14" s="110">
        <v>0</v>
      </c>
      <c r="DB14" s="114">
        <v>468777</v>
      </c>
      <c r="DC14" s="114">
        <v>583857</v>
      </c>
      <c r="DD14" s="114">
        <v>540795</v>
      </c>
      <c r="DE14" s="114">
        <v>360300</v>
      </c>
      <c r="DF14" s="114">
        <v>0</v>
      </c>
      <c r="DG14" s="113">
        <v>1953729</v>
      </c>
      <c r="DH14" s="116">
        <v>2230871</v>
      </c>
      <c r="DI14" s="110">
        <v>0</v>
      </c>
      <c r="DJ14" s="114">
        <v>0</v>
      </c>
      <c r="DK14" s="112">
        <v>0</v>
      </c>
      <c r="DL14" s="111">
        <v>0</v>
      </c>
      <c r="DM14" s="114">
        <v>161292</v>
      </c>
      <c r="DN14" s="114">
        <v>161733</v>
      </c>
      <c r="DO14" s="114">
        <v>749359</v>
      </c>
      <c r="DP14" s="114">
        <v>401759</v>
      </c>
      <c r="DQ14" s="114">
        <v>465746</v>
      </c>
      <c r="DR14" s="113">
        <v>1939889</v>
      </c>
      <c r="DS14" s="116">
        <v>1939889</v>
      </c>
      <c r="DT14" s="110">
        <v>0</v>
      </c>
      <c r="DU14" s="114">
        <v>0</v>
      </c>
      <c r="DV14" s="113">
        <v>0</v>
      </c>
      <c r="DW14" s="110">
        <v>0</v>
      </c>
      <c r="DX14" s="114">
        <v>161292</v>
      </c>
      <c r="DY14" s="114">
        <v>151841</v>
      </c>
      <c r="DZ14" s="114">
        <v>665643</v>
      </c>
      <c r="EA14" s="114">
        <v>360344</v>
      </c>
      <c r="EB14" s="114">
        <v>465746</v>
      </c>
      <c r="EC14" s="113">
        <v>1804866</v>
      </c>
      <c r="ED14" s="116">
        <v>1804866</v>
      </c>
      <c r="EE14" s="110">
        <v>0</v>
      </c>
      <c r="EF14" s="112">
        <v>0</v>
      </c>
      <c r="EG14" s="113">
        <v>0</v>
      </c>
      <c r="EH14" s="110">
        <v>0</v>
      </c>
      <c r="EI14" s="114">
        <v>0</v>
      </c>
      <c r="EJ14" s="114">
        <v>9892</v>
      </c>
      <c r="EK14" s="114">
        <v>83716</v>
      </c>
      <c r="EL14" s="114">
        <v>41415</v>
      </c>
      <c r="EM14" s="114">
        <v>0</v>
      </c>
      <c r="EN14" s="112">
        <v>135023</v>
      </c>
      <c r="EO14" s="116">
        <v>135023</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64288</v>
      </c>
      <c r="FM14" s="114">
        <v>109632</v>
      </c>
      <c r="FN14" s="113">
        <v>173920</v>
      </c>
      <c r="FO14" s="110">
        <v>0</v>
      </c>
      <c r="FP14" s="114">
        <v>508064</v>
      </c>
      <c r="FQ14" s="114">
        <v>1191112</v>
      </c>
      <c r="FR14" s="114">
        <v>739704</v>
      </c>
      <c r="FS14" s="114">
        <v>588136</v>
      </c>
      <c r="FT14" s="114">
        <v>253224</v>
      </c>
      <c r="FU14" s="113">
        <v>3280240</v>
      </c>
      <c r="FV14" s="116">
        <v>3454160</v>
      </c>
      <c r="FW14" s="115">
        <v>64288</v>
      </c>
      <c r="FX14" s="114">
        <v>109632</v>
      </c>
      <c r="FY14" s="112">
        <v>173920</v>
      </c>
      <c r="FZ14" s="111">
        <v>0</v>
      </c>
      <c r="GA14" s="114">
        <v>322080</v>
      </c>
      <c r="GB14" s="114">
        <v>1083752</v>
      </c>
      <c r="GC14" s="114">
        <v>697464</v>
      </c>
      <c r="GD14" s="114">
        <v>588136</v>
      </c>
      <c r="GE14" s="114">
        <v>253224</v>
      </c>
      <c r="GF14" s="113">
        <v>2944656</v>
      </c>
      <c r="GG14" s="318">
        <v>3118576</v>
      </c>
      <c r="GH14" s="115">
        <v>0</v>
      </c>
      <c r="GI14" s="114">
        <v>0</v>
      </c>
      <c r="GJ14" s="112">
        <v>0</v>
      </c>
      <c r="GK14" s="111">
        <v>0</v>
      </c>
      <c r="GL14" s="114">
        <v>42544</v>
      </c>
      <c r="GM14" s="114">
        <v>0</v>
      </c>
      <c r="GN14" s="114">
        <v>42240</v>
      </c>
      <c r="GO14" s="114">
        <v>0</v>
      </c>
      <c r="GP14" s="114">
        <v>0</v>
      </c>
      <c r="GQ14" s="113">
        <v>84784</v>
      </c>
      <c r="GR14" s="116">
        <v>84784</v>
      </c>
      <c r="GS14" s="110">
        <v>0</v>
      </c>
      <c r="GT14" s="114">
        <v>0</v>
      </c>
      <c r="GU14" s="113">
        <v>0</v>
      </c>
      <c r="GV14" s="110">
        <v>0</v>
      </c>
      <c r="GW14" s="114">
        <v>143440</v>
      </c>
      <c r="GX14" s="114">
        <v>107360</v>
      </c>
      <c r="GY14" s="114">
        <v>0</v>
      </c>
      <c r="GZ14" s="114">
        <v>0</v>
      </c>
      <c r="HA14" s="114">
        <v>0</v>
      </c>
      <c r="HB14" s="112">
        <v>250800</v>
      </c>
      <c r="HC14" s="116">
        <v>250800</v>
      </c>
      <c r="HD14" s="110">
        <v>423119</v>
      </c>
      <c r="HE14" s="114">
        <v>471569</v>
      </c>
      <c r="HF14" s="112">
        <v>894688</v>
      </c>
      <c r="HG14" s="111">
        <v>0</v>
      </c>
      <c r="HH14" s="114">
        <v>1918653</v>
      </c>
      <c r="HI14" s="114">
        <v>1216904</v>
      </c>
      <c r="HJ14" s="114">
        <v>1606999</v>
      </c>
      <c r="HK14" s="114">
        <v>1201170</v>
      </c>
      <c r="HL14" s="114">
        <v>2041354</v>
      </c>
      <c r="HM14" s="113">
        <v>7985080</v>
      </c>
      <c r="HN14" s="109">
        <v>8879768</v>
      </c>
      <c r="HO14" s="328"/>
      <c r="HP14" s="329"/>
      <c r="HQ14" s="330"/>
      <c r="HR14" s="331"/>
      <c r="HS14" s="329"/>
      <c r="HT14" s="329"/>
      <c r="HU14" s="329"/>
      <c r="HV14" s="329"/>
      <c r="HW14" s="329"/>
      <c r="HX14" s="332"/>
      <c r="HY14" s="333"/>
      <c r="HZ14" s="131">
        <v>166736</v>
      </c>
      <c r="IA14" s="132">
        <v>0</v>
      </c>
      <c r="IB14" s="133">
        <v>166736</v>
      </c>
      <c r="IC14" s="134">
        <v>0</v>
      </c>
      <c r="ID14" s="135">
        <v>3281540</v>
      </c>
      <c r="IE14" s="136">
        <v>2475182</v>
      </c>
      <c r="IF14" s="137">
        <v>2628123</v>
      </c>
      <c r="IG14" s="135">
        <v>2904261</v>
      </c>
      <c r="IH14" s="137">
        <v>888946</v>
      </c>
      <c r="II14" s="138">
        <v>12178052</v>
      </c>
      <c r="IJ14" s="139">
        <v>12344788</v>
      </c>
      <c r="IK14" s="232">
        <v>0</v>
      </c>
      <c r="IL14" s="236">
        <v>0</v>
      </c>
      <c r="IM14" s="237">
        <v>0</v>
      </c>
      <c r="IN14" s="140"/>
      <c r="IO14" s="119">
        <v>0</v>
      </c>
      <c r="IP14" s="119">
        <v>0</v>
      </c>
      <c r="IQ14" s="119">
        <v>0</v>
      </c>
      <c r="IR14" s="119">
        <v>452087</v>
      </c>
      <c r="IS14" s="119">
        <v>0</v>
      </c>
      <c r="IT14" s="141">
        <v>452087</v>
      </c>
      <c r="IU14" s="320">
        <v>452087</v>
      </c>
      <c r="IV14" s="142">
        <v>0</v>
      </c>
      <c r="IW14" s="119">
        <v>0</v>
      </c>
      <c r="IX14" s="120">
        <v>0</v>
      </c>
      <c r="IY14" s="144"/>
      <c r="IZ14" s="119">
        <v>0</v>
      </c>
      <c r="JA14" s="119">
        <v>0</v>
      </c>
      <c r="JB14" s="119">
        <v>0</v>
      </c>
      <c r="JC14" s="119">
        <v>0</v>
      </c>
      <c r="JD14" s="119">
        <v>9236</v>
      </c>
      <c r="JE14" s="120">
        <v>9236</v>
      </c>
      <c r="JF14" s="121">
        <v>9236</v>
      </c>
      <c r="JG14" s="142">
        <v>0</v>
      </c>
      <c r="JH14" s="119">
        <v>0</v>
      </c>
      <c r="JI14" s="141">
        <v>0</v>
      </c>
      <c r="JJ14" s="118">
        <v>0</v>
      </c>
      <c r="JK14" s="119">
        <v>1592088</v>
      </c>
      <c r="JL14" s="119">
        <v>1392338</v>
      </c>
      <c r="JM14" s="119">
        <v>1077659</v>
      </c>
      <c r="JN14" s="119">
        <v>440207</v>
      </c>
      <c r="JO14" s="119">
        <v>242221</v>
      </c>
      <c r="JP14" s="120">
        <v>4744513</v>
      </c>
      <c r="JQ14" s="320">
        <v>4744513</v>
      </c>
      <c r="JR14" s="142">
        <v>0</v>
      </c>
      <c r="JS14" s="119">
        <v>0</v>
      </c>
      <c r="JT14" s="141">
        <v>0</v>
      </c>
      <c r="JU14" s="118">
        <v>0</v>
      </c>
      <c r="JV14" s="119">
        <v>0</v>
      </c>
      <c r="JW14" s="119">
        <v>0</v>
      </c>
      <c r="JX14" s="119">
        <v>0</v>
      </c>
      <c r="JY14" s="119">
        <v>68034</v>
      </c>
      <c r="JZ14" s="119">
        <v>0</v>
      </c>
      <c r="KA14" s="120">
        <v>68034</v>
      </c>
      <c r="KB14" s="320">
        <v>68034</v>
      </c>
      <c r="KC14" s="234">
        <v>166736</v>
      </c>
      <c r="KD14" s="230">
        <v>0</v>
      </c>
      <c r="KE14" s="120">
        <v>166736</v>
      </c>
      <c r="KF14" s="118">
        <v>0</v>
      </c>
      <c r="KG14" s="119">
        <v>374286</v>
      </c>
      <c r="KH14" s="119">
        <v>349423</v>
      </c>
      <c r="KI14" s="119">
        <v>537196</v>
      </c>
      <c r="KJ14" s="119">
        <v>265732</v>
      </c>
      <c r="KK14" s="119">
        <v>0</v>
      </c>
      <c r="KL14" s="120">
        <v>1526637</v>
      </c>
      <c r="KM14" s="143">
        <v>1693373</v>
      </c>
      <c r="KN14" s="232">
        <v>0</v>
      </c>
      <c r="KO14" s="236">
        <v>0</v>
      </c>
      <c r="KP14" s="237">
        <v>0</v>
      </c>
      <c r="KQ14" s="140"/>
      <c r="KR14" s="119">
        <v>902325</v>
      </c>
      <c r="KS14" s="119">
        <v>733421</v>
      </c>
      <c r="KT14" s="119">
        <v>474111</v>
      </c>
      <c r="KU14" s="119">
        <v>963211</v>
      </c>
      <c r="KV14" s="119">
        <v>0</v>
      </c>
      <c r="KW14" s="120">
        <v>3073068</v>
      </c>
      <c r="KX14" s="320">
        <v>3073068</v>
      </c>
      <c r="KY14" s="142">
        <v>0</v>
      </c>
      <c r="KZ14" s="119">
        <v>0</v>
      </c>
      <c r="LA14" s="120">
        <v>0</v>
      </c>
      <c r="LB14" s="145"/>
      <c r="LC14" s="119">
        <v>0</v>
      </c>
      <c r="LD14" s="119">
        <v>0</v>
      </c>
      <c r="LE14" s="119">
        <v>187673</v>
      </c>
      <c r="LF14" s="119">
        <v>419236</v>
      </c>
      <c r="LG14" s="119">
        <v>0</v>
      </c>
      <c r="LH14" s="120">
        <v>606909</v>
      </c>
      <c r="LI14" s="121">
        <v>606909</v>
      </c>
      <c r="LJ14" s="142">
        <v>0</v>
      </c>
      <c r="LK14" s="119">
        <v>0</v>
      </c>
      <c r="LL14" s="120">
        <v>0</v>
      </c>
      <c r="LM14" s="145"/>
      <c r="LN14" s="119">
        <v>0</v>
      </c>
      <c r="LO14" s="119">
        <v>0</v>
      </c>
      <c r="LP14" s="119">
        <v>0</v>
      </c>
      <c r="LQ14" s="119">
        <v>0</v>
      </c>
      <c r="LR14" s="119">
        <v>0</v>
      </c>
      <c r="LS14" s="120">
        <v>0</v>
      </c>
      <c r="LT14" s="320">
        <v>0</v>
      </c>
      <c r="LU14" s="142">
        <v>0</v>
      </c>
      <c r="LV14" s="119">
        <v>0</v>
      </c>
      <c r="LW14" s="120">
        <v>0</v>
      </c>
      <c r="LX14" s="145"/>
      <c r="LY14" s="119">
        <v>412841</v>
      </c>
      <c r="LZ14" s="119">
        <v>0</v>
      </c>
      <c r="MA14" s="119">
        <v>351484</v>
      </c>
      <c r="MB14" s="119">
        <v>295754</v>
      </c>
      <c r="MC14" s="119">
        <v>637489</v>
      </c>
      <c r="MD14" s="120">
        <v>1697568</v>
      </c>
      <c r="ME14" s="121">
        <v>1697568</v>
      </c>
      <c r="MF14" s="142">
        <v>0</v>
      </c>
      <c r="MG14" s="119">
        <v>0</v>
      </c>
      <c r="MH14" s="120">
        <v>0</v>
      </c>
      <c r="MI14" s="145"/>
      <c r="MJ14" s="119">
        <v>629397</v>
      </c>
      <c r="MK14" s="119">
        <v>1132611</v>
      </c>
      <c r="ML14" s="119">
        <v>3870220</v>
      </c>
      <c r="MM14" s="119">
        <v>3659846</v>
      </c>
      <c r="MN14" s="119">
        <v>2447325</v>
      </c>
      <c r="MO14" s="120">
        <v>11739399</v>
      </c>
      <c r="MP14" s="143">
        <v>11739399</v>
      </c>
      <c r="MQ14" s="142">
        <v>0</v>
      </c>
      <c r="MR14" s="119">
        <v>0</v>
      </c>
      <c r="MS14" s="120">
        <v>0</v>
      </c>
      <c r="MT14" s="145"/>
      <c r="MU14" s="119">
        <v>207494</v>
      </c>
      <c r="MV14" s="119">
        <v>-568</v>
      </c>
      <c r="MW14" s="119">
        <v>2519624</v>
      </c>
      <c r="MX14" s="119">
        <v>1583004</v>
      </c>
      <c r="MY14" s="119">
        <v>2098689</v>
      </c>
      <c r="MZ14" s="120">
        <v>6408243</v>
      </c>
      <c r="NA14" s="143">
        <v>6408243</v>
      </c>
      <c r="NB14" s="142">
        <v>0</v>
      </c>
      <c r="NC14" s="119">
        <v>0</v>
      </c>
      <c r="ND14" s="120">
        <v>0</v>
      </c>
      <c r="NE14" s="145"/>
      <c r="NF14" s="119">
        <v>421903</v>
      </c>
      <c r="NG14" s="119">
        <v>1133179</v>
      </c>
      <c r="NH14" s="119">
        <v>1350596</v>
      </c>
      <c r="NI14" s="119">
        <v>1410961</v>
      </c>
      <c r="NJ14" s="119">
        <v>348636</v>
      </c>
      <c r="NK14" s="120">
        <v>4665275</v>
      </c>
      <c r="NL14" s="320">
        <v>4665275</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665881</v>
      </c>
      <c r="OF14" s="119">
        <v>0</v>
      </c>
      <c r="OG14" s="120">
        <v>665881</v>
      </c>
      <c r="OH14" s="121">
        <v>665881</v>
      </c>
      <c r="OI14" s="142">
        <v>965403</v>
      </c>
      <c r="OJ14" s="119">
        <v>999572</v>
      </c>
      <c r="OK14" s="141">
        <v>1964975</v>
      </c>
      <c r="OL14" s="118">
        <v>0</v>
      </c>
      <c r="OM14" s="119">
        <v>10322768</v>
      </c>
      <c r="ON14" s="119">
        <v>13088310</v>
      </c>
      <c r="OO14" s="119">
        <v>15107772</v>
      </c>
      <c r="OP14" s="119">
        <v>12467208</v>
      </c>
      <c r="OQ14" s="119">
        <v>8704893</v>
      </c>
      <c r="OR14" s="120">
        <v>59690951</v>
      </c>
      <c r="OS14" s="143">
        <v>61655926</v>
      </c>
    </row>
    <row r="15" spans="1:409" ht="21" customHeight="1" x14ac:dyDescent="0.2">
      <c r="B15" s="126" t="s">
        <v>9</v>
      </c>
      <c r="C15" s="110">
        <v>871550</v>
      </c>
      <c r="D15" s="114">
        <v>942525</v>
      </c>
      <c r="E15" s="113">
        <v>1814075</v>
      </c>
      <c r="F15" s="111">
        <v>0</v>
      </c>
      <c r="G15" s="114">
        <v>10838867</v>
      </c>
      <c r="H15" s="114">
        <v>10298353</v>
      </c>
      <c r="I15" s="114">
        <v>12649343</v>
      </c>
      <c r="J15" s="114">
        <v>10522320</v>
      </c>
      <c r="K15" s="114">
        <v>8852922</v>
      </c>
      <c r="L15" s="109">
        <v>53161805</v>
      </c>
      <c r="M15" s="116">
        <v>54975880</v>
      </c>
      <c r="N15" s="110">
        <v>214347</v>
      </c>
      <c r="O15" s="114">
        <v>319074</v>
      </c>
      <c r="P15" s="113">
        <v>533421</v>
      </c>
      <c r="Q15" s="110">
        <v>0</v>
      </c>
      <c r="R15" s="114">
        <v>3844178</v>
      </c>
      <c r="S15" s="114">
        <v>4120261</v>
      </c>
      <c r="T15" s="114">
        <v>4763868</v>
      </c>
      <c r="U15" s="114">
        <v>4793615</v>
      </c>
      <c r="V15" s="114">
        <v>4636862</v>
      </c>
      <c r="W15" s="113">
        <v>22158784</v>
      </c>
      <c r="X15" s="116">
        <v>22692205</v>
      </c>
      <c r="Y15" s="110">
        <v>0</v>
      </c>
      <c r="Z15" s="114">
        <v>0</v>
      </c>
      <c r="AA15" s="113">
        <v>0</v>
      </c>
      <c r="AB15" s="110">
        <v>0</v>
      </c>
      <c r="AC15" s="114">
        <v>1584248</v>
      </c>
      <c r="AD15" s="114">
        <v>2231561</v>
      </c>
      <c r="AE15" s="114">
        <v>2513210</v>
      </c>
      <c r="AF15" s="114">
        <v>2965565</v>
      </c>
      <c r="AG15" s="114">
        <v>2541759</v>
      </c>
      <c r="AH15" s="113">
        <v>11836343</v>
      </c>
      <c r="AI15" s="116">
        <v>11836343</v>
      </c>
      <c r="AJ15" s="110">
        <v>0</v>
      </c>
      <c r="AK15" s="114">
        <v>0</v>
      </c>
      <c r="AL15" s="113">
        <v>0</v>
      </c>
      <c r="AM15" s="110">
        <v>0</v>
      </c>
      <c r="AN15" s="114">
        <v>0</v>
      </c>
      <c r="AO15" s="114">
        <v>13852</v>
      </c>
      <c r="AP15" s="114">
        <v>166907</v>
      </c>
      <c r="AQ15" s="114">
        <v>169221</v>
      </c>
      <c r="AR15" s="114">
        <v>487910</v>
      </c>
      <c r="AS15" s="113">
        <v>837890</v>
      </c>
      <c r="AT15" s="116">
        <v>837890</v>
      </c>
      <c r="AU15" s="110">
        <v>36795</v>
      </c>
      <c r="AV15" s="114">
        <v>253178</v>
      </c>
      <c r="AW15" s="113">
        <v>289973</v>
      </c>
      <c r="AX15" s="110">
        <v>0</v>
      </c>
      <c r="AY15" s="114">
        <v>1445788</v>
      </c>
      <c r="AZ15" s="114">
        <v>1142453</v>
      </c>
      <c r="BA15" s="114">
        <v>1222034</v>
      </c>
      <c r="BB15" s="114">
        <v>871215</v>
      </c>
      <c r="BC15" s="114">
        <v>1067322</v>
      </c>
      <c r="BD15" s="113">
        <v>5748812</v>
      </c>
      <c r="BE15" s="116">
        <v>6038785</v>
      </c>
      <c r="BF15" s="110">
        <v>0</v>
      </c>
      <c r="BG15" s="114">
        <v>0</v>
      </c>
      <c r="BH15" s="112">
        <v>0</v>
      </c>
      <c r="BI15" s="111">
        <v>0</v>
      </c>
      <c r="BJ15" s="114">
        <v>21694</v>
      </c>
      <c r="BK15" s="114">
        <v>194219</v>
      </c>
      <c r="BL15" s="114">
        <v>156189</v>
      </c>
      <c r="BM15" s="114">
        <v>234078</v>
      </c>
      <c r="BN15" s="114">
        <v>35695</v>
      </c>
      <c r="BO15" s="113">
        <v>641875</v>
      </c>
      <c r="BP15" s="116">
        <v>641875</v>
      </c>
      <c r="BQ15" s="110">
        <v>177552</v>
      </c>
      <c r="BR15" s="114">
        <v>65896</v>
      </c>
      <c r="BS15" s="113">
        <v>243448</v>
      </c>
      <c r="BT15" s="110">
        <v>0</v>
      </c>
      <c r="BU15" s="114">
        <v>792448</v>
      </c>
      <c r="BV15" s="114">
        <v>538176</v>
      </c>
      <c r="BW15" s="114">
        <v>705528</v>
      </c>
      <c r="BX15" s="114">
        <v>553536</v>
      </c>
      <c r="BY15" s="114">
        <v>504176</v>
      </c>
      <c r="BZ15" s="113">
        <v>3093864</v>
      </c>
      <c r="CA15" s="116">
        <v>3337312</v>
      </c>
      <c r="CB15" s="110">
        <v>38662</v>
      </c>
      <c r="CC15" s="114">
        <v>193272</v>
      </c>
      <c r="CD15" s="113">
        <v>231934</v>
      </c>
      <c r="CE15" s="110">
        <v>0</v>
      </c>
      <c r="CF15" s="114">
        <v>2638466</v>
      </c>
      <c r="CG15" s="114">
        <v>2504955</v>
      </c>
      <c r="CH15" s="114">
        <v>3209492</v>
      </c>
      <c r="CI15" s="114">
        <v>1795394</v>
      </c>
      <c r="CJ15" s="114">
        <v>740790</v>
      </c>
      <c r="CK15" s="113">
        <v>10889097</v>
      </c>
      <c r="CL15" s="116">
        <v>11121031</v>
      </c>
      <c r="CM15" s="110">
        <v>0</v>
      </c>
      <c r="CN15" s="114">
        <v>0</v>
      </c>
      <c r="CO15" s="113">
        <v>0</v>
      </c>
      <c r="CP15" s="111">
        <v>0</v>
      </c>
      <c r="CQ15" s="114">
        <v>1834461</v>
      </c>
      <c r="CR15" s="114">
        <v>1775501</v>
      </c>
      <c r="CS15" s="114">
        <v>2382506</v>
      </c>
      <c r="CT15" s="114">
        <v>1125606</v>
      </c>
      <c r="CU15" s="114">
        <v>568187</v>
      </c>
      <c r="CV15" s="113">
        <v>7686261</v>
      </c>
      <c r="CW15" s="116">
        <v>7686261</v>
      </c>
      <c r="CX15" s="110">
        <v>38662</v>
      </c>
      <c r="CY15" s="114">
        <v>193272</v>
      </c>
      <c r="CZ15" s="113">
        <v>231934</v>
      </c>
      <c r="DA15" s="110">
        <v>0</v>
      </c>
      <c r="DB15" s="114">
        <v>804005</v>
      </c>
      <c r="DC15" s="114">
        <v>729454</v>
      </c>
      <c r="DD15" s="114">
        <v>826986</v>
      </c>
      <c r="DE15" s="114">
        <v>669788</v>
      </c>
      <c r="DF15" s="114">
        <v>172603</v>
      </c>
      <c r="DG15" s="113">
        <v>3202836</v>
      </c>
      <c r="DH15" s="116">
        <v>3434770</v>
      </c>
      <c r="DI15" s="110">
        <v>0</v>
      </c>
      <c r="DJ15" s="114">
        <v>0</v>
      </c>
      <c r="DK15" s="112">
        <v>0</v>
      </c>
      <c r="DL15" s="111">
        <v>0</v>
      </c>
      <c r="DM15" s="114">
        <v>413513</v>
      </c>
      <c r="DN15" s="114">
        <v>284580</v>
      </c>
      <c r="DO15" s="114">
        <v>782417</v>
      </c>
      <c r="DP15" s="114">
        <v>511578</v>
      </c>
      <c r="DQ15" s="114">
        <v>512334</v>
      </c>
      <c r="DR15" s="113">
        <v>2504422</v>
      </c>
      <c r="DS15" s="116">
        <v>2504422</v>
      </c>
      <c r="DT15" s="110">
        <v>0</v>
      </c>
      <c r="DU15" s="114">
        <v>0</v>
      </c>
      <c r="DV15" s="113">
        <v>0</v>
      </c>
      <c r="DW15" s="110">
        <v>0</v>
      </c>
      <c r="DX15" s="114">
        <v>381166</v>
      </c>
      <c r="DY15" s="114">
        <v>284580</v>
      </c>
      <c r="DZ15" s="114">
        <v>782417</v>
      </c>
      <c r="EA15" s="114">
        <v>486238</v>
      </c>
      <c r="EB15" s="114">
        <v>512334</v>
      </c>
      <c r="EC15" s="113">
        <v>2446735</v>
      </c>
      <c r="ED15" s="116">
        <v>2446735</v>
      </c>
      <c r="EE15" s="110">
        <v>0</v>
      </c>
      <c r="EF15" s="112">
        <v>0</v>
      </c>
      <c r="EG15" s="113">
        <v>0</v>
      </c>
      <c r="EH15" s="110">
        <v>0</v>
      </c>
      <c r="EI15" s="114">
        <v>32347</v>
      </c>
      <c r="EJ15" s="114">
        <v>0</v>
      </c>
      <c r="EK15" s="114">
        <v>0</v>
      </c>
      <c r="EL15" s="114">
        <v>25340</v>
      </c>
      <c r="EM15" s="114">
        <v>0</v>
      </c>
      <c r="EN15" s="112">
        <v>57687</v>
      </c>
      <c r="EO15" s="116">
        <v>57687</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193704</v>
      </c>
      <c r="FM15" s="114">
        <v>148624</v>
      </c>
      <c r="FN15" s="113">
        <v>342328</v>
      </c>
      <c r="FO15" s="110">
        <v>0</v>
      </c>
      <c r="FP15" s="114">
        <v>833240</v>
      </c>
      <c r="FQ15" s="114">
        <v>1052312</v>
      </c>
      <c r="FR15" s="114">
        <v>1335040</v>
      </c>
      <c r="FS15" s="114">
        <v>994688</v>
      </c>
      <c r="FT15" s="114">
        <v>666848</v>
      </c>
      <c r="FU15" s="113">
        <v>4882128</v>
      </c>
      <c r="FV15" s="116">
        <v>5224456</v>
      </c>
      <c r="FW15" s="115">
        <v>193704</v>
      </c>
      <c r="FX15" s="114">
        <v>148624</v>
      </c>
      <c r="FY15" s="112">
        <v>342328</v>
      </c>
      <c r="FZ15" s="111">
        <v>0</v>
      </c>
      <c r="GA15" s="114">
        <v>616440</v>
      </c>
      <c r="GB15" s="114">
        <v>1013592</v>
      </c>
      <c r="GC15" s="114">
        <v>1123112</v>
      </c>
      <c r="GD15" s="114">
        <v>913728</v>
      </c>
      <c r="GE15" s="114">
        <v>666848</v>
      </c>
      <c r="GF15" s="113">
        <v>4333720</v>
      </c>
      <c r="GG15" s="318">
        <v>4676048</v>
      </c>
      <c r="GH15" s="115">
        <v>0</v>
      </c>
      <c r="GI15" s="114">
        <v>0</v>
      </c>
      <c r="GJ15" s="112">
        <v>0</v>
      </c>
      <c r="GK15" s="111">
        <v>0</v>
      </c>
      <c r="GL15" s="114">
        <v>12800</v>
      </c>
      <c r="GM15" s="114">
        <v>21120</v>
      </c>
      <c r="GN15" s="114">
        <v>57048</v>
      </c>
      <c r="GO15" s="114">
        <v>80960</v>
      </c>
      <c r="GP15" s="114">
        <v>0</v>
      </c>
      <c r="GQ15" s="113">
        <v>171928</v>
      </c>
      <c r="GR15" s="116">
        <v>171928</v>
      </c>
      <c r="GS15" s="110">
        <v>0</v>
      </c>
      <c r="GT15" s="114">
        <v>0</v>
      </c>
      <c r="GU15" s="113">
        <v>0</v>
      </c>
      <c r="GV15" s="110">
        <v>0</v>
      </c>
      <c r="GW15" s="114">
        <v>204000</v>
      </c>
      <c r="GX15" s="114">
        <v>17600</v>
      </c>
      <c r="GY15" s="114">
        <v>154880</v>
      </c>
      <c r="GZ15" s="114">
        <v>0</v>
      </c>
      <c r="HA15" s="114">
        <v>0</v>
      </c>
      <c r="HB15" s="112">
        <v>376480</v>
      </c>
      <c r="HC15" s="116">
        <v>376480</v>
      </c>
      <c r="HD15" s="110">
        <v>424837</v>
      </c>
      <c r="HE15" s="114">
        <v>281555</v>
      </c>
      <c r="HF15" s="112">
        <v>706392</v>
      </c>
      <c r="HG15" s="111">
        <v>0</v>
      </c>
      <c r="HH15" s="114">
        <v>3109470</v>
      </c>
      <c r="HI15" s="114">
        <v>2336245</v>
      </c>
      <c r="HJ15" s="114">
        <v>2558526</v>
      </c>
      <c r="HK15" s="114">
        <v>2427045</v>
      </c>
      <c r="HL15" s="114">
        <v>2296088</v>
      </c>
      <c r="HM15" s="113">
        <v>12727374</v>
      </c>
      <c r="HN15" s="109">
        <v>13433766</v>
      </c>
      <c r="HO15" s="328"/>
      <c r="HP15" s="329"/>
      <c r="HQ15" s="330"/>
      <c r="HR15" s="331"/>
      <c r="HS15" s="329"/>
      <c r="HT15" s="329"/>
      <c r="HU15" s="329"/>
      <c r="HV15" s="329"/>
      <c r="HW15" s="329"/>
      <c r="HX15" s="332"/>
      <c r="HY15" s="333"/>
      <c r="HZ15" s="128">
        <v>42834</v>
      </c>
      <c r="IA15" s="149">
        <v>0</v>
      </c>
      <c r="IB15" s="129">
        <v>42834</v>
      </c>
      <c r="IC15" s="146">
        <v>0</v>
      </c>
      <c r="ID15" s="132">
        <v>3081950</v>
      </c>
      <c r="IE15" s="147">
        <v>2146115</v>
      </c>
      <c r="IF15" s="133">
        <v>3003514</v>
      </c>
      <c r="IG15" s="132">
        <v>1911388</v>
      </c>
      <c r="IH15" s="133">
        <v>1542570</v>
      </c>
      <c r="II15" s="148">
        <v>11685537</v>
      </c>
      <c r="IJ15" s="130">
        <v>11728371</v>
      </c>
      <c r="IK15" s="232">
        <v>0</v>
      </c>
      <c r="IL15" s="236">
        <v>0</v>
      </c>
      <c r="IM15" s="237">
        <v>0</v>
      </c>
      <c r="IN15" s="140"/>
      <c r="IO15" s="119">
        <v>0</v>
      </c>
      <c r="IP15" s="119">
        <v>0</v>
      </c>
      <c r="IQ15" s="119">
        <v>0</v>
      </c>
      <c r="IR15" s="119">
        <v>0</v>
      </c>
      <c r="IS15" s="119">
        <v>0</v>
      </c>
      <c r="IT15" s="141">
        <v>0</v>
      </c>
      <c r="IU15" s="320">
        <v>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812798</v>
      </c>
      <c r="JL15" s="119">
        <v>834452</v>
      </c>
      <c r="JM15" s="119">
        <v>1197159</v>
      </c>
      <c r="JN15" s="119">
        <v>772357</v>
      </c>
      <c r="JO15" s="119">
        <v>271928</v>
      </c>
      <c r="JP15" s="120">
        <v>4888694</v>
      </c>
      <c r="JQ15" s="320">
        <v>4888694</v>
      </c>
      <c r="JR15" s="142">
        <v>0</v>
      </c>
      <c r="JS15" s="119">
        <v>0</v>
      </c>
      <c r="JT15" s="141">
        <v>0</v>
      </c>
      <c r="JU15" s="118">
        <v>0</v>
      </c>
      <c r="JV15" s="119">
        <v>0</v>
      </c>
      <c r="JW15" s="119">
        <v>93699</v>
      </c>
      <c r="JX15" s="119">
        <v>82636</v>
      </c>
      <c r="JY15" s="119">
        <v>141474</v>
      </c>
      <c r="JZ15" s="119">
        <v>0</v>
      </c>
      <c r="KA15" s="120">
        <v>317809</v>
      </c>
      <c r="KB15" s="320">
        <v>317809</v>
      </c>
      <c r="KC15" s="234">
        <v>42834</v>
      </c>
      <c r="KD15" s="230">
        <v>0</v>
      </c>
      <c r="KE15" s="120">
        <v>42834</v>
      </c>
      <c r="KF15" s="118">
        <v>0</v>
      </c>
      <c r="KG15" s="119">
        <v>422428</v>
      </c>
      <c r="KH15" s="119">
        <v>323097</v>
      </c>
      <c r="KI15" s="119">
        <v>239264</v>
      </c>
      <c r="KJ15" s="119">
        <v>427393</v>
      </c>
      <c r="KK15" s="119">
        <v>0</v>
      </c>
      <c r="KL15" s="120">
        <v>1412182</v>
      </c>
      <c r="KM15" s="143">
        <v>1455016</v>
      </c>
      <c r="KN15" s="232">
        <v>0</v>
      </c>
      <c r="KO15" s="236">
        <v>0</v>
      </c>
      <c r="KP15" s="237">
        <v>0</v>
      </c>
      <c r="KQ15" s="140"/>
      <c r="KR15" s="119">
        <v>690814</v>
      </c>
      <c r="KS15" s="119">
        <v>706220</v>
      </c>
      <c r="KT15" s="119">
        <v>992913</v>
      </c>
      <c r="KU15" s="119">
        <v>570164</v>
      </c>
      <c r="KV15" s="119">
        <v>1270642</v>
      </c>
      <c r="KW15" s="120">
        <v>4230753</v>
      </c>
      <c r="KX15" s="320">
        <v>4230753</v>
      </c>
      <c r="KY15" s="142">
        <v>0</v>
      </c>
      <c r="KZ15" s="119">
        <v>0</v>
      </c>
      <c r="LA15" s="120">
        <v>0</v>
      </c>
      <c r="LB15" s="145"/>
      <c r="LC15" s="119">
        <v>155910</v>
      </c>
      <c r="LD15" s="119">
        <v>0</v>
      </c>
      <c r="LE15" s="119">
        <v>0</v>
      </c>
      <c r="LF15" s="119">
        <v>0</v>
      </c>
      <c r="LG15" s="119">
        <v>0</v>
      </c>
      <c r="LH15" s="120">
        <v>155910</v>
      </c>
      <c r="LI15" s="121">
        <v>155910</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188647</v>
      </c>
      <c r="MA15" s="119">
        <v>491542</v>
      </c>
      <c r="MB15" s="119">
        <v>0</v>
      </c>
      <c r="MC15" s="119">
        <v>0</v>
      </c>
      <c r="MD15" s="120">
        <v>680189</v>
      </c>
      <c r="ME15" s="121">
        <v>680189</v>
      </c>
      <c r="MF15" s="142">
        <v>0</v>
      </c>
      <c r="MG15" s="119">
        <v>0</v>
      </c>
      <c r="MH15" s="120">
        <v>0</v>
      </c>
      <c r="MI15" s="145"/>
      <c r="MJ15" s="119">
        <v>515221</v>
      </c>
      <c r="MK15" s="119">
        <v>1652796</v>
      </c>
      <c r="ML15" s="119">
        <v>4893453</v>
      </c>
      <c r="MM15" s="119">
        <v>9560621</v>
      </c>
      <c r="MN15" s="119">
        <v>3592836</v>
      </c>
      <c r="MO15" s="120">
        <v>20214927</v>
      </c>
      <c r="MP15" s="143">
        <v>20214927</v>
      </c>
      <c r="MQ15" s="142">
        <v>0</v>
      </c>
      <c r="MR15" s="119">
        <v>0</v>
      </c>
      <c r="MS15" s="120">
        <v>0</v>
      </c>
      <c r="MT15" s="145"/>
      <c r="MU15" s="119">
        <v>0</v>
      </c>
      <c r="MV15" s="119">
        <v>233524</v>
      </c>
      <c r="MW15" s="119">
        <v>3573977</v>
      </c>
      <c r="MX15" s="119">
        <v>7617285</v>
      </c>
      <c r="MY15" s="119">
        <v>2576331</v>
      </c>
      <c r="MZ15" s="120">
        <v>14001117</v>
      </c>
      <c r="NA15" s="143">
        <v>14001117</v>
      </c>
      <c r="NB15" s="142">
        <v>0</v>
      </c>
      <c r="NC15" s="119">
        <v>0</v>
      </c>
      <c r="ND15" s="120">
        <v>0</v>
      </c>
      <c r="NE15" s="145"/>
      <c r="NF15" s="119">
        <v>515221</v>
      </c>
      <c r="NG15" s="119">
        <v>1419272</v>
      </c>
      <c r="NH15" s="119">
        <v>1319476</v>
      </c>
      <c r="NI15" s="119">
        <v>1603238</v>
      </c>
      <c r="NJ15" s="119">
        <v>1016505</v>
      </c>
      <c r="NK15" s="120">
        <v>5873712</v>
      </c>
      <c r="NL15" s="320">
        <v>5873712</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340098</v>
      </c>
      <c r="OF15" s="119">
        <v>0</v>
      </c>
      <c r="OG15" s="120">
        <v>340098</v>
      </c>
      <c r="OH15" s="121">
        <v>340098</v>
      </c>
      <c r="OI15" s="142">
        <v>914384</v>
      </c>
      <c r="OJ15" s="119">
        <v>942525</v>
      </c>
      <c r="OK15" s="141">
        <v>1856909</v>
      </c>
      <c r="OL15" s="118">
        <v>0</v>
      </c>
      <c r="OM15" s="119">
        <v>14436038</v>
      </c>
      <c r="ON15" s="119">
        <v>14097264</v>
      </c>
      <c r="OO15" s="119">
        <v>20546310</v>
      </c>
      <c r="OP15" s="119">
        <v>21994329</v>
      </c>
      <c r="OQ15" s="119">
        <v>13988328</v>
      </c>
      <c r="OR15" s="120">
        <v>85062269</v>
      </c>
      <c r="OS15" s="143">
        <v>86919178</v>
      </c>
    </row>
    <row r="16" spans="1:409" ht="21" customHeight="1" x14ac:dyDescent="0.2">
      <c r="B16" s="126" t="s">
        <v>10</v>
      </c>
      <c r="C16" s="110">
        <v>1540928</v>
      </c>
      <c r="D16" s="114">
        <v>1877968</v>
      </c>
      <c r="E16" s="113">
        <v>3418896</v>
      </c>
      <c r="F16" s="172">
        <v>0</v>
      </c>
      <c r="G16" s="114">
        <v>20390612</v>
      </c>
      <c r="H16" s="114">
        <v>15616002</v>
      </c>
      <c r="I16" s="114">
        <v>14321460</v>
      </c>
      <c r="J16" s="114">
        <v>14120746</v>
      </c>
      <c r="K16" s="114">
        <v>7845802</v>
      </c>
      <c r="L16" s="109">
        <v>72294622</v>
      </c>
      <c r="M16" s="116">
        <v>75713518</v>
      </c>
      <c r="N16" s="110">
        <v>521612</v>
      </c>
      <c r="O16" s="114">
        <v>783673</v>
      </c>
      <c r="P16" s="113">
        <v>1305285</v>
      </c>
      <c r="Q16" s="110">
        <v>0</v>
      </c>
      <c r="R16" s="114">
        <v>7543822</v>
      </c>
      <c r="S16" s="114">
        <v>5828633</v>
      </c>
      <c r="T16" s="114">
        <v>5085170</v>
      </c>
      <c r="U16" s="114">
        <v>5937361</v>
      </c>
      <c r="V16" s="114">
        <v>4481819</v>
      </c>
      <c r="W16" s="113">
        <v>28876805</v>
      </c>
      <c r="X16" s="116">
        <v>30182090</v>
      </c>
      <c r="Y16" s="110">
        <v>0</v>
      </c>
      <c r="Z16" s="114">
        <v>0</v>
      </c>
      <c r="AA16" s="113">
        <v>0</v>
      </c>
      <c r="AB16" s="110">
        <v>0</v>
      </c>
      <c r="AC16" s="114">
        <v>3346617</v>
      </c>
      <c r="AD16" s="114">
        <v>3086410</v>
      </c>
      <c r="AE16" s="114">
        <v>2853995</v>
      </c>
      <c r="AF16" s="114">
        <v>3163138</v>
      </c>
      <c r="AG16" s="114">
        <v>2396479</v>
      </c>
      <c r="AH16" s="113">
        <v>14846639</v>
      </c>
      <c r="AI16" s="116">
        <v>14846639</v>
      </c>
      <c r="AJ16" s="110">
        <v>0</v>
      </c>
      <c r="AK16" s="114">
        <v>0</v>
      </c>
      <c r="AL16" s="113">
        <v>0</v>
      </c>
      <c r="AM16" s="110">
        <v>0</v>
      </c>
      <c r="AN16" s="114">
        <v>0</v>
      </c>
      <c r="AO16" s="114">
        <v>0</v>
      </c>
      <c r="AP16" s="114">
        <v>46897</v>
      </c>
      <c r="AQ16" s="114">
        <v>590902</v>
      </c>
      <c r="AR16" s="114">
        <v>479538</v>
      </c>
      <c r="AS16" s="113">
        <v>1117337</v>
      </c>
      <c r="AT16" s="116">
        <v>1117337</v>
      </c>
      <c r="AU16" s="110">
        <v>292991</v>
      </c>
      <c r="AV16" s="114">
        <v>509995</v>
      </c>
      <c r="AW16" s="113">
        <v>802986</v>
      </c>
      <c r="AX16" s="110">
        <v>0</v>
      </c>
      <c r="AY16" s="114">
        <v>2809807</v>
      </c>
      <c r="AZ16" s="114">
        <v>1642432</v>
      </c>
      <c r="BA16" s="114">
        <v>1402238</v>
      </c>
      <c r="BB16" s="114">
        <v>1182466</v>
      </c>
      <c r="BC16" s="114">
        <v>896754</v>
      </c>
      <c r="BD16" s="113">
        <v>7933697</v>
      </c>
      <c r="BE16" s="116">
        <v>8736683</v>
      </c>
      <c r="BF16" s="110">
        <v>26861</v>
      </c>
      <c r="BG16" s="114">
        <v>110486</v>
      </c>
      <c r="BH16" s="112">
        <v>137347</v>
      </c>
      <c r="BI16" s="111">
        <v>0</v>
      </c>
      <c r="BJ16" s="114">
        <v>222982</v>
      </c>
      <c r="BK16" s="114">
        <v>190423</v>
      </c>
      <c r="BL16" s="114">
        <v>58312</v>
      </c>
      <c r="BM16" s="114">
        <v>98631</v>
      </c>
      <c r="BN16" s="114">
        <v>90200</v>
      </c>
      <c r="BO16" s="113">
        <v>660548</v>
      </c>
      <c r="BP16" s="116">
        <v>797895</v>
      </c>
      <c r="BQ16" s="110">
        <v>201760</v>
      </c>
      <c r="BR16" s="114">
        <v>163192</v>
      </c>
      <c r="BS16" s="113">
        <v>364952</v>
      </c>
      <c r="BT16" s="110">
        <v>0</v>
      </c>
      <c r="BU16" s="114">
        <v>1164416</v>
      </c>
      <c r="BV16" s="114">
        <v>909368</v>
      </c>
      <c r="BW16" s="114">
        <v>723728</v>
      </c>
      <c r="BX16" s="114">
        <v>902224</v>
      </c>
      <c r="BY16" s="114">
        <v>618848</v>
      </c>
      <c r="BZ16" s="113">
        <v>4318584</v>
      </c>
      <c r="CA16" s="116">
        <v>4683536</v>
      </c>
      <c r="CB16" s="110">
        <v>63091</v>
      </c>
      <c r="CC16" s="114">
        <v>235742</v>
      </c>
      <c r="CD16" s="113">
        <v>298833</v>
      </c>
      <c r="CE16" s="110">
        <v>0</v>
      </c>
      <c r="CF16" s="114">
        <v>6666111</v>
      </c>
      <c r="CG16" s="114">
        <v>4853981</v>
      </c>
      <c r="CH16" s="114">
        <v>3612780</v>
      </c>
      <c r="CI16" s="114">
        <v>1514777</v>
      </c>
      <c r="CJ16" s="114">
        <v>646209</v>
      </c>
      <c r="CK16" s="113">
        <v>17293858</v>
      </c>
      <c r="CL16" s="116">
        <v>17592691</v>
      </c>
      <c r="CM16" s="110">
        <v>0</v>
      </c>
      <c r="CN16" s="114">
        <v>0</v>
      </c>
      <c r="CO16" s="113">
        <v>0</v>
      </c>
      <c r="CP16" s="111">
        <v>0</v>
      </c>
      <c r="CQ16" s="114">
        <v>5745713</v>
      </c>
      <c r="CR16" s="114">
        <v>4154198</v>
      </c>
      <c r="CS16" s="114">
        <v>3024212</v>
      </c>
      <c r="CT16" s="114">
        <v>1249873</v>
      </c>
      <c r="CU16" s="114">
        <v>538536</v>
      </c>
      <c r="CV16" s="113">
        <v>14712532</v>
      </c>
      <c r="CW16" s="116">
        <v>14712532</v>
      </c>
      <c r="CX16" s="110">
        <v>63091</v>
      </c>
      <c r="CY16" s="114">
        <v>235742</v>
      </c>
      <c r="CZ16" s="113">
        <v>298833</v>
      </c>
      <c r="DA16" s="110">
        <v>0</v>
      </c>
      <c r="DB16" s="114">
        <v>920398</v>
      </c>
      <c r="DC16" s="114">
        <v>699783</v>
      </c>
      <c r="DD16" s="114">
        <v>588568</v>
      </c>
      <c r="DE16" s="114">
        <v>264904</v>
      </c>
      <c r="DF16" s="114">
        <v>107673</v>
      </c>
      <c r="DG16" s="113">
        <v>2581326</v>
      </c>
      <c r="DH16" s="116">
        <v>2880159</v>
      </c>
      <c r="DI16" s="110">
        <v>7026</v>
      </c>
      <c r="DJ16" s="114">
        <v>0</v>
      </c>
      <c r="DK16" s="112">
        <v>7026</v>
      </c>
      <c r="DL16" s="111">
        <v>0</v>
      </c>
      <c r="DM16" s="114">
        <v>615396</v>
      </c>
      <c r="DN16" s="114">
        <v>1109347</v>
      </c>
      <c r="DO16" s="114">
        <v>1877303</v>
      </c>
      <c r="DP16" s="114">
        <v>1856639</v>
      </c>
      <c r="DQ16" s="114">
        <v>140872</v>
      </c>
      <c r="DR16" s="113">
        <v>5599557</v>
      </c>
      <c r="DS16" s="116">
        <v>5606583</v>
      </c>
      <c r="DT16" s="110">
        <v>7026</v>
      </c>
      <c r="DU16" s="114">
        <v>0</v>
      </c>
      <c r="DV16" s="113">
        <v>7026</v>
      </c>
      <c r="DW16" s="110">
        <v>0</v>
      </c>
      <c r="DX16" s="114">
        <v>548835</v>
      </c>
      <c r="DY16" s="114">
        <v>794814</v>
      </c>
      <c r="DZ16" s="114">
        <v>1817748</v>
      </c>
      <c r="EA16" s="114">
        <v>1730718</v>
      </c>
      <c r="EB16" s="114">
        <v>140872</v>
      </c>
      <c r="EC16" s="113">
        <v>5032987</v>
      </c>
      <c r="ED16" s="116">
        <v>5040013</v>
      </c>
      <c r="EE16" s="110">
        <v>0</v>
      </c>
      <c r="EF16" s="112">
        <v>0</v>
      </c>
      <c r="EG16" s="113">
        <v>0</v>
      </c>
      <c r="EH16" s="110">
        <v>0</v>
      </c>
      <c r="EI16" s="114">
        <v>66561</v>
      </c>
      <c r="EJ16" s="114">
        <v>314533</v>
      </c>
      <c r="EK16" s="114">
        <v>59555</v>
      </c>
      <c r="EL16" s="114">
        <v>125921</v>
      </c>
      <c r="EM16" s="114">
        <v>0</v>
      </c>
      <c r="EN16" s="112">
        <v>566570</v>
      </c>
      <c r="EO16" s="116">
        <v>566570</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536772</v>
      </c>
      <c r="FM16" s="114">
        <v>415400</v>
      </c>
      <c r="FN16" s="113">
        <v>952172</v>
      </c>
      <c r="FO16" s="110">
        <v>0</v>
      </c>
      <c r="FP16" s="114">
        <v>1224148</v>
      </c>
      <c r="FQ16" s="114">
        <v>1666488</v>
      </c>
      <c r="FR16" s="114">
        <v>1210528</v>
      </c>
      <c r="FS16" s="114">
        <v>1403568</v>
      </c>
      <c r="FT16" s="114">
        <v>692840</v>
      </c>
      <c r="FU16" s="113">
        <v>6197572</v>
      </c>
      <c r="FV16" s="116">
        <v>7149744</v>
      </c>
      <c r="FW16" s="115">
        <v>262184</v>
      </c>
      <c r="FX16" s="114">
        <v>415400</v>
      </c>
      <c r="FY16" s="112">
        <v>677584</v>
      </c>
      <c r="FZ16" s="111">
        <v>0</v>
      </c>
      <c r="GA16" s="114">
        <v>928976</v>
      </c>
      <c r="GB16" s="114">
        <v>1488664</v>
      </c>
      <c r="GC16" s="114">
        <v>1052528</v>
      </c>
      <c r="GD16" s="114">
        <v>1348624</v>
      </c>
      <c r="GE16" s="114">
        <v>606424</v>
      </c>
      <c r="GF16" s="113">
        <v>5425216</v>
      </c>
      <c r="GG16" s="318">
        <v>6102800</v>
      </c>
      <c r="GH16" s="115">
        <v>27948</v>
      </c>
      <c r="GI16" s="114">
        <v>0</v>
      </c>
      <c r="GJ16" s="112">
        <v>27948</v>
      </c>
      <c r="GK16" s="111">
        <v>0</v>
      </c>
      <c r="GL16" s="114">
        <v>59972</v>
      </c>
      <c r="GM16" s="114">
        <v>101880</v>
      </c>
      <c r="GN16" s="114">
        <v>0</v>
      </c>
      <c r="GO16" s="114">
        <v>54944</v>
      </c>
      <c r="GP16" s="114">
        <v>18656</v>
      </c>
      <c r="GQ16" s="113">
        <v>235452</v>
      </c>
      <c r="GR16" s="116">
        <v>263400</v>
      </c>
      <c r="GS16" s="110">
        <v>246640</v>
      </c>
      <c r="GT16" s="114">
        <v>0</v>
      </c>
      <c r="GU16" s="113">
        <v>246640</v>
      </c>
      <c r="GV16" s="110">
        <v>0</v>
      </c>
      <c r="GW16" s="114">
        <v>235200</v>
      </c>
      <c r="GX16" s="114">
        <v>75944</v>
      </c>
      <c r="GY16" s="114">
        <v>158000</v>
      </c>
      <c r="GZ16" s="114">
        <v>0</v>
      </c>
      <c r="HA16" s="114">
        <v>67760</v>
      </c>
      <c r="HB16" s="112">
        <v>536904</v>
      </c>
      <c r="HC16" s="116">
        <v>783544</v>
      </c>
      <c r="HD16" s="110">
        <v>412427</v>
      </c>
      <c r="HE16" s="114">
        <v>443153</v>
      </c>
      <c r="HF16" s="112">
        <v>855580</v>
      </c>
      <c r="HG16" s="111">
        <v>0</v>
      </c>
      <c r="HH16" s="114">
        <v>4341135</v>
      </c>
      <c r="HI16" s="114">
        <v>2157553</v>
      </c>
      <c r="HJ16" s="114">
        <v>2535679</v>
      </c>
      <c r="HK16" s="114">
        <v>3408401</v>
      </c>
      <c r="HL16" s="114">
        <v>1884062</v>
      </c>
      <c r="HM16" s="113">
        <v>14326830</v>
      </c>
      <c r="HN16" s="109">
        <v>15182410</v>
      </c>
      <c r="HO16" s="328"/>
      <c r="HP16" s="329"/>
      <c r="HQ16" s="330"/>
      <c r="HR16" s="331"/>
      <c r="HS16" s="329"/>
      <c r="HT16" s="329"/>
      <c r="HU16" s="329"/>
      <c r="HV16" s="329"/>
      <c r="HW16" s="329"/>
      <c r="HX16" s="332"/>
      <c r="HY16" s="333"/>
      <c r="HZ16" s="150">
        <v>0</v>
      </c>
      <c r="IA16" s="135">
        <v>0</v>
      </c>
      <c r="IB16" s="150">
        <v>0</v>
      </c>
      <c r="IC16" s="134">
        <v>0</v>
      </c>
      <c r="ID16" s="135">
        <v>4370590</v>
      </c>
      <c r="IE16" s="136">
        <v>7590983</v>
      </c>
      <c r="IF16" s="137">
        <v>4752249</v>
      </c>
      <c r="IG16" s="135">
        <v>4402234</v>
      </c>
      <c r="IH16" s="137">
        <v>3563784</v>
      </c>
      <c r="II16" s="138">
        <v>24679840</v>
      </c>
      <c r="IJ16" s="150">
        <v>24679840</v>
      </c>
      <c r="IK16" s="232">
        <v>0</v>
      </c>
      <c r="IL16" s="236">
        <v>0</v>
      </c>
      <c r="IM16" s="237">
        <v>0</v>
      </c>
      <c r="IN16" s="140"/>
      <c r="IO16" s="119">
        <v>254233</v>
      </c>
      <c r="IP16" s="119">
        <v>229590</v>
      </c>
      <c r="IQ16" s="119">
        <v>0</v>
      </c>
      <c r="IR16" s="119">
        <v>248808</v>
      </c>
      <c r="IS16" s="119">
        <v>265684</v>
      </c>
      <c r="IT16" s="141">
        <v>998315</v>
      </c>
      <c r="IU16" s="320">
        <v>998315</v>
      </c>
      <c r="IV16" s="142">
        <v>0</v>
      </c>
      <c r="IW16" s="119">
        <v>0</v>
      </c>
      <c r="IX16" s="120">
        <v>0</v>
      </c>
      <c r="IY16" s="144"/>
      <c r="IZ16" s="119">
        <v>10475</v>
      </c>
      <c r="JA16" s="119">
        <v>10475</v>
      </c>
      <c r="JB16" s="119">
        <v>31425</v>
      </c>
      <c r="JC16" s="119">
        <v>0</v>
      </c>
      <c r="JD16" s="119">
        <v>0</v>
      </c>
      <c r="JE16" s="120">
        <v>52375</v>
      </c>
      <c r="JF16" s="121">
        <v>52375</v>
      </c>
      <c r="JG16" s="142">
        <v>0</v>
      </c>
      <c r="JH16" s="119">
        <v>0</v>
      </c>
      <c r="JI16" s="141">
        <v>0</v>
      </c>
      <c r="JJ16" s="118">
        <v>0</v>
      </c>
      <c r="JK16" s="119">
        <v>2228797</v>
      </c>
      <c r="JL16" s="119">
        <v>1270021</v>
      </c>
      <c r="JM16" s="119">
        <v>504981</v>
      </c>
      <c r="JN16" s="119">
        <v>232418</v>
      </c>
      <c r="JO16" s="119">
        <v>38508</v>
      </c>
      <c r="JP16" s="120">
        <v>4274725</v>
      </c>
      <c r="JQ16" s="320">
        <v>4274725</v>
      </c>
      <c r="JR16" s="142">
        <v>0</v>
      </c>
      <c r="JS16" s="119">
        <v>0</v>
      </c>
      <c r="JT16" s="141">
        <v>0</v>
      </c>
      <c r="JU16" s="118">
        <v>0</v>
      </c>
      <c r="JV16" s="119">
        <v>175922</v>
      </c>
      <c r="JW16" s="119">
        <v>241331</v>
      </c>
      <c r="JX16" s="119">
        <v>223635</v>
      </c>
      <c r="JY16" s="119">
        <v>0</v>
      </c>
      <c r="JZ16" s="119">
        <v>34136</v>
      </c>
      <c r="KA16" s="120">
        <v>675024</v>
      </c>
      <c r="KB16" s="320">
        <v>675024</v>
      </c>
      <c r="KC16" s="234">
        <v>0</v>
      </c>
      <c r="KD16" s="230">
        <v>0</v>
      </c>
      <c r="KE16" s="120">
        <v>0</v>
      </c>
      <c r="KF16" s="118">
        <v>0</v>
      </c>
      <c r="KG16" s="119">
        <v>411685</v>
      </c>
      <c r="KH16" s="119">
        <v>1264960</v>
      </c>
      <c r="KI16" s="119">
        <v>913430</v>
      </c>
      <c r="KJ16" s="119">
        <v>1072220</v>
      </c>
      <c r="KK16" s="119">
        <v>286131</v>
      </c>
      <c r="KL16" s="120">
        <v>3948426</v>
      </c>
      <c r="KM16" s="143">
        <v>3948426</v>
      </c>
      <c r="KN16" s="232">
        <v>0</v>
      </c>
      <c r="KO16" s="236">
        <v>0</v>
      </c>
      <c r="KP16" s="237">
        <v>0</v>
      </c>
      <c r="KQ16" s="140"/>
      <c r="KR16" s="119">
        <v>846064</v>
      </c>
      <c r="KS16" s="119">
        <v>2854914</v>
      </c>
      <c r="KT16" s="119">
        <v>1456321</v>
      </c>
      <c r="KU16" s="119">
        <v>1734844</v>
      </c>
      <c r="KV16" s="119">
        <v>769350</v>
      </c>
      <c r="KW16" s="120">
        <v>7661493</v>
      </c>
      <c r="KX16" s="320">
        <v>7661493</v>
      </c>
      <c r="KY16" s="142">
        <v>0</v>
      </c>
      <c r="KZ16" s="119">
        <v>0</v>
      </c>
      <c r="LA16" s="120">
        <v>0</v>
      </c>
      <c r="LB16" s="145"/>
      <c r="LC16" s="119">
        <v>151000</v>
      </c>
      <c r="LD16" s="119">
        <v>910449</v>
      </c>
      <c r="LE16" s="119">
        <v>566940</v>
      </c>
      <c r="LF16" s="119">
        <v>235099</v>
      </c>
      <c r="LG16" s="119">
        <v>904008</v>
      </c>
      <c r="LH16" s="120">
        <v>2767496</v>
      </c>
      <c r="LI16" s="121">
        <v>2767496</v>
      </c>
      <c r="LJ16" s="142">
        <v>0</v>
      </c>
      <c r="LK16" s="119">
        <v>0</v>
      </c>
      <c r="LL16" s="120">
        <v>0</v>
      </c>
      <c r="LM16" s="145"/>
      <c r="LN16" s="119">
        <v>0</v>
      </c>
      <c r="LO16" s="119">
        <v>203193</v>
      </c>
      <c r="LP16" s="119">
        <v>223136</v>
      </c>
      <c r="LQ16" s="119">
        <v>272454</v>
      </c>
      <c r="LR16" s="119">
        <v>930604</v>
      </c>
      <c r="LS16" s="120">
        <v>1629387</v>
      </c>
      <c r="LT16" s="320">
        <v>1629387</v>
      </c>
      <c r="LU16" s="142">
        <v>0</v>
      </c>
      <c r="LV16" s="119">
        <v>0</v>
      </c>
      <c r="LW16" s="120">
        <v>0</v>
      </c>
      <c r="LX16" s="145"/>
      <c r="LY16" s="119">
        <v>292414</v>
      </c>
      <c r="LZ16" s="119">
        <v>606050</v>
      </c>
      <c r="MA16" s="119">
        <v>832381</v>
      </c>
      <c r="MB16" s="119">
        <v>606391</v>
      </c>
      <c r="MC16" s="119">
        <v>335363</v>
      </c>
      <c r="MD16" s="120">
        <v>2672599</v>
      </c>
      <c r="ME16" s="121">
        <v>2672599</v>
      </c>
      <c r="MF16" s="142">
        <v>0</v>
      </c>
      <c r="MG16" s="119">
        <v>0</v>
      </c>
      <c r="MH16" s="120">
        <v>0</v>
      </c>
      <c r="MI16" s="145"/>
      <c r="MJ16" s="119">
        <v>1181638</v>
      </c>
      <c r="MK16" s="119">
        <v>1055641</v>
      </c>
      <c r="ML16" s="119">
        <v>8350876</v>
      </c>
      <c r="MM16" s="119">
        <v>12522347</v>
      </c>
      <c r="MN16" s="119">
        <v>7591940</v>
      </c>
      <c r="MO16" s="120">
        <v>30702442</v>
      </c>
      <c r="MP16" s="143">
        <v>30702442</v>
      </c>
      <c r="MQ16" s="142">
        <v>0</v>
      </c>
      <c r="MR16" s="119">
        <v>0</v>
      </c>
      <c r="MS16" s="120">
        <v>0</v>
      </c>
      <c r="MT16" s="145"/>
      <c r="MU16" s="119">
        <v>205445</v>
      </c>
      <c r="MV16" s="119">
        <v>0</v>
      </c>
      <c r="MW16" s="119">
        <v>5920683</v>
      </c>
      <c r="MX16" s="119">
        <v>7950605</v>
      </c>
      <c r="MY16" s="119">
        <v>5174088</v>
      </c>
      <c r="MZ16" s="120">
        <v>19250821</v>
      </c>
      <c r="NA16" s="143">
        <v>19250821</v>
      </c>
      <c r="NB16" s="142">
        <v>0</v>
      </c>
      <c r="NC16" s="119">
        <v>0</v>
      </c>
      <c r="ND16" s="120">
        <v>0</v>
      </c>
      <c r="NE16" s="145"/>
      <c r="NF16" s="119">
        <v>976193</v>
      </c>
      <c r="NG16" s="119">
        <v>1055641</v>
      </c>
      <c r="NH16" s="119">
        <v>2430193</v>
      </c>
      <c r="NI16" s="119">
        <v>4571742</v>
      </c>
      <c r="NJ16" s="119">
        <v>1688775</v>
      </c>
      <c r="NK16" s="120">
        <v>10722544</v>
      </c>
      <c r="NL16" s="320">
        <v>10722544</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729077</v>
      </c>
      <c r="OG16" s="120">
        <v>729077</v>
      </c>
      <c r="OH16" s="121">
        <v>729077</v>
      </c>
      <c r="OI16" s="142">
        <v>1540928</v>
      </c>
      <c r="OJ16" s="119">
        <v>1877968</v>
      </c>
      <c r="OK16" s="141">
        <v>3418896</v>
      </c>
      <c r="OL16" s="118">
        <v>0</v>
      </c>
      <c r="OM16" s="119">
        <v>25942840</v>
      </c>
      <c r="ON16" s="119">
        <v>24262626</v>
      </c>
      <c r="OO16" s="119">
        <v>27424585</v>
      </c>
      <c r="OP16" s="119">
        <v>31045327</v>
      </c>
      <c r="OQ16" s="119">
        <v>19001526</v>
      </c>
      <c r="OR16" s="120">
        <v>127676904</v>
      </c>
      <c r="OS16" s="143">
        <v>131095800</v>
      </c>
    </row>
    <row r="17" spans="2:409" ht="21" customHeight="1" x14ac:dyDescent="0.2">
      <c r="B17" s="126" t="s">
        <v>11</v>
      </c>
      <c r="C17" s="110">
        <v>319539</v>
      </c>
      <c r="D17" s="114">
        <v>894753</v>
      </c>
      <c r="E17" s="171">
        <v>1214292</v>
      </c>
      <c r="F17" s="111">
        <v>0</v>
      </c>
      <c r="G17" s="114">
        <v>7646816</v>
      </c>
      <c r="H17" s="114">
        <v>5924816</v>
      </c>
      <c r="I17" s="114">
        <v>7744995</v>
      </c>
      <c r="J17" s="114">
        <v>8964983</v>
      </c>
      <c r="K17" s="114">
        <v>4258833</v>
      </c>
      <c r="L17" s="109">
        <v>34540443</v>
      </c>
      <c r="M17" s="116">
        <v>35754735</v>
      </c>
      <c r="N17" s="110">
        <v>107957</v>
      </c>
      <c r="O17" s="114">
        <v>211279</v>
      </c>
      <c r="P17" s="113">
        <v>319236</v>
      </c>
      <c r="Q17" s="110">
        <v>0</v>
      </c>
      <c r="R17" s="114">
        <v>1501831</v>
      </c>
      <c r="S17" s="114">
        <v>1682938</v>
      </c>
      <c r="T17" s="114">
        <v>2427919</v>
      </c>
      <c r="U17" s="114">
        <v>2554677</v>
      </c>
      <c r="V17" s="114">
        <v>2839222</v>
      </c>
      <c r="W17" s="113">
        <v>11006587</v>
      </c>
      <c r="X17" s="116">
        <v>11325823</v>
      </c>
      <c r="Y17" s="110">
        <v>0</v>
      </c>
      <c r="Z17" s="114">
        <v>0</v>
      </c>
      <c r="AA17" s="113">
        <v>0</v>
      </c>
      <c r="AB17" s="110">
        <v>0</v>
      </c>
      <c r="AC17" s="114">
        <v>358662</v>
      </c>
      <c r="AD17" s="114">
        <v>506668</v>
      </c>
      <c r="AE17" s="114">
        <v>1499558</v>
      </c>
      <c r="AF17" s="114">
        <v>1120618</v>
      </c>
      <c r="AG17" s="114">
        <v>1963545</v>
      </c>
      <c r="AH17" s="113">
        <v>5449051</v>
      </c>
      <c r="AI17" s="116">
        <v>5449051</v>
      </c>
      <c r="AJ17" s="110">
        <v>0</v>
      </c>
      <c r="AK17" s="114">
        <v>0</v>
      </c>
      <c r="AL17" s="113">
        <v>0</v>
      </c>
      <c r="AM17" s="110">
        <v>0</v>
      </c>
      <c r="AN17" s="114">
        <v>0</v>
      </c>
      <c r="AO17" s="114">
        <v>114265</v>
      </c>
      <c r="AP17" s="114">
        <v>136077</v>
      </c>
      <c r="AQ17" s="114">
        <v>317367</v>
      </c>
      <c r="AR17" s="114">
        <v>96351</v>
      </c>
      <c r="AS17" s="113">
        <v>664060</v>
      </c>
      <c r="AT17" s="116">
        <v>664060</v>
      </c>
      <c r="AU17" s="110">
        <v>84037</v>
      </c>
      <c r="AV17" s="114">
        <v>124884</v>
      </c>
      <c r="AW17" s="113">
        <v>208921</v>
      </c>
      <c r="AX17" s="110">
        <v>0</v>
      </c>
      <c r="AY17" s="114">
        <v>687895</v>
      </c>
      <c r="AZ17" s="114">
        <v>739679</v>
      </c>
      <c r="BA17" s="114">
        <v>476604</v>
      </c>
      <c r="BB17" s="114">
        <v>554371</v>
      </c>
      <c r="BC17" s="114">
        <v>613110</v>
      </c>
      <c r="BD17" s="113">
        <v>3071659</v>
      </c>
      <c r="BE17" s="116">
        <v>3280580</v>
      </c>
      <c r="BF17" s="110">
        <v>0</v>
      </c>
      <c r="BG17" s="114">
        <v>43107</v>
      </c>
      <c r="BH17" s="112">
        <v>43107</v>
      </c>
      <c r="BI17" s="111">
        <v>0</v>
      </c>
      <c r="BJ17" s="114">
        <v>76882</v>
      </c>
      <c r="BK17" s="114">
        <v>41862</v>
      </c>
      <c r="BL17" s="114">
        <v>0</v>
      </c>
      <c r="BM17" s="114">
        <v>258745</v>
      </c>
      <c r="BN17" s="114">
        <v>0</v>
      </c>
      <c r="BO17" s="113">
        <v>377489</v>
      </c>
      <c r="BP17" s="116">
        <v>420596</v>
      </c>
      <c r="BQ17" s="110">
        <v>23920</v>
      </c>
      <c r="BR17" s="114">
        <v>43288</v>
      </c>
      <c r="BS17" s="113">
        <v>67208</v>
      </c>
      <c r="BT17" s="110">
        <v>0</v>
      </c>
      <c r="BU17" s="114">
        <v>378392</v>
      </c>
      <c r="BV17" s="114">
        <v>280464</v>
      </c>
      <c r="BW17" s="114">
        <v>315680</v>
      </c>
      <c r="BX17" s="114">
        <v>303576</v>
      </c>
      <c r="BY17" s="114">
        <v>166216</v>
      </c>
      <c r="BZ17" s="113">
        <v>1444328</v>
      </c>
      <c r="CA17" s="116">
        <v>1511536</v>
      </c>
      <c r="CB17" s="110">
        <v>64910</v>
      </c>
      <c r="CC17" s="114">
        <v>113084</v>
      </c>
      <c r="CD17" s="113">
        <v>177994</v>
      </c>
      <c r="CE17" s="110">
        <v>0</v>
      </c>
      <c r="CF17" s="114">
        <v>2326846</v>
      </c>
      <c r="CG17" s="114">
        <v>1423205</v>
      </c>
      <c r="CH17" s="114">
        <v>2126235</v>
      </c>
      <c r="CI17" s="114">
        <v>1908133</v>
      </c>
      <c r="CJ17" s="114">
        <v>302950</v>
      </c>
      <c r="CK17" s="113">
        <v>8087369</v>
      </c>
      <c r="CL17" s="116">
        <v>8265363</v>
      </c>
      <c r="CM17" s="110">
        <v>0</v>
      </c>
      <c r="CN17" s="114">
        <v>0</v>
      </c>
      <c r="CO17" s="113">
        <v>0</v>
      </c>
      <c r="CP17" s="111">
        <v>0</v>
      </c>
      <c r="CQ17" s="114">
        <v>1719904</v>
      </c>
      <c r="CR17" s="114">
        <v>934018</v>
      </c>
      <c r="CS17" s="114">
        <v>1840762</v>
      </c>
      <c r="CT17" s="114">
        <v>1217627</v>
      </c>
      <c r="CU17" s="114">
        <v>215411</v>
      </c>
      <c r="CV17" s="113">
        <v>5927722</v>
      </c>
      <c r="CW17" s="116">
        <v>5927722</v>
      </c>
      <c r="CX17" s="110">
        <v>64910</v>
      </c>
      <c r="CY17" s="114">
        <v>113084</v>
      </c>
      <c r="CZ17" s="113">
        <v>177994</v>
      </c>
      <c r="DA17" s="110">
        <v>0</v>
      </c>
      <c r="DB17" s="114">
        <v>606942</v>
      </c>
      <c r="DC17" s="114">
        <v>489187</v>
      </c>
      <c r="DD17" s="114">
        <v>285473</v>
      </c>
      <c r="DE17" s="114">
        <v>690506</v>
      </c>
      <c r="DF17" s="114">
        <v>87539</v>
      </c>
      <c r="DG17" s="113">
        <v>2159647</v>
      </c>
      <c r="DH17" s="116">
        <v>2337641</v>
      </c>
      <c r="DI17" s="110">
        <v>8692</v>
      </c>
      <c r="DJ17" s="114">
        <v>0</v>
      </c>
      <c r="DK17" s="112">
        <v>8692</v>
      </c>
      <c r="DL17" s="111">
        <v>0</v>
      </c>
      <c r="DM17" s="114">
        <v>504132</v>
      </c>
      <c r="DN17" s="114">
        <v>316757</v>
      </c>
      <c r="DO17" s="114">
        <v>664180</v>
      </c>
      <c r="DP17" s="114">
        <v>758947</v>
      </c>
      <c r="DQ17" s="114">
        <v>0</v>
      </c>
      <c r="DR17" s="113">
        <v>2244016</v>
      </c>
      <c r="DS17" s="116">
        <v>2252708</v>
      </c>
      <c r="DT17" s="110">
        <v>8692</v>
      </c>
      <c r="DU17" s="114">
        <v>0</v>
      </c>
      <c r="DV17" s="113">
        <v>8692</v>
      </c>
      <c r="DW17" s="110">
        <v>0</v>
      </c>
      <c r="DX17" s="114">
        <v>504132</v>
      </c>
      <c r="DY17" s="114">
        <v>229329</v>
      </c>
      <c r="DZ17" s="114">
        <v>664180</v>
      </c>
      <c r="EA17" s="114">
        <v>639115</v>
      </c>
      <c r="EB17" s="114">
        <v>0</v>
      </c>
      <c r="EC17" s="113">
        <v>2036756</v>
      </c>
      <c r="ED17" s="116">
        <v>2045448</v>
      </c>
      <c r="EE17" s="110">
        <v>0</v>
      </c>
      <c r="EF17" s="112">
        <v>0</v>
      </c>
      <c r="EG17" s="113">
        <v>0</v>
      </c>
      <c r="EH17" s="110">
        <v>0</v>
      </c>
      <c r="EI17" s="114">
        <v>0</v>
      </c>
      <c r="EJ17" s="114">
        <v>87428</v>
      </c>
      <c r="EK17" s="114">
        <v>0</v>
      </c>
      <c r="EL17" s="114">
        <v>119832</v>
      </c>
      <c r="EM17" s="114">
        <v>0</v>
      </c>
      <c r="EN17" s="112">
        <v>207260</v>
      </c>
      <c r="EO17" s="116">
        <v>207260</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86400</v>
      </c>
      <c r="FM17" s="114">
        <v>195168</v>
      </c>
      <c r="FN17" s="113">
        <v>281568</v>
      </c>
      <c r="FO17" s="110">
        <v>0</v>
      </c>
      <c r="FP17" s="114">
        <v>248224</v>
      </c>
      <c r="FQ17" s="114">
        <v>506600</v>
      </c>
      <c r="FR17" s="114">
        <v>519776</v>
      </c>
      <c r="FS17" s="114">
        <v>635960</v>
      </c>
      <c r="FT17" s="114">
        <v>203376</v>
      </c>
      <c r="FU17" s="113">
        <v>2113936</v>
      </c>
      <c r="FV17" s="116">
        <v>2395504</v>
      </c>
      <c r="FW17" s="115">
        <v>86400</v>
      </c>
      <c r="FX17" s="114">
        <v>195168</v>
      </c>
      <c r="FY17" s="112">
        <v>281568</v>
      </c>
      <c r="FZ17" s="111">
        <v>0</v>
      </c>
      <c r="GA17" s="114">
        <v>248224</v>
      </c>
      <c r="GB17" s="114">
        <v>506600</v>
      </c>
      <c r="GC17" s="114">
        <v>519776</v>
      </c>
      <c r="GD17" s="114">
        <v>635960</v>
      </c>
      <c r="GE17" s="114">
        <v>203376</v>
      </c>
      <c r="GF17" s="113">
        <v>2113936</v>
      </c>
      <c r="GG17" s="318">
        <v>2395504</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51580</v>
      </c>
      <c r="HE17" s="114">
        <v>375222</v>
      </c>
      <c r="HF17" s="112">
        <v>426802</v>
      </c>
      <c r="HG17" s="111">
        <v>0</v>
      </c>
      <c r="HH17" s="114">
        <v>3065783</v>
      </c>
      <c r="HI17" s="114">
        <v>1995316</v>
      </c>
      <c r="HJ17" s="114">
        <v>2006885</v>
      </c>
      <c r="HK17" s="114">
        <v>3107266</v>
      </c>
      <c r="HL17" s="114">
        <v>913285</v>
      </c>
      <c r="HM17" s="113">
        <v>11088535</v>
      </c>
      <c r="HN17" s="109">
        <v>11515337</v>
      </c>
      <c r="HO17" s="328"/>
      <c r="HP17" s="329"/>
      <c r="HQ17" s="330"/>
      <c r="HR17" s="331"/>
      <c r="HS17" s="329"/>
      <c r="HT17" s="329"/>
      <c r="HU17" s="329"/>
      <c r="HV17" s="329"/>
      <c r="HW17" s="329"/>
      <c r="HX17" s="332"/>
      <c r="HY17" s="333"/>
      <c r="HZ17" s="131">
        <v>0</v>
      </c>
      <c r="IA17" s="132">
        <v>0</v>
      </c>
      <c r="IB17" s="133">
        <v>0</v>
      </c>
      <c r="IC17" s="146">
        <v>0</v>
      </c>
      <c r="ID17" s="132">
        <v>1283925</v>
      </c>
      <c r="IE17" s="147">
        <v>1679169</v>
      </c>
      <c r="IF17" s="133">
        <v>2572414</v>
      </c>
      <c r="IG17" s="132">
        <v>2607778</v>
      </c>
      <c r="IH17" s="133">
        <v>412536</v>
      </c>
      <c r="II17" s="148">
        <v>8555822</v>
      </c>
      <c r="IJ17" s="139">
        <v>8555822</v>
      </c>
      <c r="IK17" s="232">
        <v>0</v>
      </c>
      <c r="IL17" s="236">
        <v>0</v>
      </c>
      <c r="IM17" s="237">
        <v>0</v>
      </c>
      <c r="IN17" s="140"/>
      <c r="IO17" s="119">
        <v>75858</v>
      </c>
      <c r="IP17" s="119">
        <v>0</v>
      </c>
      <c r="IQ17" s="119">
        <v>323488</v>
      </c>
      <c r="IR17" s="119">
        <v>0</v>
      </c>
      <c r="IS17" s="119">
        <v>0</v>
      </c>
      <c r="IT17" s="141">
        <v>399346</v>
      </c>
      <c r="IU17" s="320">
        <v>399346</v>
      </c>
      <c r="IV17" s="142">
        <v>0</v>
      </c>
      <c r="IW17" s="119">
        <v>0</v>
      </c>
      <c r="IX17" s="120">
        <v>0</v>
      </c>
      <c r="IY17" s="144"/>
      <c r="IZ17" s="119">
        <v>0</v>
      </c>
      <c r="JA17" s="119">
        <v>0</v>
      </c>
      <c r="JB17" s="119">
        <v>0</v>
      </c>
      <c r="JC17" s="119">
        <v>16503</v>
      </c>
      <c r="JD17" s="119">
        <v>0</v>
      </c>
      <c r="JE17" s="120">
        <v>16503</v>
      </c>
      <c r="JF17" s="121">
        <v>16503</v>
      </c>
      <c r="JG17" s="142">
        <v>0</v>
      </c>
      <c r="JH17" s="119">
        <v>0</v>
      </c>
      <c r="JI17" s="141">
        <v>0</v>
      </c>
      <c r="JJ17" s="118">
        <v>0</v>
      </c>
      <c r="JK17" s="119">
        <v>990933</v>
      </c>
      <c r="JL17" s="119">
        <v>391983</v>
      </c>
      <c r="JM17" s="119">
        <v>757260</v>
      </c>
      <c r="JN17" s="119">
        <v>729030</v>
      </c>
      <c r="JO17" s="119">
        <v>211968</v>
      </c>
      <c r="JP17" s="120">
        <v>3081174</v>
      </c>
      <c r="JQ17" s="320">
        <v>3081174</v>
      </c>
      <c r="JR17" s="142">
        <v>0</v>
      </c>
      <c r="JS17" s="119">
        <v>0</v>
      </c>
      <c r="JT17" s="141">
        <v>0</v>
      </c>
      <c r="JU17" s="118">
        <v>0</v>
      </c>
      <c r="JV17" s="119">
        <v>110892</v>
      </c>
      <c r="JW17" s="119">
        <v>67493</v>
      </c>
      <c r="JX17" s="119">
        <v>165845</v>
      </c>
      <c r="JY17" s="119">
        <v>0</v>
      </c>
      <c r="JZ17" s="119">
        <v>0</v>
      </c>
      <c r="KA17" s="120">
        <v>344230</v>
      </c>
      <c r="KB17" s="320">
        <v>344230</v>
      </c>
      <c r="KC17" s="234">
        <v>0</v>
      </c>
      <c r="KD17" s="230">
        <v>0</v>
      </c>
      <c r="KE17" s="120">
        <v>0</v>
      </c>
      <c r="KF17" s="118">
        <v>0</v>
      </c>
      <c r="KG17" s="119">
        <v>106242</v>
      </c>
      <c r="KH17" s="119">
        <v>676487</v>
      </c>
      <c r="KI17" s="119">
        <v>693858</v>
      </c>
      <c r="KJ17" s="119">
        <v>336847</v>
      </c>
      <c r="KK17" s="119">
        <v>200568</v>
      </c>
      <c r="KL17" s="120">
        <v>2014002</v>
      </c>
      <c r="KM17" s="143">
        <v>2014002</v>
      </c>
      <c r="KN17" s="232">
        <v>0</v>
      </c>
      <c r="KO17" s="236">
        <v>0</v>
      </c>
      <c r="KP17" s="237">
        <v>0</v>
      </c>
      <c r="KQ17" s="140"/>
      <c r="KR17" s="119">
        <v>0</v>
      </c>
      <c r="KS17" s="119">
        <v>356118</v>
      </c>
      <c r="KT17" s="119">
        <v>631963</v>
      </c>
      <c r="KU17" s="119">
        <v>1247976</v>
      </c>
      <c r="KV17" s="119">
        <v>0</v>
      </c>
      <c r="KW17" s="120">
        <v>2236057</v>
      </c>
      <c r="KX17" s="320">
        <v>2236057</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187088</v>
      </c>
      <c r="MA17" s="119">
        <v>0</v>
      </c>
      <c r="MB17" s="119">
        <v>277422</v>
      </c>
      <c r="MC17" s="119">
        <v>0</v>
      </c>
      <c r="MD17" s="120">
        <v>464510</v>
      </c>
      <c r="ME17" s="121">
        <v>464510</v>
      </c>
      <c r="MF17" s="142">
        <v>0</v>
      </c>
      <c r="MG17" s="119">
        <v>0</v>
      </c>
      <c r="MH17" s="120">
        <v>0</v>
      </c>
      <c r="MI17" s="145"/>
      <c r="MJ17" s="119">
        <v>231429</v>
      </c>
      <c r="MK17" s="119">
        <v>926228</v>
      </c>
      <c r="ML17" s="119">
        <v>3463489</v>
      </c>
      <c r="MM17" s="119">
        <v>4191199</v>
      </c>
      <c r="MN17" s="119">
        <v>2912789</v>
      </c>
      <c r="MO17" s="120">
        <v>11725134</v>
      </c>
      <c r="MP17" s="143">
        <v>11725134</v>
      </c>
      <c r="MQ17" s="142">
        <v>0</v>
      </c>
      <c r="MR17" s="119">
        <v>0</v>
      </c>
      <c r="MS17" s="120">
        <v>0</v>
      </c>
      <c r="MT17" s="145"/>
      <c r="MU17" s="119">
        <v>0</v>
      </c>
      <c r="MV17" s="119">
        <v>0</v>
      </c>
      <c r="MW17" s="119">
        <v>1623659</v>
      </c>
      <c r="MX17" s="119">
        <v>3597432</v>
      </c>
      <c r="MY17" s="119">
        <v>1048740</v>
      </c>
      <c r="MZ17" s="120">
        <v>6269831</v>
      </c>
      <c r="NA17" s="143">
        <v>6269831</v>
      </c>
      <c r="NB17" s="142">
        <v>0</v>
      </c>
      <c r="NC17" s="119">
        <v>0</v>
      </c>
      <c r="ND17" s="120">
        <v>0</v>
      </c>
      <c r="NE17" s="145"/>
      <c r="NF17" s="119">
        <v>231429</v>
      </c>
      <c r="NG17" s="119">
        <v>684079</v>
      </c>
      <c r="NH17" s="119">
        <v>1839830</v>
      </c>
      <c r="NI17" s="119">
        <v>593767</v>
      </c>
      <c r="NJ17" s="119">
        <v>1864049</v>
      </c>
      <c r="NK17" s="120">
        <v>5213154</v>
      </c>
      <c r="NL17" s="320">
        <v>5213154</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242149</v>
      </c>
      <c r="OD17" s="119">
        <v>0</v>
      </c>
      <c r="OE17" s="119">
        <v>0</v>
      </c>
      <c r="OF17" s="119">
        <v>0</v>
      </c>
      <c r="OG17" s="120">
        <v>242149</v>
      </c>
      <c r="OH17" s="121">
        <v>242149</v>
      </c>
      <c r="OI17" s="142">
        <v>319539</v>
      </c>
      <c r="OJ17" s="119">
        <v>894753</v>
      </c>
      <c r="OK17" s="141">
        <v>1214292</v>
      </c>
      <c r="OL17" s="118">
        <v>0</v>
      </c>
      <c r="OM17" s="119">
        <v>9162170</v>
      </c>
      <c r="ON17" s="119">
        <v>8530213</v>
      </c>
      <c r="OO17" s="119">
        <v>13780898</v>
      </c>
      <c r="OP17" s="119">
        <v>15763960</v>
      </c>
      <c r="OQ17" s="119">
        <v>7584158</v>
      </c>
      <c r="OR17" s="120">
        <v>54821399</v>
      </c>
      <c r="OS17" s="143">
        <v>56035691</v>
      </c>
    </row>
    <row r="18" spans="2:409" ht="21" customHeight="1" x14ac:dyDescent="0.2">
      <c r="B18" s="126" t="s">
        <v>12</v>
      </c>
      <c r="C18" s="110">
        <v>978222</v>
      </c>
      <c r="D18" s="114">
        <v>1550399</v>
      </c>
      <c r="E18" s="113">
        <v>2528621</v>
      </c>
      <c r="F18" s="109">
        <v>0</v>
      </c>
      <c r="G18" s="114">
        <v>7030920</v>
      </c>
      <c r="H18" s="170">
        <v>9317157</v>
      </c>
      <c r="I18" s="170">
        <v>9333183</v>
      </c>
      <c r="J18" s="170">
        <v>10307470</v>
      </c>
      <c r="K18" s="170">
        <v>4790992</v>
      </c>
      <c r="L18" s="112">
        <v>40779722</v>
      </c>
      <c r="M18" s="116">
        <v>43308343</v>
      </c>
      <c r="N18" s="110">
        <v>387802</v>
      </c>
      <c r="O18" s="114">
        <v>534589</v>
      </c>
      <c r="P18" s="113">
        <v>922391</v>
      </c>
      <c r="Q18" s="110">
        <v>0</v>
      </c>
      <c r="R18" s="114">
        <v>2386544</v>
      </c>
      <c r="S18" s="114">
        <v>3414702</v>
      </c>
      <c r="T18" s="114">
        <v>3245610</v>
      </c>
      <c r="U18" s="114">
        <v>3684326</v>
      </c>
      <c r="V18" s="114">
        <v>2935517</v>
      </c>
      <c r="W18" s="113">
        <v>15666699</v>
      </c>
      <c r="X18" s="116">
        <v>16589090</v>
      </c>
      <c r="Y18" s="110">
        <v>0</v>
      </c>
      <c r="Z18" s="114">
        <v>0</v>
      </c>
      <c r="AA18" s="113">
        <v>0</v>
      </c>
      <c r="AB18" s="110">
        <v>0</v>
      </c>
      <c r="AC18" s="114">
        <v>1437166</v>
      </c>
      <c r="AD18" s="114">
        <v>1599692</v>
      </c>
      <c r="AE18" s="114">
        <v>1729525</v>
      </c>
      <c r="AF18" s="114">
        <v>2580883</v>
      </c>
      <c r="AG18" s="114">
        <v>2092644</v>
      </c>
      <c r="AH18" s="113">
        <v>9439910</v>
      </c>
      <c r="AI18" s="116">
        <v>9439910</v>
      </c>
      <c r="AJ18" s="110">
        <v>0</v>
      </c>
      <c r="AK18" s="114">
        <v>0</v>
      </c>
      <c r="AL18" s="113">
        <v>0</v>
      </c>
      <c r="AM18" s="110">
        <v>0</v>
      </c>
      <c r="AN18" s="114">
        <v>0</v>
      </c>
      <c r="AO18" s="114">
        <v>104157</v>
      </c>
      <c r="AP18" s="114">
        <v>91933</v>
      </c>
      <c r="AQ18" s="114">
        <v>174616</v>
      </c>
      <c r="AR18" s="114">
        <v>173593</v>
      </c>
      <c r="AS18" s="113">
        <v>544299</v>
      </c>
      <c r="AT18" s="116">
        <v>544299</v>
      </c>
      <c r="AU18" s="110">
        <v>318506</v>
      </c>
      <c r="AV18" s="114">
        <v>447853</v>
      </c>
      <c r="AW18" s="113">
        <v>766359</v>
      </c>
      <c r="AX18" s="110">
        <v>0</v>
      </c>
      <c r="AY18" s="114">
        <v>670538</v>
      </c>
      <c r="AZ18" s="114">
        <v>1193457</v>
      </c>
      <c r="BA18" s="114">
        <v>918472</v>
      </c>
      <c r="BB18" s="114">
        <v>427975</v>
      </c>
      <c r="BC18" s="114">
        <v>346203</v>
      </c>
      <c r="BD18" s="113">
        <v>3556645</v>
      </c>
      <c r="BE18" s="116">
        <v>4323004</v>
      </c>
      <c r="BF18" s="110">
        <v>0</v>
      </c>
      <c r="BG18" s="114">
        <v>0</v>
      </c>
      <c r="BH18" s="112">
        <v>0</v>
      </c>
      <c r="BI18" s="111">
        <v>0</v>
      </c>
      <c r="BJ18" s="114">
        <v>0</v>
      </c>
      <c r="BK18" s="114">
        <v>180796</v>
      </c>
      <c r="BL18" s="114">
        <v>147880</v>
      </c>
      <c r="BM18" s="114">
        <v>97596</v>
      </c>
      <c r="BN18" s="114">
        <v>80533</v>
      </c>
      <c r="BO18" s="113">
        <v>506805</v>
      </c>
      <c r="BP18" s="116">
        <v>506805</v>
      </c>
      <c r="BQ18" s="110">
        <v>69296</v>
      </c>
      <c r="BR18" s="114">
        <v>86736</v>
      </c>
      <c r="BS18" s="113">
        <v>156032</v>
      </c>
      <c r="BT18" s="110">
        <v>0</v>
      </c>
      <c r="BU18" s="114">
        <v>278840</v>
      </c>
      <c r="BV18" s="114">
        <v>336600</v>
      </c>
      <c r="BW18" s="114">
        <v>357800</v>
      </c>
      <c r="BX18" s="114">
        <v>403256</v>
      </c>
      <c r="BY18" s="114">
        <v>242544</v>
      </c>
      <c r="BZ18" s="113">
        <v>1619040</v>
      </c>
      <c r="CA18" s="116">
        <v>1775072</v>
      </c>
      <c r="CB18" s="110">
        <v>291402</v>
      </c>
      <c r="CC18" s="114">
        <v>232434</v>
      </c>
      <c r="CD18" s="113">
        <v>523836</v>
      </c>
      <c r="CE18" s="110">
        <v>0</v>
      </c>
      <c r="CF18" s="114">
        <v>2782780</v>
      </c>
      <c r="CG18" s="114">
        <v>3016170</v>
      </c>
      <c r="CH18" s="114">
        <v>1970164</v>
      </c>
      <c r="CI18" s="114">
        <v>1189085</v>
      </c>
      <c r="CJ18" s="114">
        <v>453543</v>
      </c>
      <c r="CK18" s="113">
        <v>9411742</v>
      </c>
      <c r="CL18" s="116">
        <v>9935578</v>
      </c>
      <c r="CM18" s="110">
        <v>0</v>
      </c>
      <c r="CN18" s="114">
        <v>0</v>
      </c>
      <c r="CO18" s="113">
        <v>0</v>
      </c>
      <c r="CP18" s="111">
        <v>0</v>
      </c>
      <c r="CQ18" s="114">
        <v>2380369</v>
      </c>
      <c r="CR18" s="114">
        <v>2172826</v>
      </c>
      <c r="CS18" s="114">
        <v>1200750</v>
      </c>
      <c r="CT18" s="114">
        <v>672226</v>
      </c>
      <c r="CU18" s="114">
        <v>144234</v>
      </c>
      <c r="CV18" s="113">
        <v>6570405</v>
      </c>
      <c r="CW18" s="116">
        <v>6570405</v>
      </c>
      <c r="CX18" s="110">
        <v>291402</v>
      </c>
      <c r="CY18" s="114">
        <v>232434</v>
      </c>
      <c r="CZ18" s="113">
        <v>523836</v>
      </c>
      <c r="DA18" s="110">
        <v>0</v>
      </c>
      <c r="DB18" s="114">
        <v>402411</v>
      </c>
      <c r="DC18" s="114">
        <v>843344</v>
      </c>
      <c r="DD18" s="114">
        <v>769414</v>
      </c>
      <c r="DE18" s="114">
        <v>516859</v>
      </c>
      <c r="DF18" s="114">
        <v>309309</v>
      </c>
      <c r="DG18" s="113">
        <v>2841337</v>
      </c>
      <c r="DH18" s="116">
        <v>3365173</v>
      </c>
      <c r="DI18" s="110">
        <v>13579</v>
      </c>
      <c r="DJ18" s="114">
        <v>68295</v>
      </c>
      <c r="DK18" s="112">
        <v>81874</v>
      </c>
      <c r="DL18" s="111">
        <v>0</v>
      </c>
      <c r="DM18" s="114">
        <v>629496</v>
      </c>
      <c r="DN18" s="114">
        <v>463957</v>
      </c>
      <c r="DO18" s="114">
        <v>328859</v>
      </c>
      <c r="DP18" s="114">
        <v>1543989</v>
      </c>
      <c r="DQ18" s="114">
        <v>250006</v>
      </c>
      <c r="DR18" s="113">
        <v>3216307</v>
      </c>
      <c r="DS18" s="116">
        <v>3298181</v>
      </c>
      <c r="DT18" s="110">
        <v>13579</v>
      </c>
      <c r="DU18" s="114">
        <v>68295</v>
      </c>
      <c r="DV18" s="113">
        <v>81874</v>
      </c>
      <c r="DW18" s="110">
        <v>0</v>
      </c>
      <c r="DX18" s="114">
        <v>629496</v>
      </c>
      <c r="DY18" s="114">
        <v>385901</v>
      </c>
      <c r="DZ18" s="114">
        <v>328859</v>
      </c>
      <c r="EA18" s="114">
        <v>1508635</v>
      </c>
      <c r="EB18" s="114">
        <v>250006</v>
      </c>
      <c r="EC18" s="113">
        <v>3102897</v>
      </c>
      <c r="ED18" s="116">
        <v>3184771</v>
      </c>
      <c r="EE18" s="110">
        <v>0</v>
      </c>
      <c r="EF18" s="112">
        <v>0</v>
      </c>
      <c r="EG18" s="113">
        <v>0</v>
      </c>
      <c r="EH18" s="110">
        <v>0</v>
      </c>
      <c r="EI18" s="114">
        <v>0</v>
      </c>
      <c r="EJ18" s="114">
        <v>78056</v>
      </c>
      <c r="EK18" s="114">
        <v>0</v>
      </c>
      <c r="EL18" s="114">
        <v>35354</v>
      </c>
      <c r="EM18" s="114">
        <v>0</v>
      </c>
      <c r="EN18" s="112">
        <v>113410</v>
      </c>
      <c r="EO18" s="116">
        <v>11341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195784</v>
      </c>
      <c r="FM18" s="114">
        <v>174692</v>
      </c>
      <c r="FN18" s="113">
        <v>370476</v>
      </c>
      <c r="FO18" s="110">
        <v>0</v>
      </c>
      <c r="FP18" s="114">
        <v>222456</v>
      </c>
      <c r="FQ18" s="114">
        <v>1131872</v>
      </c>
      <c r="FR18" s="114">
        <v>1036092</v>
      </c>
      <c r="FS18" s="114">
        <v>916696</v>
      </c>
      <c r="FT18" s="114">
        <v>471752</v>
      </c>
      <c r="FU18" s="113">
        <v>3778868</v>
      </c>
      <c r="FV18" s="116">
        <v>4149344</v>
      </c>
      <c r="FW18" s="115">
        <v>70824</v>
      </c>
      <c r="FX18" s="114">
        <v>166992</v>
      </c>
      <c r="FY18" s="112">
        <v>237816</v>
      </c>
      <c r="FZ18" s="111">
        <v>0</v>
      </c>
      <c r="GA18" s="114">
        <v>222456</v>
      </c>
      <c r="GB18" s="114">
        <v>930832</v>
      </c>
      <c r="GC18" s="114">
        <v>986592</v>
      </c>
      <c r="GD18" s="114">
        <v>855112</v>
      </c>
      <c r="GE18" s="114">
        <v>471752</v>
      </c>
      <c r="GF18" s="113">
        <v>3466744</v>
      </c>
      <c r="GG18" s="318">
        <v>3704560</v>
      </c>
      <c r="GH18" s="115">
        <v>0</v>
      </c>
      <c r="GI18" s="114">
        <v>0</v>
      </c>
      <c r="GJ18" s="112">
        <v>0</v>
      </c>
      <c r="GK18" s="111">
        <v>0</v>
      </c>
      <c r="GL18" s="114">
        <v>0</v>
      </c>
      <c r="GM18" s="114">
        <v>0</v>
      </c>
      <c r="GN18" s="114">
        <v>49500</v>
      </c>
      <c r="GO18" s="114">
        <v>11840</v>
      </c>
      <c r="GP18" s="114">
        <v>0</v>
      </c>
      <c r="GQ18" s="113">
        <v>61340</v>
      </c>
      <c r="GR18" s="116">
        <v>61340</v>
      </c>
      <c r="GS18" s="110">
        <v>124960</v>
      </c>
      <c r="GT18" s="114">
        <v>7700</v>
      </c>
      <c r="GU18" s="113">
        <v>132660</v>
      </c>
      <c r="GV18" s="110">
        <v>0</v>
      </c>
      <c r="GW18" s="114">
        <v>0</v>
      </c>
      <c r="GX18" s="114">
        <v>201040</v>
      </c>
      <c r="GY18" s="114">
        <v>0</v>
      </c>
      <c r="GZ18" s="114">
        <v>49744</v>
      </c>
      <c r="HA18" s="114">
        <v>0</v>
      </c>
      <c r="HB18" s="112">
        <v>250784</v>
      </c>
      <c r="HC18" s="116">
        <v>383444</v>
      </c>
      <c r="HD18" s="110">
        <v>89655</v>
      </c>
      <c r="HE18" s="114">
        <v>540389</v>
      </c>
      <c r="HF18" s="112">
        <v>630044</v>
      </c>
      <c r="HG18" s="111">
        <v>0</v>
      </c>
      <c r="HH18" s="114">
        <v>1009644</v>
      </c>
      <c r="HI18" s="114">
        <v>1290456</v>
      </c>
      <c r="HJ18" s="114">
        <v>2752458</v>
      </c>
      <c r="HK18" s="114">
        <v>2973374</v>
      </c>
      <c r="HL18" s="114">
        <v>680174</v>
      </c>
      <c r="HM18" s="113">
        <v>8706106</v>
      </c>
      <c r="HN18" s="109">
        <v>9336150</v>
      </c>
      <c r="HO18" s="328"/>
      <c r="HP18" s="329"/>
      <c r="HQ18" s="330"/>
      <c r="HR18" s="331"/>
      <c r="HS18" s="329"/>
      <c r="HT18" s="329"/>
      <c r="HU18" s="329"/>
      <c r="HV18" s="329"/>
      <c r="HW18" s="329"/>
      <c r="HX18" s="332"/>
      <c r="HY18" s="333"/>
      <c r="HZ18" s="150">
        <v>0</v>
      </c>
      <c r="IA18" s="135">
        <v>0</v>
      </c>
      <c r="IB18" s="150">
        <v>0</v>
      </c>
      <c r="IC18" s="134">
        <v>0</v>
      </c>
      <c r="ID18" s="135">
        <v>3477307</v>
      </c>
      <c r="IE18" s="136">
        <v>2324572</v>
      </c>
      <c r="IF18" s="137">
        <v>3003571</v>
      </c>
      <c r="IG18" s="135">
        <v>3815950</v>
      </c>
      <c r="IH18" s="137">
        <v>921368</v>
      </c>
      <c r="II18" s="138">
        <v>13542768</v>
      </c>
      <c r="IJ18" s="150">
        <v>13542768</v>
      </c>
      <c r="IK18" s="232">
        <v>0</v>
      </c>
      <c r="IL18" s="236">
        <v>0</v>
      </c>
      <c r="IM18" s="237">
        <v>0</v>
      </c>
      <c r="IN18" s="140"/>
      <c r="IO18" s="119">
        <v>73316</v>
      </c>
      <c r="IP18" s="119">
        <v>104851</v>
      </c>
      <c r="IQ18" s="119">
        <v>0</v>
      </c>
      <c r="IR18" s="119">
        <v>226412</v>
      </c>
      <c r="IS18" s="119">
        <v>0</v>
      </c>
      <c r="IT18" s="141">
        <v>404579</v>
      </c>
      <c r="IU18" s="320">
        <v>404579</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565232</v>
      </c>
      <c r="JL18" s="119">
        <v>912846</v>
      </c>
      <c r="JM18" s="119">
        <v>1050186</v>
      </c>
      <c r="JN18" s="119">
        <v>175375</v>
      </c>
      <c r="JO18" s="119">
        <v>115016</v>
      </c>
      <c r="JP18" s="120">
        <v>3818655</v>
      </c>
      <c r="JQ18" s="320">
        <v>3818655</v>
      </c>
      <c r="JR18" s="142">
        <v>0</v>
      </c>
      <c r="JS18" s="119">
        <v>0</v>
      </c>
      <c r="JT18" s="141">
        <v>0</v>
      </c>
      <c r="JU18" s="118">
        <v>0</v>
      </c>
      <c r="JV18" s="119">
        <v>0</v>
      </c>
      <c r="JW18" s="119">
        <v>0</v>
      </c>
      <c r="JX18" s="119">
        <v>0</v>
      </c>
      <c r="JY18" s="119">
        <v>0</v>
      </c>
      <c r="JZ18" s="119">
        <v>0</v>
      </c>
      <c r="KA18" s="120">
        <v>0</v>
      </c>
      <c r="KB18" s="320">
        <v>0</v>
      </c>
      <c r="KC18" s="234">
        <v>0</v>
      </c>
      <c r="KD18" s="230">
        <v>0</v>
      </c>
      <c r="KE18" s="120">
        <v>0</v>
      </c>
      <c r="KF18" s="118">
        <v>0</v>
      </c>
      <c r="KG18" s="119">
        <v>331999</v>
      </c>
      <c r="KH18" s="119">
        <v>164242</v>
      </c>
      <c r="KI18" s="119">
        <v>1225197</v>
      </c>
      <c r="KJ18" s="119">
        <v>1040987</v>
      </c>
      <c r="KK18" s="119">
        <v>296936</v>
      </c>
      <c r="KL18" s="120">
        <v>3059361</v>
      </c>
      <c r="KM18" s="143">
        <v>3059361</v>
      </c>
      <c r="KN18" s="232">
        <v>0</v>
      </c>
      <c r="KO18" s="236">
        <v>0</v>
      </c>
      <c r="KP18" s="237">
        <v>0</v>
      </c>
      <c r="KQ18" s="140"/>
      <c r="KR18" s="119">
        <v>1374396</v>
      </c>
      <c r="KS18" s="119">
        <v>709320</v>
      </c>
      <c r="KT18" s="119">
        <v>728188</v>
      </c>
      <c r="KU18" s="119">
        <v>521185</v>
      </c>
      <c r="KV18" s="119">
        <v>226012</v>
      </c>
      <c r="KW18" s="120">
        <v>3559101</v>
      </c>
      <c r="KX18" s="320">
        <v>3559101</v>
      </c>
      <c r="KY18" s="142">
        <v>0</v>
      </c>
      <c r="KZ18" s="119">
        <v>0</v>
      </c>
      <c r="LA18" s="120">
        <v>0</v>
      </c>
      <c r="LB18" s="145"/>
      <c r="LC18" s="119">
        <v>0</v>
      </c>
      <c r="LD18" s="119">
        <v>433313</v>
      </c>
      <c r="LE18" s="119">
        <v>0</v>
      </c>
      <c r="LF18" s="119">
        <v>637656</v>
      </c>
      <c r="LG18" s="119">
        <v>0</v>
      </c>
      <c r="LH18" s="120">
        <v>1070969</v>
      </c>
      <c r="LI18" s="121">
        <v>1070969</v>
      </c>
      <c r="LJ18" s="142">
        <v>0</v>
      </c>
      <c r="LK18" s="119">
        <v>0</v>
      </c>
      <c r="LL18" s="120">
        <v>0</v>
      </c>
      <c r="LM18" s="145"/>
      <c r="LN18" s="119">
        <v>0</v>
      </c>
      <c r="LO18" s="119">
        <v>0</v>
      </c>
      <c r="LP18" s="119">
        <v>0</v>
      </c>
      <c r="LQ18" s="119">
        <v>0</v>
      </c>
      <c r="LR18" s="119">
        <v>283404</v>
      </c>
      <c r="LS18" s="120">
        <v>283404</v>
      </c>
      <c r="LT18" s="320">
        <v>283404</v>
      </c>
      <c r="LU18" s="142">
        <v>0</v>
      </c>
      <c r="LV18" s="119">
        <v>0</v>
      </c>
      <c r="LW18" s="120">
        <v>0</v>
      </c>
      <c r="LX18" s="145"/>
      <c r="LY18" s="119">
        <v>132364</v>
      </c>
      <c r="LZ18" s="119">
        <v>0</v>
      </c>
      <c r="MA18" s="119">
        <v>0</v>
      </c>
      <c r="MB18" s="119">
        <v>1214335</v>
      </c>
      <c r="MC18" s="119">
        <v>0</v>
      </c>
      <c r="MD18" s="120">
        <v>1346699</v>
      </c>
      <c r="ME18" s="121">
        <v>1346699</v>
      </c>
      <c r="MF18" s="142">
        <v>0</v>
      </c>
      <c r="MG18" s="119">
        <v>0</v>
      </c>
      <c r="MH18" s="120">
        <v>0</v>
      </c>
      <c r="MI18" s="145"/>
      <c r="MJ18" s="119">
        <v>972753</v>
      </c>
      <c r="MK18" s="119">
        <v>734256</v>
      </c>
      <c r="ML18" s="119">
        <v>4578367</v>
      </c>
      <c r="MM18" s="119">
        <v>5543362</v>
      </c>
      <c r="MN18" s="119">
        <v>1816087</v>
      </c>
      <c r="MO18" s="120">
        <v>13644825</v>
      </c>
      <c r="MP18" s="143">
        <v>13644825</v>
      </c>
      <c r="MQ18" s="142">
        <v>0</v>
      </c>
      <c r="MR18" s="119">
        <v>0</v>
      </c>
      <c r="MS18" s="120">
        <v>0</v>
      </c>
      <c r="MT18" s="145"/>
      <c r="MU18" s="119">
        <v>0</v>
      </c>
      <c r="MV18" s="119">
        <v>0</v>
      </c>
      <c r="MW18" s="119">
        <v>2420268</v>
      </c>
      <c r="MX18" s="119">
        <v>2481444</v>
      </c>
      <c r="MY18" s="119">
        <v>1216974</v>
      </c>
      <c r="MZ18" s="120">
        <v>6118686</v>
      </c>
      <c r="NA18" s="143">
        <v>6118686</v>
      </c>
      <c r="NB18" s="142">
        <v>0</v>
      </c>
      <c r="NC18" s="119">
        <v>0</v>
      </c>
      <c r="ND18" s="120">
        <v>0</v>
      </c>
      <c r="NE18" s="145"/>
      <c r="NF18" s="119">
        <v>972753</v>
      </c>
      <c r="NG18" s="119">
        <v>734256</v>
      </c>
      <c r="NH18" s="119">
        <v>2158099</v>
      </c>
      <c r="NI18" s="119">
        <v>2389590</v>
      </c>
      <c r="NJ18" s="119">
        <v>599113</v>
      </c>
      <c r="NK18" s="120">
        <v>6853811</v>
      </c>
      <c r="NL18" s="320">
        <v>6853811</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672328</v>
      </c>
      <c r="OF18" s="119">
        <v>0</v>
      </c>
      <c r="OG18" s="120">
        <v>672328</v>
      </c>
      <c r="OH18" s="121">
        <v>672328</v>
      </c>
      <c r="OI18" s="142">
        <v>978222</v>
      </c>
      <c r="OJ18" s="119">
        <v>1550399</v>
      </c>
      <c r="OK18" s="141">
        <v>2528621</v>
      </c>
      <c r="OL18" s="118">
        <v>0</v>
      </c>
      <c r="OM18" s="119">
        <v>11480980</v>
      </c>
      <c r="ON18" s="119">
        <v>12375985</v>
      </c>
      <c r="OO18" s="119">
        <v>16915121</v>
      </c>
      <c r="OP18" s="119">
        <v>19666782</v>
      </c>
      <c r="OQ18" s="119">
        <v>7528447</v>
      </c>
      <c r="OR18" s="120">
        <v>67967315</v>
      </c>
      <c r="OS18" s="143">
        <v>70495936</v>
      </c>
    </row>
    <row r="19" spans="2:409" ht="21" customHeight="1" x14ac:dyDescent="0.2">
      <c r="B19" s="126" t="s">
        <v>13</v>
      </c>
      <c r="C19" s="110">
        <v>174851</v>
      </c>
      <c r="D19" s="114">
        <v>195477</v>
      </c>
      <c r="E19" s="113">
        <v>370328</v>
      </c>
      <c r="F19" s="110">
        <v>0</v>
      </c>
      <c r="G19" s="170">
        <v>2763425</v>
      </c>
      <c r="H19" s="114">
        <v>3909248</v>
      </c>
      <c r="I19" s="114">
        <v>4086806</v>
      </c>
      <c r="J19" s="114">
        <v>4972448</v>
      </c>
      <c r="K19" s="114">
        <v>3616265</v>
      </c>
      <c r="L19" s="112">
        <v>19348192</v>
      </c>
      <c r="M19" s="116">
        <v>19718520</v>
      </c>
      <c r="N19" s="110">
        <v>43829</v>
      </c>
      <c r="O19" s="114">
        <v>60934</v>
      </c>
      <c r="P19" s="113">
        <v>104763</v>
      </c>
      <c r="Q19" s="110">
        <v>0</v>
      </c>
      <c r="R19" s="114">
        <v>1026169</v>
      </c>
      <c r="S19" s="114">
        <v>1590974</v>
      </c>
      <c r="T19" s="114">
        <v>1451925</v>
      </c>
      <c r="U19" s="114">
        <v>1669259</v>
      </c>
      <c r="V19" s="114">
        <v>1888364</v>
      </c>
      <c r="W19" s="113">
        <v>7626691</v>
      </c>
      <c r="X19" s="116">
        <v>7731454</v>
      </c>
      <c r="Y19" s="110">
        <v>0</v>
      </c>
      <c r="Z19" s="114">
        <v>0</v>
      </c>
      <c r="AA19" s="113">
        <v>0</v>
      </c>
      <c r="AB19" s="110">
        <v>0</v>
      </c>
      <c r="AC19" s="114">
        <v>417440</v>
      </c>
      <c r="AD19" s="114">
        <v>759691</v>
      </c>
      <c r="AE19" s="114">
        <v>807711</v>
      </c>
      <c r="AF19" s="114">
        <v>893553</v>
      </c>
      <c r="AG19" s="114">
        <v>1013405</v>
      </c>
      <c r="AH19" s="113">
        <v>3891800</v>
      </c>
      <c r="AI19" s="116">
        <v>3891800</v>
      </c>
      <c r="AJ19" s="110">
        <v>0</v>
      </c>
      <c r="AK19" s="114">
        <v>0</v>
      </c>
      <c r="AL19" s="113">
        <v>0</v>
      </c>
      <c r="AM19" s="110">
        <v>0</v>
      </c>
      <c r="AN19" s="114">
        <v>0</v>
      </c>
      <c r="AO19" s="114">
        <v>0</v>
      </c>
      <c r="AP19" s="114">
        <v>37755</v>
      </c>
      <c r="AQ19" s="114">
        <v>80983</v>
      </c>
      <c r="AR19" s="114">
        <v>349942</v>
      </c>
      <c r="AS19" s="113">
        <v>468680</v>
      </c>
      <c r="AT19" s="116">
        <v>468680</v>
      </c>
      <c r="AU19" s="110">
        <v>0</v>
      </c>
      <c r="AV19" s="114">
        <v>39758</v>
      </c>
      <c r="AW19" s="113">
        <v>39758</v>
      </c>
      <c r="AX19" s="110">
        <v>0</v>
      </c>
      <c r="AY19" s="114">
        <v>397772</v>
      </c>
      <c r="AZ19" s="114">
        <v>632747</v>
      </c>
      <c r="BA19" s="114">
        <v>412547</v>
      </c>
      <c r="BB19" s="114">
        <v>422065</v>
      </c>
      <c r="BC19" s="114">
        <v>332721</v>
      </c>
      <c r="BD19" s="113">
        <v>2197852</v>
      </c>
      <c r="BE19" s="116">
        <v>2237610</v>
      </c>
      <c r="BF19" s="110">
        <v>25445</v>
      </c>
      <c r="BG19" s="114">
        <v>5448</v>
      </c>
      <c r="BH19" s="112">
        <v>30893</v>
      </c>
      <c r="BI19" s="111">
        <v>0</v>
      </c>
      <c r="BJ19" s="114">
        <v>49877</v>
      </c>
      <c r="BK19" s="114">
        <v>0</v>
      </c>
      <c r="BL19" s="114">
        <v>0</v>
      </c>
      <c r="BM19" s="114">
        <v>16450</v>
      </c>
      <c r="BN19" s="114">
        <v>0</v>
      </c>
      <c r="BO19" s="113">
        <v>66327</v>
      </c>
      <c r="BP19" s="116">
        <v>97220</v>
      </c>
      <c r="BQ19" s="110">
        <v>18384</v>
      </c>
      <c r="BR19" s="114">
        <v>15728</v>
      </c>
      <c r="BS19" s="113">
        <v>34112</v>
      </c>
      <c r="BT19" s="110">
        <v>0</v>
      </c>
      <c r="BU19" s="114">
        <v>161080</v>
      </c>
      <c r="BV19" s="114">
        <v>198536</v>
      </c>
      <c r="BW19" s="114">
        <v>193912</v>
      </c>
      <c r="BX19" s="114">
        <v>256208</v>
      </c>
      <c r="BY19" s="114">
        <v>192296</v>
      </c>
      <c r="BZ19" s="113">
        <v>1002032</v>
      </c>
      <c r="CA19" s="116">
        <v>1036144</v>
      </c>
      <c r="CB19" s="110">
        <v>0</v>
      </c>
      <c r="CC19" s="114">
        <v>80831</v>
      </c>
      <c r="CD19" s="113">
        <v>80831</v>
      </c>
      <c r="CE19" s="110">
        <v>0</v>
      </c>
      <c r="CF19" s="114">
        <v>669823</v>
      </c>
      <c r="CG19" s="114">
        <v>1067729</v>
      </c>
      <c r="CH19" s="114">
        <v>946246</v>
      </c>
      <c r="CI19" s="114">
        <v>732201</v>
      </c>
      <c r="CJ19" s="114">
        <v>354879</v>
      </c>
      <c r="CK19" s="113">
        <v>3770878</v>
      </c>
      <c r="CL19" s="116">
        <v>3851709</v>
      </c>
      <c r="CM19" s="110">
        <v>0</v>
      </c>
      <c r="CN19" s="114">
        <v>0</v>
      </c>
      <c r="CO19" s="113">
        <v>0</v>
      </c>
      <c r="CP19" s="111">
        <v>0</v>
      </c>
      <c r="CQ19" s="114">
        <v>596720</v>
      </c>
      <c r="CR19" s="114">
        <v>850776</v>
      </c>
      <c r="CS19" s="114">
        <v>836855</v>
      </c>
      <c r="CT19" s="114">
        <v>461682</v>
      </c>
      <c r="CU19" s="114">
        <v>304036</v>
      </c>
      <c r="CV19" s="113">
        <v>3050069</v>
      </c>
      <c r="CW19" s="116">
        <v>3050069</v>
      </c>
      <c r="CX19" s="110">
        <v>0</v>
      </c>
      <c r="CY19" s="114">
        <v>80831</v>
      </c>
      <c r="CZ19" s="113">
        <v>80831</v>
      </c>
      <c r="DA19" s="110">
        <v>0</v>
      </c>
      <c r="DB19" s="114">
        <v>73103</v>
      </c>
      <c r="DC19" s="114">
        <v>216953</v>
      </c>
      <c r="DD19" s="114">
        <v>109391</v>
      </c>
      <c r="DE19" s="114">
        <v>270519</v>
      </c>
      <c r="DF19" s="114">
        <v>50843</v>
      </c>
      <c r="DG19" s="113">
        <v>720809</v>
      </c>
      <c r="DH19" s="116">
        <v>801640</v>
      </c>
      <c r="DI19" s="110">
        <v>0</v>
      </c>
      <c r="DJ19" s="114">
        <v>0</v>
      </c>
      <c r="DK19" s="112">
        <v>0</v>
      </c>
      <c r="DL19" s="111">
        <v>0</v>
      </c>
      <c r="DM19" s="114">
        <v>150000</v>
      </c>
      <c r="DN19" s="114">
        <v>69450</v>
      </c>
      <c r="DO19" s="114">
        <v>346977</v>
      </c>
      <c r="DP19" s="114">
        <v>685309</v>
      </c>
      <c r="DQ19" s="114">
        <v>55149</v>
      </c>
      <c r="DR19" s="113">
        <v>1306885</v>
      </c>
      <c r="DS19" s="116">
        <v>1306885</v>
      </c>
      <c r="DT19" s="110">
        <v>0</v>
      </c>
      <c r="DU19" s="114">
        <v>0</v>
      </c>
      <c r="DV19" s="113">
        <v>0</v>
      </c>
      <c r="DW19" s="110">
        <v>0</v>
      </c>
      <c r="DX19" s="114">
        <v>129461</v>
      </c>
      <c r="DY19" s="114">
        <v>69450</v>
      </c>
      <c r="DZ19" s="114">
        <v>346977</v>
      </c>
      <c r="EA19" s="114">
        <v>685309</v>
      </c>
      <c r="EB19" s="114">
        <v>55149</v>
      </c>
      <c r="EC19" s="113">
        <v>1286346</v>
      </c>
      <c r="ED19" s="116">
        <v>1286346</v>
      </c>
      <c r="EE19" s="110">
        <v>0</v>
      </c>
      <c r="EF19" s="112">
        <v>0</v>
      </c>
      <c r="EG19" s="113">
        <v>0</v>
      </c>
      <c r="EH19" s="110">
        <v>0</v>
      </c>
      <c r="EI19" s="114">
        <v>20539</v>
      </c>
      <c r="EJ19" s="114">
        <v>0</v>
      </c>
      <c r="EK19" s="114">
        <v>0</v>
      </c>
      <c r="EL19" s="114">
        <v>0</v>
      </c>
      <c r="EM19" s="114">
        <v>0</v>
      </c>
      <c r="EN19" s="112">
        <v>20539</v>
      </c>
      <c r="EO19" s="116">
        <v>20539</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10000</v>
      </c>
      <c r="FM19" s="114">
        <v>53712</v>
      </c>
      <c r="FN19" s="113">
        <v>63712</v>
      </c>
      <c r="FO19" s="110">
        <v>0</v>
      </c>
      <c r="FP19" s="114">
        <v>155384</v>
      </c>
      <c r="FQ19" s="114">
        <v>325488</v>
      </c>
      <c r="FR19" s="114">
        <v>248200</v>
      </c>
      <c r="FS19" s="114">
        <v>398584</v>
      </c>
      <c r="FT19" s="114">
        <v>166728</v>
      </c>
      <c r="FU19" s="113">
        <v>1294384</v>
      </c>
      <c r="FV19" s="116">
        <v>1358096</v>
      </c>
      <c r="FW19" s="115">
        <v>10000</v>
      </c>
      <c r="FX19" s="114">
        <v>53712</v>
      </c>
      <c r="FY19" s="112">
        <v>63712</v>
      </c>
      <c r="FZ19" s="111">
        <v>0</v>
      </c>
      <c r="GA19" s="114">
        <v>129784</v>
      </c>
      <c r="GB19" s="114">
        <v>305728</v>
      </c>
      <c r="GC19" s="114">
        <v>248200</v>
      </c>
      <c r="GD19" s="114">
        <v>398584</v>
      </c>
      <c r="GE19" s="114">
        <v>166728</v>
      </c>
      <c r="GF19" s="113">
        <v>1249024</v>
      </c>
      <c r="GG19" s="318">
        <v>1312736</v>
      </c>
      <c r="GH19" s="115">
        <v>0</v>
      </c>
      <c r="GI19" s="114">
        <v>0</v>
      </c>
      <c r="GJ19" s="112">
        <v>0</v>
      </c>
      <c r="GK19" s="111">
        <v>0</v>
      </c>
      <c r="GL19" s="114">
        <v>25600</v>
      </c>
      <c r="GM19" s="114">
        <v>19760</v>
      </c>
      <c r="GN19" s="114">
        <v>0</v>
      </c>
      <c r="GO19" s="114">
        <v>0</v>
      </c>
      <c r="GP19" s="114">
        <v>0</v>
      </c>
      <c r="GQ19" s="113">
        <v>45360</v>
      </c>
      <c r="GR19" s="116">
        <v>45360</v>
      </c>
      <c r="GS19" s="110">
        <v>0</v>
      </c>
      <c r="GT19" s="114">
        <v>0</v>
      </c>
      <c r="GU19" s="113">
        <v>0</v>
      </c>
      <c r="GV19" s="110">
        <v>0</v>
      </c>
      <c r="GW19" s="114">
        <v>0</v>
      </c>
      <c r="GX19" s="114">
        <v>0</v>
      </c>
      <c r="GY19" s="114">
        <v>0</v>
      </c>
      <c r="GZ19" s="114">
        <v>0</v>
      </c>
      <c r="HA19" s="114">
        <v>0</v>
      </c>
      <c r="HB19" s="112">
        <v>0</v>
      </c>
      <c r="HC19" s="116">
        <v>0</v>
      </c>
      <c r="HD19" s="110">
        <v>121022</v>
      </c>
      <c r="HE19" s="114">
        <v>0</v>
      </c>
      <c r="HF19" s="112">
        <v>121022</v>
      </c>
      <c r="HG19" s="111">
        <v>0</v>
      </c>
      <c r="HH19" s="114">
        <v>762049</v>
      </c>
      <c r="HI19" s="114">
        <v>855607</v>
      </c>
      <c r="HJ19" s="114">
        <v>1093458</v>
      </c>
      <c r="HK19" s="114">
        <v>1487095</v>
      </c>
      <c r="HL19" s="114">
        <v>1151145</v>
      </c>
      <c r="HM19" s="113">
        <v>5349354</v>
      </c>
      <c r="HN19" s="109">
        <v>5470376</v>
      </c>
      <c r="HO19" s="328"/>
      <c r="HP19" s="329"/>
      <c r="HQ19" s="330"/>
      <c r="HR19" s="331"/>
      <c r="HS19" s="329"/>
      <c r="HT19" s="329"/>
      <c r="HU19" s="329"/>
      <c r="HV19" s="329"/>
      <c r="HW19" s="329"/>
      <c r="HX19" s="332"/>
      <c r="HY19" s="333"/>
      <c r="HZ19" s="131">
        <v>0</v>
      </c>
      <c r="IA19" s="132">
        <v>0</v>
      </c>
      <c r="IB19" s="133">
        <v>0</v>
      </c>
      <c r="IC19" s="146">
        <v>0</v>
      </c>
      <c r="ID19" s="132">
        <v>691624</v>
      </c>
      <c r="IE19" s="147">
        <v>1031059</v>
      </c>
      <c r="IF19" s="133">
        <v>225886</v>
      </c>
      <c r="IG19" s="132">
        <v>1426566</v>
      </c>
      <c r="IH19" s="133">
        <v>103083</v>
      </c>
      <c r="II19" s="148">
        <v>3478218</v>
      </c>
      <c r="IJ19" s="139">
        <v>3478218</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281124</v>
      </c>
      <c r="JL19" s="119">
        <v>534801</v>
      </c>
      <c r="JM19" s="119">
        <v>66584</v>
      </c>
      <c r="JN19" s="119">
        <v>182926</v>
      </c>
      <c r="JO19" s="119">
        <v>103083</v>
      </c>
      <c r="JP19" s="120">
        <v>1168518</v>
      </c>
      <c r="JQ19" s="320">
        <v>1168518</v>
      </c>
      <c r="JR19" s="142">
        <v>0</v>
      </c>
      <c r="JS19" s="119">
        <v>0</v>
      </c>
      <c r="JT19" s="141">
        <v>0</v>
      </c>
      <c r="JU19" s="118">
        <v>0</v>
      </c>
      <c r="JV19" s="119">
        <v>0</v>
      </c>
      <c r="JW19" s="119">
        <v>52907</v>
      </c>
      <c r="JX19" s="119">
        <v>159302</v>
      </c>
      <c r="JY19" s="119">
        <v>65221</v>
      </c>
      <c r="JZ19" s="119">
        <v>0</v>
      </c>
      <c r="KA19" s="120">
        <v>277430</v>
      </c>
      <c r="KB19" s="320">
        <v>277430</v>
      </c>
      <c r="KC19" s="234">
        <v>0</v>
      </c>
      <c r="KD19" s="230">
        <v>0</v>
      </c>
      <c r="KE19" s="120">
        <v>0</v>
      </c>
      <c r="KF19" s="118">
        <v>0</v>
      </c>
      <c r="KG19" s="119">
        <v>192559</v>
      </c>
      <c r="KH19" s="119">
        <v>443351</v>
      </c>
      <c r="KI19" s="119">
        <v>0</v>
      </c>
      <c r="KJ19" s="119">
        <v>253204</v>
      </c>
      <c r="KK19" s="119">
        <v>0</v>
      </c>
      <c r="KL19" s="120">
        <v>889114</v>
      </c>
      <c r="KM19" s="143">
        <v>889114</v>
      </c>
      <c r="KN19" s="232">
        <v>0</v>
      </c>
      <c r="KO19" s="236">
        <v>0</v>
      </c>
      <c r="KP19" s="237">
        <v>0</v>
      </c>
      <c r="KQ19" s="140"/>
      <c r="KR19" s="119">
        <v>217941</v>
      </c>
      <c r="KS19" s="119">
        <v>0</v>
      </c>
      <c r="KT19" s="119">
        <v>0</v>
      </c>
      <c r="KU19" s="119">
        <v>508625</v>
      </c>
      <c r="KV19" s="119">
        <v>0</v>
      </c>
      <c r="KW19" s="120">
        <v>726566</v>
      </c>
      <c r="KX19" s="320">
        <v>726566</v>
      </c>
      <c r="KY19" s="142">
        <v>0</v>
      </c>
      <c r="KZ19" s="119">
        <v>0</v>
      </c>
      <c r="LA19" s="120">
        <v>0</v>
      </c>
      <c r="LB19" s="145"/>
      <c r="LC19" s="119">
        <v>0</v>
      </c>
      <c r="LD19" s="119">
        <v>0</v>
      </c>
      <c r="LE19" s="119">
        <v>0</v>
      </c>
      <c r="LF19" s="119">
        <v>416590</v>
      </c>
      <c r="LG19" s="119">
        <v>0</v>
      </c>
      <c r="LH19" s="120">
        <v>416590</v>
      </c>
      <c r="LI19" s="121">
        <v>416590</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475234</v>
      </c>
      <c r="MK19" s="119">
        <v>794778</v>
      </c>
      <c r="ML19" s="119">
        <v>1031258</v>
      </c>
      <c r="MM19" s="119">
        <v>3253244</v>
      </c>
      <c r="MN19" s="119">
        <v>2028799</v>
      </c>
      <c r="MO19" s="120">
        <v>7583313</v>
      </c>
      <c r="MP19" s="143">
        <v>7583313</v>
      </c>
      <c r="MQ19" s="142">
        <v>0</v>
      </c>
      <c r="MR19" s="119">
        <v>0</v>
      </c>
      <c r="MS19" s="120">
        <v>0</v>
      </c>
      <c r="MT19" s="145"/>
      <c r="MU19" s="119">
        <v>204850</v>
      </c>
      <c r="MV19" s="119">
        <v>0</v>
      </c>
      <c r="MW19" s="119">
        <v>475732</v>
      </c>
      <c r="MX19" s="119">
        <v>2627008</v>
      </c>
      <c r="MY19" s="119">
        <v>1658084</v>
      </c>
      <c r="MZ19" s="120">
        <v>4965674</v>
      </c>
      <c r="NA19" s="143">
        <v>4965674</v>
      </c>
      <c r="NB19" s="142">
        <v>0</v>
      </c>
      <c r="NC19" s="119">
        <v>0</v>
      </c>
      <c r="ND19" s="120">
        <v>0</v>
      </c>
      <c r="NE19" s="145"/>
      <c r="NF19" s="119">
        <v>270384</v>
      </c>
      <c r="NG19" s="119">
        <v>794778</v>
      </c>
      <c r="NH19" s="119">
        <v>555526</v>
      </c>
      <c r="NI19" s="119">
        <v>626236</v>
      </c>
      <c r="NJ19" s="119">
        <v>370715</v>
      </c>
      <c r="NK19" s="120">
        <v>2617639</v>
      </c>
      <c r="NL19" s="320">
        <v>2617639</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74851</v>
      </c>
      <c r="OJ19" s="119">
        <v>195477</v>
      </c>
      <c r="OK19" s="141">
        <v>370328</v>
      </c>
      <c r="OL19" s="118">
        <v>0</v>
      </c>
      <c r="OM19" s="119">
        <v>3930283</v>
      </c>
      <c r="ON19" s="119">
        <v>5735085</v>
      </c>
      <c r="OO19" s="119">
        <v>5343950</v>
      </c>
      <c r="OP19" s="119">
        <v>9652258</v>
      </c>
      <c r="OQ19" s="119">
        <v>5748147</v>
      </c>
      <c r="OR19" s="120">
        <v>30409723</v>
      </c>
      <c r="OS19" s="143">
        <v>30780051</v>
      </c>
    </row>
    <row r="20" spans="2:409" ht="21" customHeight="1" x14ac:dyDescent="0.2">
      <c r="B20" s="126" t="s">
        <v>15</v>
      </c>
      <c r="C20" s="110">
        <v>239253</v>
      </c>
      <c r="D20" s="114">
        <v>148913</v>
      </c>
      <c r="E20" s="113">
        <v>388166</v>
      </c>
      <c r="F20" s="109">
        <v>0</v>
      </c>
      <c r="G20" s="114">
        <v>1414472</v>
      </c>
      <c r="H20" s="114">
        <v>1814749</v>
      </c>
      <c r="I20" s="114">
        <v>3024771</v>
      </c>
      <c r="J20" s="114">
        <v>1305590</v>
      </c>
      <c r="K20" s="114">
        <v>1172334</v>
      </c>
      <c r="L20" s="109">
        <v>8731916</v>
      </c>
      <c r="M20" s="116">
        <v>9120082</v>
      </c>
      <c r="N20" s="110">
        <v>10912</v>
      </c>
      <c r="O20" s="114">
        <v>14534</v>
      </c>
      <c r="P20" s="113">
        <v>25446</v>
      </c>
      <c r="Q20" s="110">
        <v>0</v>
      </c>
      <c r="R20" s="114">
        <v>418159</v>
      </c>
      <c r="S20" s="114">
        <v>527693</v>
      </c>
      <c r="T20" s="114">
        <v>776595</v>
      </c>
      <c r="U20" s="114">
        <v>558030</v>
      </c>
      <c r="V20" s="114">
        <v>349079</v>
      </c>
      <c r="W20" s="113">
        <v>2629556</v>
      </c>
      <c r="X20" s="116">
        <v>2655002</v>
      </c>
      <c r="Y20" s="110">
        <v>0</v>
      </c>
      <c r="Z20" s="114">
        <v>0</v>
      </c>
      <c r="AA20" s="113">
        <v>0</v>
      </c>
      <c r="AB20" s="110">
        <v>0</v>
      </c>
      <c r="AC20" s="114">
        <v>227167</v>
      </c>
      <c r="AD20" s="114">
        <v>188572</v>
      </c>
      <c r="AE20" s="114">
        <v>602323</v>
      </c>
      <c r="AF20" s="114">
        <v>259904</v>
      </c>
      <c r="AG20" s="114">
        <v>244935</v>
      </c>
      <c r="AH20" s="113">
        <v>1522901</v>
      </c>
      <c r="AI20" s="116">
        <v>1522901</v>
      </c>
      <c r="AJ20" s="110">
        <v>0</v>
      </c>
      <c r="AK20" s="114">
        <v>0</v>
      </c>
      <c r="AL20" s="113">
        <v>0</v>
      </c>
      <c r="AM20" s="110">
        <v>0</v>
      </c>
      <c r="AN20" s="114">
        <v>0</v>
      </c>
      <c r="AO20" s="114">
        <v>0</v>
      </c>
      <c r="AP20" s="114">
        <v>0</v>
      </c>
      <c r="AQ20" s="114">
        <v>58412</v>
      </c>
      <c r="AR20" s="114">
        <v>0</v>
      </c>
      <c r="AS20" s="113">
        <v>58412</v>
      </c>
      <c r="AT20" s="116">
        <v>58412</v>
      </c>
      <c r="AU20" s="110">
        <v>0</v>
      </c>
      <c r="AV20" s="114">
        <v>14534</v>
      </c>
      <c r="AW20" s="113">
        <v>14534</v>
      </c>
      <c r="AX20" s="110">
        <v>0</v>
      </c>
      <c r="AY20" s="114">
        <v>76522</v>
      </c>
      <c r="AZ20" s="114">
        <v>241082</v>
      </c>
      <c r="BA20" s="114">
        <v>62400</v>
      </c>
      <c r="BB20" s="114">
        <v>212874</v>
      </c>
      <c r="BC20" s="114">
        <v>42217</v>
      </c>
      <c r="BD20" s="113">
        <v>635095</v>
      </c>
      <c r="BE20" s="116">
        <v>649629</v>
      </c>
      <c r="BF20" s="110">
        <v>0</v>
      </c>
      <c r="BG20" s="114">
        <v>0</v>
      </c>
      <c r="BH20" s="112">
        <v>0</v>
      </c>
      <c r="BI20" s="111">
        <v>0</v>
      </c>
      <c r="BJ20" s="114">
        <v>27134</v>
      </c>
      <c r="BK20" s="114">
        <v>31039</v>
      </c>
      <c r="BL20" s="114">
        <v>0</v>
      </c>
      <c r="BM20" s="114">
        <v>0</v>
      </c>
      <c r="BN20" s="114">
        <v>23279</v>
      </c>
      <c r="BO20" s="113">
        <v>81452</v>
      </c>
      <c r="BP20" s="116">
        <v>81452</v>
      </c>
      <c r="BQ20" s="110">
        <v>10912</v>
      </c>
      <c r="BR20" s="114">
        <v>0</v>
      </c>
      <c r="BS20" s="113">
        <v>10912</v>
      </c>
      <c r="BT20" s="110">
        <v>0</v>
      </c>
      <c r="BU20" s="114">
        <v>87336</v>
      </c>
      <c r="BV20" s="114">
        <v>67000</v>
      </c>
      <c r="BW20" s="114">
        <v>111872</v>
      </c>
      <c r="BX20" s="114">
        <v>26840</v>
      </c>
      <c r="BY20" s="114">
        <v>38648</v>
      </c>
      <c r="BZ20" s="113">
        <v>331696</v>
      </c>
      <c r="CA20" s="116">
        <v>342608</v>
      </c>
      <c r="CB20" s="110">
        <v>0</v>
      </c>
      <c r="CC20" s="114">
        <v>0</v>
      </c>
      <c r="CD20" s="113">
        <v>0</v>
      </c>
      <c r="CE20" s="110">
        <v>0</v>
      </c>
      <c r="CF20" s="114">
        <v>64049</v>
      </c>
      <c r="CG20" s="114">
        <v>448069</v>
      </c>
      <c r="CH20" s="114">
        <v>545590</v>
      </c>
      <c r="CI20" s="114">
        <v>0</v>
      </c>
      <c r="CJ20" s="114">
        <v>0</v>
      </c>
      <c r="CK20" s="113">
        <v>1057708</v>
      </c>
      <c r="CL20" s="116">
        <v>1057708</v>
      </c>
      <c r="CM20" s="110">
        <v>0</v>
      </c>
      <c r="CN20" s="114">
        <v>0</v>
      </c>
      <c r="CO20" s="113">
        <v>0</v>
      </c>
      <c r="CP20" s="111">
        <v>0</v>
      </c>
      <c r="CQ20" s="114">
        <v>64049</v>
      </c>
      <c r="CR20" s="114">
        <v>308302</v>
      </c>
      <c r="CS20" s="114">
        <v>288250</v>
      </c>
      <c r="CT20" s="114">
        <v>0</v>
      </c>
      <c r="CU20" s="114">
        <v>0</v>
      </c>
      <c r="CV20" s="113">
        <v>660601</v>
      </c>
      <c r="CW20" s="116">
        <v>660601</v>
      </c>
      <c r="CX20" s="110">
        <v>0</v>
      </c>
      <c r="CY20" s="114">
        <v>0</v>
      </c>
      <c r="CZ20" s="113">
        <v>0</v>
      </c>
      <c r="DA20" s="110">
        <v>0</v>
      </c>
      <c r="DB20" s="114">
        <v>0</v>
      </c>
      <c r="DC20" s="114">
        <v>139767</v>
      </c>
      <c r="DD20" s="114">
        <v>257340</v>
      </c>
      <c r="DE20" s="114">
        <v>0</v>
      </c>
      <c r="DF20" s="114">
        <v>0</v>
      </c>
      <c r="DG20" s="113">
        <v>397107</v>
      </c>
      <c r="DH20" s="116">
        <v>397107</v>
      </c>
      <c r="DI20" s="110">
        <v>0</v>
      </c>
      <c r="DJ20" s="114">
        <v>0</v>
      </c>
      <c r="DK20" s="112">
        <v>0</v>
      </c>
      <c r="DL20" s="111">
        <v>0</v>
      </c>
      <c r="DM20" s="114">
        <v>0</v>
      </c>
      <c r="DN20" s="114">
        <v>16436</v>
      </c>
      <c r="DO20" s="114">
        <v>284853</v>
      </c>
      <c r="DP20" s="114">
        <v>401817</v>
      </c>
      <c r="DQ20" s="114">
        <v>324069</v>
      </c>
      <c r="DR20" s="113">
        <v>1027175</v>
      </c>
      <c r="DS20" s="116">
        <v>1027175</v>
      </c>
      <c r="DT20" s="110">
        <v>0</v>
      </c>
      <c r="DU20" s="114">
        <v>0</v>
      </c>
      <c r="DV20" s="113">
        <v>0</v>
      </c>
      <c r="DW20" s="110">
        <v>0</v>
      </c>
      <c r="DX20" s="114">
        <v>0</v>
      </c>
      <c r="DY20" s="114">
        <v>16436</v>
      </c>
      <c r="DZ20" s="114">
        <v>284853</v>
      </c>
      <c r="EA20" s="114">
        <v>401817</v>
      </c>
      <c r="EB20" s="114">
        <v>324069</v>
      </c>
      <c r="EC20" s="113">
        <v>1027175</v>
      </c>
      <c r="ED20" s="116">
        <v>1027175</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4800</v>
      </c>
      <c r="FM20" s="114">
        <v>38400</v>
      </c>
      <c r="FN20" s="113">
        <v>43200</v>
      </c>
      <c r="FO20" s="110">
        <v>0</v>
      </c>
      <c r="FP20" s="114">
        <v>30800</v>
      </c>
      <c r="FQ20" s="114">
        <v>153880</v>
      </c>
      <c r="FR20" s="114">
        <v>95216</v>
      </c>
      <c r="FS20" s="114">
        <v>137312</v>
      </c>
      <c r="FT20" s="114">
        <v>43200</v>
      </c>
      <c r="FU20" s="113">
        <v>460408</v>
      </c>
      <c r="FV20" s="116">
        <v>503608</v>
      </c>
      <c r="FW20" s="115">
        <v>4800</v>
      </c>
      <c r="FX20" s="114">
        <v>38400</v>
      </c>
      <c r="FY20" s="112">
        <v>43200</v>
      </c>
      <c r="FZ20" s="111">
        <v>0</v>
      </c>
      <c r="GA20" s="114">
        <v>18000</v>
      </c>
      <c r="GB20" s="114">
        <v>153880</v>
      </c>
      <c r="GC20" s="114">
        <v>95216</v>
      </c>
      <c r="GD20" s="114">
        <v>137312</v>
      </c>
      <c r="GE20" s="114">
        <v>43200</v>
      </c>
      <c r="GF20" s="113">
        <v>447608</v>
      </c>
      <c r="GG20" s="318">
        <v>490808</v>
      </c>
      <c r="GH20" s="115">
        <v>0</v>
      </c>
      <c r="GI20" s="114">
        <v>0</v>
      </c>
      <c r="GJ20" s="112">
        <v>0</v>
      </c>
      <c r="GK20" s="111">
        <v>0</v>
      </c>
      <c r="GL20" s="114">
        <v>12800</v>
      </c>
      <c r="GM20" s="114">
        <v>0</v>
      </c>
      <c r="GN20" s="114">
        <v>0</v>
      </c>
      <c r="GO20" s="114">
        <v>0</v>
      </c>
      <c r="GP20" s="114">
        <v>0</v>
      </c>
      <c r="GQ20" s="113">
        <v>12800</v>
      </c>
      <c r="GR20" s="116">
        <v>12800</v>
      </c>
      <c r="GS20" s="110">
        <v>0</v>
      </c>
      <c r="GT20" s="114">
        <v>0</v>
      </c>
      <c r="GU20" s="113">
        <v>0</v>
      </c>
      <c r="GV20" s="110">
        <v>0</v>
      </c>
      <c r="GW20" s="114">
        <v>0</v>
      </c>
      <c r="GX20" s="114">
        <v>0</v>
      </c>
      <c r="GY20" s="114">
        <v>0</v>
      </c>
      <c r="GZ20" s="114">
        <v>0</v>
      </c>
      <c r="HA20" s="114">
        <v>0</v>
      </c>
      <c r="HB20" s="112">
        <v>0</v>
      </c>
      <c r="HC20" s="116">
        <v>0</v>
      </c>
      <c r="HD20" s="110">
        <v>223541</v>
      </c>
      <c r="HE20" s="114">
        <v>95979</v>
      </c>
      <c r="HF20" s="112">
        <v>319520</v>
      </c>
      <c r="HG20" s="111">
        <v>0</v>
      </c>
      <c r="HH20" s="114">
        <v>901464</v>
      </c>
      <c r="HI20" s="114">
        <v>668671</v>
      </c>
      <c r="HJ20" s="114">
        <v>1322517</v>
      </c>
      <c r="HK20" s="114">
        <v>208431</v>
      </c>
      <c r="HL20" s="114">
        <v>455986</v>
      </c>
      <c r="HM20" s="113">
        <v>3557069</v>
      </c>
      <c r="HN20" s="109">
        <v>3876589</v>
      </c>
      <c r="HO20" s="328"/>
      <c r="HP20" s="329"/>
      <c r="HQ20" s="330"/>
      <c r="HR20" s="331"/>
      <c r="HS20" s="329"/>
      <c r="HT20" s="329"/>
      <c r="HU20" s="329"/>
      <c r="HV20" s="329"/>
      <c r="HW20" s="329"/>
      <c r="HX20" s="332"/>
      <c r="HY20" s="333"/>
      <c r="HZ20" s="150">
        <v>0</v>
      </c>
      <c r="IA20" s="135">
        <v>0</v>
      </c>
      <c r="IB20" s="150">
        <v>0</v>
      </c>
      <c r="IC20" s="134">
        <v>0</v>
      </c>
      <c r="ID20" s="135">
        <v>545383</v>
      </c>
      <c r="IE20" s="136">
        <v>992230</v>
      </c>
      <c r="IF20" s="137">
        <v>121174</v>
      </c>
      <c r="IG20" s="135">
        <v>1263365</v>
      </c>
      <c r="IH20" s="137">
        <v>614917</v>
      </c>
      <c r="II20" s="138">
        <v>3537069</v>
      </c>
      <c r="IJ20" s="150">
        <v>3537069</v>
      </c>
      <c r="IK20" s="232">
        <v>0</v>
      </c>
      <c r="IL20" s="236">
        <v>0</v>
      </c>
      <c r="IM20" s="237">
        <v>0</v>
      </c>
      <c r="IN20" s="140"/>
      <c r="IO20" s="119">
        <v>0</v>
      </c>
      <c r="IP20" s="119">
        <v>0</v>
      </c>
      <c r="IQ20" s="119">
        <v>0</v>
      </c>
      <c r="IR20" s="119">
        <v>0</v>
      </c>
      <c r="IS20" s="119">
        <v>0</v>
      </c>
      <c r="IT20" s="141">
        <v>0</v>
      </c>
      <c r="IU20" s="320">
        <v>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98007</v>
      </c>
      <c r="JL20" s="119">
        <v>409106</v>
      </c>
      <c r="JM20" s="119">
        <v>121174</v>
      </c>
      <c r="JN20" s="119">
        <v>100358</v>
      </c>
      <c r="JO20" s="119">
        <v>101244</v>
      </c>
      <c r="JP20" s="120">
        <v>829889</v>
      </c>
      <c r="JQ20" s="320">
        <v>829889</v>
      </c>
      <c r="JR20" s="142">
        <v>0</v>
      </c>
      <c r="JS20" s="119">
        <v>0</v>
      </c>
      <c r="JT20" s="141">
        <v>0</v>
      </c>
      <c r="JU20" s="118">
        <v>0</v>
      </c>
      <c r="JV20" s="119">
        <v>0</v>
      </c>
      <c r="JW20" s="119">
        <v>27452</v>
      </c>
      <c r="JX20" s="119">
        <v>0</v>
      </c>
      <c r="JY20" s="119">
        <v>0</v>
      </c>
      <c r="JZ20" s="119">
        <v>0</v>
      </c>
      <c r="KA20" s="120">
        <v>27452</v>
      </c>
      <c r="KB20" s="320">
        <v>27452</v>
      </c>
      <c r="KC20" s="234">
        <v>0</v>
      </c>
      <c r="KD20" s="230">
        <v>0</v>
      </c>
      <c r="KE20" s="120">
        <v>0</v>
      </c>
      <c r="KF20" s="118">
        <v>0</v>
      </c>
      <c r="KG20" s="119">
        <v>0</v>
      </c>
      <c r="KH20" s="119">
        <v>324146</v>
      </c>
      <c r="KI20" s="119">
        <v>0</v>
      </c>
      <c r="KJ20" s="119">
        <v>127877</v>
      </c>
      <c r="KK20" s="119">
        <v>266216</v>
      </c>
      <c r="KL20" s="120">
        <v>718239</v>
      </c>
      <c r="KM20" s="143">
        <v>718239</v>
      </c>
      <c r="KN20" s="232">
        <v>0</v>
      </c>
      <c r="KO20" s="236">
        <v>0</v>
      </c>
      <c r="KP20" s="237">
        <v>0</v>
      </c>
      <c r="KQ20" s="140"/>
      <c r="KR20" s="119">
        <v>447376</v>
      </c>
      <c r="KS20" s="119">
        <v>231526</v>
      </c>
      <c r="KT20" s="119">
        <v>0</v>
      </c>
      <c r="KU20" s="119">
        <v>0</v>
      </c>
      <c r="KV20" s="119">
        <v>247457</v>
      </c>
      <c r="KW20" s="120">
        <v>926359</v>
      </c>
      <c r="KX20" s="320">
        <v>926359</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1035130</v>
      </c>
      <c r="LR20" s="119">
        <v>0</v>
      </c>
      <c r="LS20" s="120">
        <v>1035130</v>
      </c>
      <c r="LT20" s="320">
        <v>103513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232931</v>
      </c>
      <c r="MK20" s="119">
        <v>241812</v>
      </c>
      <c r="ML20" s="119">
        <v>1077789</v>
      </c>
      <c r="MM20" s="119">
        <v>2218492</v>
      </c>
      <c r="MN20" s="119">
        <v>1257737</v>
      </c>
      <c r="MO20" s="120">
        <v>5028761</v>
      </c>
      <c r="MP20" s="143">
        <v>5028761</v>
      </c>
      <c r="MQ20" s="142">
        <v>0</v>
      </c>
      <c r="MR20" s="119">
        <v>0</v>
      </c>
      <c r="MS20" s="120">
        <v>0</v>
      </c>
      <c r="MT20" s="145"/>
      <c r="MU20" s="119">
        <v>0</v>
      </c>
      <c r="MV20" s="119">
        <v>0</v>
      </c>
      <c r="MW20" s="119">
        <v>827249</v>
      </c>
      <c r="MX20" s="119">
        <v>1455359</v>
      </c>
      <c r="MY20" s="119">
        <v>563962</v>
      </c>
      <c r="MZ20" s="120">
        <v>2846570</v>
      </c>
      <c r="NA20" s="143">
        <v>2846570</v>
      </c>
      <c r="NB20" s="142">
        <v>0</v>
      </c>
      <c r="NC20" s="119">
        <v>0</v>
      </c>
      <c r="ND20" s="120">
        <v>0</v>
      </c>
      <c r="NE20" s="145"/>
      <c r="NF20" s="119">
        <v>232931</v>
      </c>
      <c r="NG20" s="119">
        <v>241812</v>
      </c>
      <c r="NH20" s="119">
        <v>250540</v>
      </c>
      <c r="NI20" s="119">
        <v>763133</v>
      </c>
      <c r="NJ20" s="119">
        <v>693775</v>
      </c>
      <c r="NK20" s="120">
        <v>2182191</v>
      </c>
      <c r="NL20" s="320">
        <v>2182191</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39253</v>
      </c>
      <c r="OJ20" s="119">
        <v>148913</v>
      </c>
      <c r="OK20" s="141">
        <v>388166</v>
      </c>
      <c r="OL20" s="118">
        <v>0</v>
      </c>
      <c r="OM20" s="119">
        <v>2192786</v>
      </c>
      <c r="ON20" s="119">
        <v>3048791</v>
      </c>
      <c r="OO20" s="119">
        <v>4223734</v>
      </c>
      <c r="OP20" s="119">
        <v>4787447</v>
      </c>
      <c r="OQ20" s="119">
        <v>3044988</v>
      </c>
      <c r="OR20" s="120">
        <v>17297746</v>
      </c>
      <c r="OS20" s="143">
        <v>17685912</v>
      </c>
    </row>
    <row r="21" spans="2:409" ht="21" customHeight="1" x14ac:dyDescent="0.2">
      <c r="B21" s="126" t="s">
        <v>16</v>
      </c>
      <c r="C21" s="110">
        <v>292556</v>
      </c>
      <c r="D21" s="114">
        <v>866923</v>
      </c>
      <c r="E21" s="113">
        <v>1159479</v>
      </c>
      <c r="F21" s="109">
        <v>0</v>
      </c>
      <c r="G21" s="114">
        <v>4941722</v>
      </c>
      <c r="H21" s="114">
        <v>6896647</v>
      </c>
      <c r="I21" s="114">
        <v>3947107</v>
      </c>
      <c r="J21" s="114">
        <v>5668888</v>
      </c>
      <c r="K21" s="114">
        <v>1813458</v>
      </c>
      <c r="L21" s="109">
        <v>23267822</v>
      </c>
      <c r="M21" s="116">
        <v>24427301</v>
      </c>
      <c r="N21" s="110">
        <v>89617</v>
      </c>
      <c r="O21" s="114">
        <v>131927</v>
      </c>
      <c r="P21" s="113">
        <v>221544</v>
      </c>
      <c r="Q21" s="110">
        <v>0</v>
      </c>
      <c r="R21" s="114">
        <v>1030921</v>
      </c>
      <c r="S21" s="114">
        <v>1196822</v>
      </c>
      <c r="T21" s="114">
        <v>887831</v>
      </c>
      <c r="U21" s="114">
        <v>1081137</v>
      </c>
      <c r="V21" s="114">
        <v>745609</v>
      </c>
      <c r="W21" s="113">
        <v>4942320</v>
      </c>
      <c r="X21" s="116">
        <v>5163864</v>
      </c>
      <c r="Y21" s="110">
        <v>0</v>
      </c>
      <c r="Z21" s="114">
        <v>0</v>
      </c>
      <c r="AA21" s="113">
        <v>0</v>
      </c>
      <c r="AB21" s="110">
        <v>0</v>
      </c>
      <c r="AC21" s="114">
        <v>284392</v>
      </c>
      <c r="AD21" s="114">
        <v>323860</v>
      </c>
      <c r="AE21" s="114">
        <v>319806</v>
      </c>
      <c r="AF21" s="114">
        <v>200572</v>
      </c>
      <c r="AG21" s="114">
        <v>287272</v>
      </c>
      <c r="AH21" s="113">
        <v>1415902</v>
      </c>
      <c r="AI21" s="116">
        <v>1415902</v>
      </c>
      <c r="AJ21" s="110">
        <v>0</v>
      </c>
      <c r="AK21" s="114">
        <v>0</v>
      </c>
      <c r="AL21" s="113">
        <v>0</v>
      </c>
      <c r="AM21" s="110">
        <v>0</v>
      </c>
      <c r="AN21" s="114">
        <v>0</v>
      </c>
      <c r="AO21" s="114">
        <v>33810</v>
      </c>
      <c r="AP21" s="114">
        <v>24332</v>
      </c>
      <c r="AQ21" s="114">
        <v>45080</v>
      </c>
      <c r="AR21" s="114">
        <v>88860</v>
      </c>
      <c r="AS21" s="113">
        <v>192082</v>
      </c>
      <c r="AT21" s="116">
        <v>192082</v>
      </c>
      <c r="AU21" s="110">
        <v>56817</v>
      </c>
      <c r="AV21" s="114">
        <v>70287</v>
      </c>
      <c r="AW21" s="113">
        <v>127104</v>
      </c>
      <c r="AX21" s="110">
        <v>0</v>
      </c>
      <c r="AY21" s="114">
        <v>506089</v>
      </c>
      <c r="AZ21" s="114">
        <v>664179</v>
      </c>
      <c r="BA21" s="114">
        <v>258373</v>
      </c>
      <c r="BB21" s="114">
        <v>470909</v>
      </c>
      <c r="BC21" s="114">
        <v>246933</v>
      </c>
      <c r="BD21" s="113">
        <v>2146483</v>
      </c>
      <c r="BE21" s="116">
        <v>2273587</v>
      </c>
      <c r="BF21" s="110">
        <v>0</v>
      </c>
      <c r="BG21" s="114">
        <v>0</v>
      </c>
      <c r="BH21" s="112">
        <v>0</v>
      </c>
      <c r="BI21" s="111">
        <v>0</v>
      </c>
      <c r="BJ21" s="114">
        <v>0</v>
      </c>
      <c r="BK21" s="114">
        <v>-36211</v>
      </c>
      <c r="BL21" s="114">
        <v>15800</v>
      </c>
      <c r="BM21" s="114">
        <v>0</v>
      </c>
      <c r="BN21" s="114">
        <v>15800</v>
      </c>
      <c r="BO21" s="113">
        <v>-4611</v>
      </c>
      <c r="BP21" s="116">
        <v>-4611</v>
      </c>
      <c r="BQ21" s="110">
        <v>32800</v>
      </c>
      <c r="BR21" s="114">
        <v>61640</v>
      </c>
      <c r="BS21" s="113">
        <v>94440</v>
      </c>
      <c r="BT21" s="110">
        <v>0</v>
      </c>
      <c r="BU21" s="114">
        <v>240440</v>
      </c>
      <c r="BV21" s="114">
        <v>211184</v>
      </c>
      <c r="BW21" s="114">
        <v>269520</v>
      </c>
      <c r="BX21" s="114">
        <v>364576</v>
      </c>
      <c r="BY21" s="114">
        <v>106744</v>
      </c>
      <c r="BZ21" s="113">
        <v>1192464</v>
      </c>
      <c r="CA21" s="116">
        <v>1286904</v>
      </c>
      <c r="CB21" s="110">
        <v>39896</v>
      </c>
      <c r="CC21" s="114">
        <v>188772</v>
      </c>
      <c r="CD21" s="113">
        <v>228668</v>
      </c>
      <c r="CE21" s="110">
        <v>0</v>
      </c>
      <c r="CF21" s="114">
        <v>1928435</v>
      </c>
      <c r="CG21" s="114">
        <v>3012238</v>
      </c>
      <c r="CH21" s="114">
        <v>477341</v>
      </c>
      <c r="CI21" s="114">
        <v>1100563</v>
      </c>
      <c r="CJ21" s="114">
        <v>108175</v>
      </c>
      <c r="CK21" s="113">
        <v>6626752</v>
      </c>
      <c r="CL21" s="116">
        <v>6855420</v>
      </c>
      <c r="CM21" s="110">
        <v>0</v>
      </c>
      <c r="CN21" s="114">
        <v>0</v>
      </c>
      <c r="CO21" s="113">
        <v>0</v>
      </c>
      <c r="CP21" s="111">
        <v>0</v>
      </c>
      <c r="CQ21" s="114">
        <v>901592</v>
      </c>
      <c r="CR21" s="114">
        <v>1197838</v>
      </c>
      <c r="CS21" s="114">
        <v>372413</v>
      </c>
      <c r="CT21" s="114">
        <v>734273</v>
      </c>
      <c r="CU21" s="114">
        <v>159233</v>
      </c>
      <c r="CV21" s="113">
        <v>3365349</v>
      </c>
      <c r="CW21" s="116">
        <v>3365349</v>
      </c>
      <c r="CX21" s="110">
        <v>39896</v>
      </c>
      <c r="CY21" s="114">
        <v>188772</v>
      </c>
      <c r="CZ21" s="113">
        <v>228668</v>
      </c>
      <c r="DA21" s="110">
        <v>0</v>
      </c>
      <c r="DB21" s="114">
        <v>1026843</v>
      </c>
      <c r="DC21" s="114">
        <v>1814400</v>
      </c>
      <c r="DD21" s="114">
        <v>104928</v>
      </c>
      <c r="DE21" s="114">
        <v>366290</v>
      </c>
      <c r="DF21" s="114">
        <v>-51058</v>
      </c>
      <c r="DG21" s="113">
        <v>3261403</v>
      </c>
      <c r="DH21" s="116">
        <v>3490071</v>
      </c>
      <c r="DI21" s="110">
        <v>0</v>
      </c>
      <c r="DJ21" s="114">
        <v>0</v>
      </c>
      <c r="DK21" s="112">
        <v>0</v>
      </c>
      <c r="DL21" s="111">
        <v>0</v>
      </c>
      <c r="DM21" s="114">
        <v>45319</v>
      </c>
      <c r="DN21" s="114">
        <v>462520</v>
      </c>
      <c r="DO21" s="114">
        <v>413240</v>
      </c>
      <c r="DP21" s="114">
        <v>108026</v>
      </c>
      <c r="DQ21" s="114">
        <v>39815</v>
      </c>
      <c r="DR21" s="113">
        <v>1068920</v>
      </c>
      <c r="DS21" s="116">
        <v>1068920</v>
      </c>
      <c r="DT21" s="110">
        <v>0</v>
      </c>
      <c r="DU21" s="114">
        <v>0</v>
      </c>
      <c r="DV21" s="113">
        <v>0</v>
      </c>
      <c r="DW21" s="110">
        <v>0</v>
      </c>
      <c r="DX21" s="114">
        <v>45319</v>
      </c>
      <c r="DY21" s="114">
        <v>213074</v>
      </c>
      <c r="DZ21" s="114">
        <v>413240</v>
      </c>
      <c r="EA21" s="114">
        <v>74752</v>
      </c>
      <c r="EB21" s="114">
        <v>39815</v>
      </c>
      <c r="EC21" s="113">
        <v>786200</v>
      </c>
      <c r="ED21" s="116">
        <v>786200</v>
      </c>
      <c r="EE21" s="110">
        <v>0</v>
      </c>
      <c r="EF21" s="112">
        <v>0</v>
      </c>
      <c r="EG21" s="113">
        <v>0</v>
      </c>
      <c r="EH21" s="110">
        <v>0</v>
      </c>
      <c r="EI21" s="114">
        <v>0</v>
      </c>
      <c r="EJ21" s="114">
        <v>249446</v>
      </c>
      <c r="EK21" s="114">
        <v>0</v>
      </c>
      <c r="EL21" s="114">
        <v>33274</v>
      </c>
      <c r="EM21" s="114">
        <v>0</v>
      </c>
      <c r="EN21" s="112">
        <v>282720</v>
      </c>
      <c r="EO21" s="116">
        <v>282720</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58856</v>
      </c>
      <c r="FM21" s="114">
        <v>116480</v>
      </c>
      <c r="FN21" s="113">
        <v>175336</v>
      </c>
      <c r="FO21" s="110">
        <v>0</v>
      </c>
      <c r="FP21" s="114">
        <v>318356</v>
      </c>
      <c r="FQ21" s="114">
        <v>650384</v>
      </c>
      <c r="FR21" s="114">
        <v>283696</v>
      </c>
      <c r="FS21" s="114">
        <v>468480</v>
      </c>
      <c r="FT21" s="114">
        <v>313224</v>
      </c>
      <c r="FU21" s="113">
        <v>2034140</v>
      </c>
      <c r="FV21" s="116">
        <v>2209476</v>
      </c>
      <c r="FW21" s="115">
        <v>58856</v>
      </c>
      <c r="FX21" s="114">
        <v>88400</v>
      </c>
      <c r="FY21" s="112">
        <v>147256</v>
      </c>
      <c r="FZ21" s="111">
        <v>0</v>
      </c>
      <c r="GA21" s="114">
        <v>151192</v>
      </c>
      <c r="GB21" s="114">
        <v>580704</v>
      </c>
      <c r="GC21" s="114">
        <v>263896</v>
      </c>
      <c r="GD21" s="114">
        <v>414280</v>
      </c>
      <c r="GE21" s="114">
        <v>223944</v>
      </c>
      <c r="GF21" s="113">
        <v>1634016</v>
      </c>
      <c r="GG21" s="318">
        <v>1781272</v>
      </c>
      <c r="GH21" s="115">
        <v>0</v>
      </c>
      <c r="GI21" s="114">
        <v>0</v>
      </c>
      <c r="GJ21" s="112">
        <v>0</v>
      </c>
      <c r="GK21" s="111">
        <v>0</v>
      </c>
      <c r="GL21" s="114">
        <v>23760</v>
      </c>
      <c r="GM21" s="114">
        <v>0</v>
      </c>
      <c r="GN21" s="114">
        <v>19800</v>
      </c>
      <c r="GO21" s="114">
        <v>37400</v>
      </c>
      <c r="GP21" s="114">
        <v>0</v>
      </c>
      <c r="GQ21" s="113">
        <v>80960</v>
      </c>
      <c r="GR21" s="116">
        <v>80960</v>
      </c>
      <c r="GS21" s="110">
        <v>0</v>
      </c>
      <c r="GT21" s="114">
        <v>28080</v>
      </c>
      <c r="GU21" s="113">
        <v>28080</v>
      </c>
      <c r="GV21" s="110">
        <v>0</v>
      </c>
      <c r="GW21" s="114">
        <v>143404</v>
      </c>
      <c r="GX21" s="114">
        <v>69680</v>
      </c>
      <c r="GY21" s="114">
        <v>0</v>
      </c>
      <c r="GZ21" s="114">
        <v>16800</v>
      </c>
      <c r="HA21" s="114">
        <v>89280</v>
      </c>
      <c r="HB21" s="112">
        <v>319164</v>
      </c>
      <c r="HC21" s="116">
        <v>347244</v>
      </c>
      <c r="HD21" s="110">
        <v>104187</v>
      </c>
      <c r="HE21" s="114">
        <v>429744</v>
      </c>
      <c r="HF21" s="112">
        <v>533931</v>
      </c>
      <c r="HG21" s="111">
        <v>0</v>
      </c>
      <c r="HH21" s="114">
        <v>1618691</v>
      </c>
      <c r="HI21" s="114">
        <v>1574683</v>
      </c>
      <c r="HJ21" s="114">
        <v>1884999</v>
      </c>
      <c r="HK21" s="114">
        <v>2910682</v>
      </c>
      <c r="HL21" s="114">
        <v>606635</v>
      </c>
      <c r="HM21" s="113">
        <v>8595690</v>
      </c>
      <c r="HN21" s="109">
        <v>9129621</v>
      </c>
      <c r="HO21" s="328"/>
      <c r="HP21" s="329"/>
      <c r="HQ21" s="330"/>
      <c r="HR21" s="331"/>
      <c r="HS21" s="329"/>
      <c r="HT21" s="329"/>
      <c r="HU21" s="329"/>
      <c r="HV21" s="329"/>
      <c r="HW21" s="329"/>
      <c r="HX21" s="332"/>
      <c r="HY21" s="333"/>
      <c r="HZ21" s="131">
        <v>0</v>
      </c>
      <c r="IA21" s="132">
        <v>0</v>
      </c>
      <c r="IB21" s="133">
        <v>0</v>
      </c>
      <c r="IC21" s="146">
        <v>0</v>
      </c>
      <c r="ID21" s="132">
        <v>551195</v>
      </c>
      <c r="IE21" s="147">
        <v>2195240</v>
      </c>
      <c r="IF21" s="133">
        <v>2430679</v>
      </c>
      <c r="IG21" s="132">
        <v>730499</v>
      </c>
      <c r="IH21" s="133">
        <v>972640</v>
      </c>
      <c r="II21" s="148">
        <v>6880253</v>
      </c>
      <c r="IJ21" s="139">
        <v>6880253</v>
      </c>
      <c r="IK21" s="232">
        <v>0</v>
      </c>
      <c r="IL21" s="236">
        <v>0</v>
      </c>
      <c r="IM21" s="237">
        <v>0</v>
      </c>
      <c r="IN21" s="140"/>
      <c r="IO21" s="119">
        <v>0</v>
      </c>
      <c r="IP21" s="119">
        <v>0</v>
      </c>
      <c r="IQ21" s="119">
        <v>342082</v>
      </c>
      <c r="IR21" s="119">
        <v>223171</v>
      </c>
      <c r="IS21" s="119">
        <v>0</v>
      </c>
      <c r="IT21" s="141">
        <v>565253</v>
      </c>
      <c r="IU21" s="320">
        <v>565253</v>
      </c>
      <c r="IV21" s="142">
        <v>0</v>
      </c>
      <c r="IW21" s="119">
        <v>0</v>
      </c>
      <c r="IX21" s="120">
        <v>0</v>
      </c>
      <c r="IY21" s="144"/>
      <c r="IZ21" s="119">
        <v>0</v>
      </c>
      <c r="JA21" s="119">
        <v>0</v>
      </c>
      <c r="JB21" s="119">
        <v>0</v>
      </c>
      <c r="JC21" s="119">
        <v>0</v>
      </c>
      <c r="JD21" s="119">
        <v>0</v>
      </c>
      <c r="JE21" s="120">
        <v>0</v>
      </c>
      <c r="JF21" s="121">
        <v>0</v>
      </c>
      <c r="JG21" s="142">
        <v>0</v>
      </c>
      <c r="JH21" s="119">
        <v>0</v>
      </c>
      <c r="JI21" s="141">
        <v>0</v>
      </c>
      <c r="JJ21" s="118">
        <v>0</v>
      </c>
      <c r="JK21" s="119">
        <v>329734</v>
      </c>
      <c r="JL21" s="119">
        <v>600514</v>
      </c>
      <c r="JM21" s="119">
        <v>331710</v>
      </c>
      <c r="JN21" s="119">
        <v>17163</v>
      </c>
      <c r="JO21" s="119">
        <v>0</v>
      </c>
      <c r="JP21" s="120">
        <v>1279121</v>
      </c>
      <c r="JQ21" s="320">
        <v>1279121</v>
      </c>
      <c r="JR21" s="142">
        <v>0</v>
      </c>
      <c r="JS21" s="119">
        <v>0</v>
      </c>
      <c r="JT21" s="141">
        <v>0</v>
      </c>
      <c r="JU21" s="118">
        <v>0</v>
      </c>
      <c r="JV21" s="119">
        <v>0</v>
      </c>
      <c r="JW21" s="119">
        <v>0</v>
      </c>
      <c r="JX21" s="119">
        <v>80375</v>
      </c>
      <c r="JY21" s="119">
        <v>0</v>
      </c>
      <c r="JZ21" s="119">
        <v>0</v>
      </c>
      <c r="KA21" s="120">
        <v>80375</v>
      </c>
      <c r="KB21" s="320">
        <v>80375</v>
      </c>
      <c r="KC21" s="234">
        <v>0</v>
      </c>
      <c r="KD21" s="230">
        <v>0</v>
      </c>
      <c r="KE21" s="120">
        <v>0</v>
      </c>
      <c r="KF21" s="118">
        <v>0</v>
      </c>
      <c r="KG21" s="119">
        <v>0</v>
      </c>
      <c r="KH21" s="119">
        <v>324170</v>
      </c>
      <c r="KI21" s="119">
        <v>483666</v>
      </c>
      <c r="KJ21" s="119">
        <v>0</v>
      </c>
      <c r="KK21" s="119">
        <v>0</v>
      </c>
      <c r="KL21" s="120">
        <v>807836</v>
      </c>
      <c r="KM21" s="143">
        <v>807836</v>
      </c>
      <c r="KN21" s="232">
        <v>0</v>
      </c>
      <c r="KO21" s="236">
        <v>0</v>
      </c>
      <c r="KP21" s="237">
        <v>0</v>
      </c>
      <c r="KQ21" s="140"/>
      <c r="KR21" s="119">
        <v>221461</v>
      </c>
      <c r="KS21" s="119">
        <v>933040</v>
      </c>
      <c r="KT21" s="119">
        <v>956455</v>
      </c>
      <c r="KU21" s="119">
        <v>490165</v>
      </c>
      <c r="KV21" s="119">
        <v>706507</v>
      </c>
      <c r="KW21" s="120">
        <v>3307628</v>
      </c>
      <c r="KX21" s="320">
        <v>3307628</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337516</v>
      </c>
      <c r="MA21" s="119">
        <v>236391</v>
      </c>
      <c r="MB21" s="119">
        <v>0</v>
      </c>
      <c r="MC21" s="119">
        <v>266133</v>
      </c>
      <c r="MD21" s="120">
        <v>840040</v>
      </c>
      <c r="ME21" s="121">
        <v>840040</v>
      </c>
      <c r="MF21" s="142">
        <v>0</v>
      </c>
      <c r="MG21" s="119">
        <v>0</v>
      </c>
      <c r="MH21" s="120">
        <v>0</v>
      </c>
      <c r="MI21" s="145"/>
      <c r="MJ21" s="119">
        <v>218365</v>
      </c>
      <c r="MK21" s="119">
        <v>1152261</v>
      </c>
      <c r="ML21" s="119">
        <v>1930416</v>
      </c>
      <c r="MM21" s="119">
        <v>2618295</v>
      </c>
      <c r="MN21" s="119">
        <v>2349502</v>
      </c>
      <c r="MO21" s="120">
        <v>8268839</v>
      </c>
      <c r="MP21" s="143">
        <v>8268839</v>
      </c>
      <c r="MQ21" s="142">
        <v>0</v>
      </c>
      <c r="MR21" s="119">
        <v>0</v>
      </c>
      <c r="MS21" s="120">
        <v>0</v>
      </c>
      <c r="MT21" s="145"/>
      <c r="MU21" s="119">
        <v>0</v>
      </c>
      <c r="MV21" s="119">
        <v>202277</v>
      </c>
      <c r="MW21" s="119">
        <v>868945</v>
      </c>
      <c r="MX21" s="119">
        <v>1778668</v>
      </c>
      <c r="MY21" s="119">
        <v>1042181</v>
      </c>
      <c r="MZ21" s="120">
        <v>3892071</v>
      </c>
      <c r="NA21" s="143">
        <v>3892071</v>
      </c>
      <c r="NB21" s="142">
        <v>0</v>
      </c>
      <c r="NC21" s="119">
        <v>0</v>
      </c>
      <c r="ND21" s="120">
        <v>0</v>
      </c>
      <c r="NE21" s="145"/>
      <c r="NF21" s="119">
        <v>218365</v>
      </c>
      <c r="NG21" s="119">
        <v>949984</v>
      </c>
      <c r="NH21" s="119">
        <v>1061471</v>
      </c>
      <c r="NI21" s="119">
        <v>839627</v>
      </c>
      <c r="NJ21" s="119">
        <v>508191</v>
      </c>
      <c r="NK21" s="120">
        <v>3577638</v>
      </c>
      <c r="NL21" s="320">
        <v>3577638</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799130</v>
      </c>
      <c r="OG21" s="120">
        <v>799130</v>
      </c>
      <c r="OH21" s="121">
        <v>799130</v>
      </c>
      <c r="OI21" s="142">
        <v>292556</v>
      </c>
      <c r="OJ21" s="119">
        <v>866923</v>
      </c>
      <c r="OK21" s="141">
        <v>1159479</v>
      </c>
      <c r="OL21" s="118">
        <v>0</v>
      </c>
      <c r="OM21" s="119">
        <v>5711282</v>
      </c>
      <c r="ON21" s="119">
        <v>10244148</v>
      </c>
      <c r="OO21" s="119">
        <v>8308202</v>
      </c>
      <c r="OP21" s="119">
        <v>9017682</v>
      </c>
      <c r="OQ21" s="119">
        <v>5135600</v>
      </c>
      <c r="OR21" s="120">
        <v>38416914</v>
      </c>
      <c r="OS21" s="143">
        <v>39576393</v>
      </c>
    </row>
    <row r="22" spans="2:409" ht="21" customHeight="1" x14ac:dyDescent="0.2">
      <c r="B22" s="126" t="s">
        <v>17</v>
      </c>
      <c r="C22" s="110">
        <v>467850</v>
      </c>
      <c r="D22" s="114">
        <v>854871</v>
      </c>
      <c r="E22" s="113">
        <v>1322721</v>
      </c>
      <c r="F22" s="109">
        <v>0</v>
      </c>
      <c r="G22" s="114">
        <v>4746272</v>
      </c>
      <c r="H22" s="114">
        <v>6502671</v>
      </c>
      <c r="I22" s="114">
        <v>4431470</v>
      </c>
      <c r="J22" s="114">
        <v>4956101</v>
      </c>
      <c r="K22" s="114">
        <v>5486072</v>
      </c>
      <c r="L22" s="109">
        <v>26122586</v>
      </c>
      <c r="M22" s="116">
        <v>27445307</v>
      </c>
      <c r="N22" s="110">
        <v>114086</v>
      </c>
      <c r="O22" s="114">
        <v>225760</v>
      </c>
      <c r="P22" s="113">
        <v>339846</v>
      </c>
      <c r="Q22" s="110">
        <v>0</v>
      </c>
      <c r="R22" s="114">
        <v>911631</v>
      </c>
      <c r="S22" s="114">
        <v>1733119</v>
      </c>
      <c r="T22" s="114">
        <v>1469835</v>
      </c>
      <c r="U22" s="114">
        <v>707132</v>
      </c>
      <c r="V22" s="114">
        <v>2848068</v>
      </c>
      <c r="W22" s="113">
        <v>7669785</v>
      </c>
      <c r="X22" s="116">
        <v>8009631</v>
      </c>
      <c r="Y22" s="110">
        <v>0</v>
      </c>
      <c r="Z22" s="114">
        <v>0</v>
      </c>
      <c r="AA22" s="113">
        <v>0</v>
      </c>
      <c r="AB22" s="110">
        <v>0</v>
      </c>
      <c r="AC22" s="114">
        <v>428221</v>
      </c>
      <c r="AD22" s="114">
        <v>792206</v>
      </c>
      <c r="AE22" s="114">
        <v>898339</v>
      </c>
      <c r="AF22" s="114">
        <v>291677</v>
      </c>
      <c r="AG22" s="114">
        <v>1725835</v>
      </c>
      <c r="AH22" s="113">
        <v>4136278</v>
      </c>
      <c r="AI22" s="116">
        <v>4136278</v>
      </c>
      <c r="AJ22" s="110">
        <v>0</v>
      </c>
      <c r="AK22" s="114">
        <v>0</v>
      </c>
      <c r="AL22" s="113">
        <v>0</v>
      </c>
      <c r="AM22" s="110">
        <v>0</v>
      </c>
      <c r="AN22" s="114">
        <v>0</v>
      </c>
      <c r="AO22" s="114">
        <v>37037</v>
      </c>
      <c r="AP22" s="114">
        <v>0</v>
      </c>
      <c r="AQ22" s="114">
        <v>0</v>
      </c>
      <c r="AR22" s="114">
        <v>480767</v>
      </c>
      <c r="AS22" s="113">
        <v>517804</v>
      </c>
      <c r="AT22" s="116">
        <v>517804</v>
      </c>
      <c r="AU22" s="110">
        <v>104486</v>
      </c>
      <c r="AV22" s="114">
        <v>126938</v>
      </c>
      <c r="AW22" s="113">
        <v>231424</v>
      </c>
      <c r="AX22" s="110">
        <v>0</v>
      </c>
      <c r="AY22" s="114">
        <v>357435</v>
      </c>
      <c r="AZ22" s="114">
        <v>524275</v>
      </c>
      <c r="BA22" s="114">
        <v>418280</v>
      </c>
      <c r="BB22" s="114">
        <v>248428</v>
      </c>
      <c r="BC22" s="114">
        <v>409666</v>
      </c>
      <c r="BD22" s="113">
        <v>1958084</v>
      </c>
      <c r="BE22" s="116">
        <v>2189508</v>
      </c>
      <c r="BF22" s="110">
        <v>0</v>
      </c>
      <c r="BG22" s="114">
        <v>63038</v>
      </c>
      <c r="BH22" s="112">
        <v>63038</v>
      </c>
      <c r="BI22" s="111">
        <v>0</v>
      </c>
      <c r="BJ22" s="114">
        <v>33847</v>
      </c>
      <c r="BK22" s="114">
        <v>130297</v>
      </c>
      <c r="BL22" s="114">
        <v>0</v>
      </c>
      <c r="BM22" s="114">
        <v>11691</v>
      </c>
      <c r="BN22" s="114">
        <v>0</v>
      </c>
      <c r="BO22" s="113">
        <v>175835</v>
      </c>
      <c r="BP22" s="116">
        <v>238873</v>
      </c>
      <c r="BQ22" s="110">
        <v>9600</v>
      </c>
      <c r="BR22" s="114">
        <v>35784</v>
      </c>
      <c r="BS22" s="113">
        <v>45384</v>
      </c>
      <c r="BT22" s="110">
        <v>0</v>
      </c>
      <c r="BU22" s="114">
        <v>92128</v>
      </c>
      <c r="BV22" s="114">
        <v>249304</v>
      </c>
      <c r="BW22" s="114">
        <v>153216</v>
      </c>
      <c r="BX22" s="114">
        <v>155336</v>
      </c>
      <c r="BY22" s="114">
        <v>231800</v>
      </c>
      <c r="BZ22" s="113">
        <v>881784</v>
      </c>
      <c r="CA22" s="116">
        <v>927168</v>
      </c>
      <c r="CB22" s="110">
        <v>44328</v>
      </c>
      <c r="CC22" s="114">
        <v>227515</v>
      </c>
      <c r="CD22" s="113">
        <v>271843</v>
      </c>
      <c r="CE22" s="110">
        <v>0</v>
      </c>
      <c r="CF22" s="114">
        <v>1909931</v>
      </c>
      <c r="CG22" s="114">
        <v>2766408</v>
      </c>
      <c r="CH22" s="114">
        <v>773824</v>
      </c>
      <c r="CI22" s="114">
        <v>1097696</v>
      </c>
      <c r="CJ22" s="114">
        <v>918233</v>
      </c>
      <c r="CK22" s="113">
        <v>7466092</v>
      </c>
      <c r="CL22" s="116">
        <v>7737935</v>
      </c>
      <c r="CM22" s="110">
        <v>0</v>
      </c>
      <c r="CN22" s="114">
        <v>0</v>
      </c>
      <c r="CO22" s="113">
        <v>0</v>
      </c>
      <c r="CP22" s="111">
        <v>0</v>
      </c>
      <c r="CQ22" s="114">
        <v>1740200</v>
      </c>
      <c r="CR22" s="114">
        <v>1657324</v>
      </c>
      <c r="CS22" s="114">
        <v>524546</v>
      </c>
      <c r="CT22" s="114">
        <v>1012664</v>
      </c>
      <c r="CU22" s="114">
        <v>752356</v>
      </c>
      <c r="CV22" s="113">
        <v>5687090</v>
      </c>
      <c r="CW22" s="116">
        <v>5687090</v>
      </c>
      <c r="CX22" s="110">
        <v>44328</v>
      </c>
      <c r="CY22" s="114">
        <v>227515</v>
      </c>
      <c r="CZ22" s="113">
        <v>271843</v>
      </c>
      <c r="DA22" s="110">
        <v>0</v>
      </c>
      <c r="DB22" s="114">
        <v>169731</v>
      </c>
      <c r="DC22" s="114">
        <v>1109084</v>
      </c>
      <c r="DD22" s="114">
        <v>249278</v>
      </c>
      <c r="DE22" s="114">
        <v>85032</v>
      </c>
      <c r="DF22" s="114">
        <v>165877</v>
      </c>
      <c r="DG22" s="113">
        <v>1779002</v>
      </c>
      <c r="DH22" s="116">
        <v>2050845</v>
      </c>
      <c r="DI22" s="110">
        <v>0</v>
      </c>
      <c r="DJ22" s="114">
        <v>0</v>
      </c>
      <c r="DK22" s="112">
        <v>0</v>
      </c>
      <c r="DL22" s="111">
        <v>0</v>
      </c>
      <c r="DM22" s="114">
        <v>282725</v>
      </c>
      <c r="DN22" s="114">
        <v>256863</v>
      </c>
      <c r="DO22" s="114">
        <v>286000</v>
      </c>
      <c r="DP22" s="114">
        <v>1439310</v>
      </c>
      <c r="DQ22" s="114">
        <v>338839</v>
      </c>
      <c r="DR22" s="113">
        <v>2603737</v>
      </c>
      <c r="DS22" s="116">
        <v>2603737</v>
      </c>
      <c r="DT22" s="110">
        <v>0</v>
      </c>
      <c r="DU22" s="114">
        <v>0</v>
      </c>
      <c r="DV22" s="113">
        <v>0</v>
      </c>
      <c r="DW22" s="110">
        <v>0</v>
      </c>
      <c r="DX22" s="114">
        <v>124685</v>
      </c>
      <c r="DY22" s="114">
        <v>159854</v>
      </c>
      <c r="DZ22" s="114">
        <v>286000</v>
      </c>
      <c r="EA22" s="114">
        <v>1439310</v>
      </c>
      <c r="EB22" s="114">
        <v>338839</v>
      </c>
      <c r="EC22" s="113">
        <v>2348688</v>
      </c>
      <c r="ED22" s="116">
        <v>2348688</v>
      </c>
      <c r="EE22" s="110">
        <v>0</v>
      </c>
      <c r="EF22" s="112">
        <v>0</v>
      </c>
      <c r="EG22" s="113">
        <v>0</v>
      </c>
      <c r="EH22" s="110">
        <v>0</v>
      </c>
      <c r="EI22" s="114">
        <v>158040</v>
      </c>
      <c r="EJ22" s="114">
        <v>97009</v>
      </c>
      <c r="EK22" s="114">
        <v>0</v>
      </c>
      <c r="EL22" s="114">
        <v>0</v>
      </c>
      <c r="EM22" s="114">
        <v>0</v>
      </c>
      <c r="EN22" s="112">
        <v>255049</v>
      </c>
      <c r="EO22" s="116">
        <v>255049</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161816</v>
      </c>
      <c r="FM22" s="114">
        <v>131320</v>
      </c>
      <c r="FN22" s="113">
        <v>293136</v>
      </c>
      <c r="FO22" s="110">
        <v>0</v>
      </c>
      <c r="FP22" s="114">
        <v>548604</v>
      </c>
      <c r="FQ22" s="114">
        <v>960176</v>
      </c>
      <c r="FR22" s="114">
        <v>653048</v>
      </c>
      <c r="FS22" s="114">
        <v>231568</v>
      </c>
      <c r="FT22" s="114">
        <v>925280</v>
      </c>
      <c r="FU22" s="113">
        <v>3318676</v>
      </c>
      <c r="FV22" s="116">
        <v>3611812</v>
      </c>
      <c r="FW22" s="115">
        <v>60216</v>
      </c>
      <c r="FX22" s="114">
        <v>131320</v>
      </c>
      <c r="FY22" s="112">
        <v>191536</v>
      </c>
      <c r="FZ22" s="111">
        <v>0</v>
      </c>
      <c r="GA22" s="114">
        <v>230816</v>
      </c>
      <c r="GB22" s="114">
        <v>797296</v>
      </c>
      <c r="GC22" s="114">
        <v>450808</v>
      </c>
      <c r="GD22" s="114">
        <v>231568</v>
      </c>
      <c r="GE22" s="114">
        <v>903920</v>
      </c>
      <c r="GF22" s="113">
        <v>2614408</v>
      </c>
      <c r="GG22" s="318">
        <v>2805944</v>
      </c>
      <c r="GH22" s="115">
        <v>0</v>
      </c>
      <c r="GI22" s="114">
        <v>0</v>
      </c>
      <c r="GJ22" s="112">
        <v>0</v>
      </c>
      <c r="GK22" s="111">
        <v>0</v>
      </c>
      <c r="GL22" s="114">
        <v>86232</v>
      </c>
      <c r="GM22" s="114">
        <v>17280</v>
      </c>
      <c r="GN22" s="114">
        <v>46240</v>
      </c>
      <c r="GO22" s="114">
        <v>0</v>
      </c>
      <c r="GP22" s="114">
        <v>21360</v>
      </c>
      <c r="GQ22" s="113">
        <v>171112</v>
      </c>
      <c r="GR22" s="116">
        <v>171112</v>
      </c>
      <c r="GS22" s="110">
        <v>101600</v>
      </c>
      <c r="GT22" s="114">
        <v>0</v>
      </c>
      <c r="GU22" s="113">
        <v>101600</v>
      </c>
      <c r="GV22" s="110">
        <v>0</v>
      </c>
      <c r="GW22" s="114">
        <v>231556</v>
      </c>
      <c r="GX22" s="114">
        <v>145600</v>
      </c>
      <c r="GY22" s="114">
        <v>156000</v>
      </c>
      <c r="GZ22" s="114">
        <v>0</v>
      </c>
      <c r="HA22" s="114">
        <v>0</v>
      </c>
      <c r="HB22" s="112">
        <v>533156</v>
      </c>
      <c r="HC22" s="116">
        <v>634756</v>
      </c>
      <c r="HD22" s="110">
        <v>147620</v>
      </c>
      <c r="HE22" s="114">
        <v>270276</v>
      </c>
      <c r="HF22" s="112">
        <v>417896</v>
      </c>
      <c r="HG22" s="111">
        <v>0</v>
      </c>
      <c r="HH22" s="114">
        <v>1093381</v>
      </c>
      <c r="HI22" s="114">
        <v>786105</v>
      </c>
      <c r="HJ22" s="114">
        <v>1248763</v>
      </c>
      <c r="HK22" s="114">
        <v>1480395</v>
      </c>
      <c r="HL22" s="114">
        <v>455652</v>
      </c>
      <c r="HM22" s="113">
        <v>5064296</v>
      </c>
      <c r="HN22" s="109">
        <v>5482192</v>
      </c>
      <c r="HO22" s="328"/>
      <c r="HP22" s="329"/>
      <c r="HQ22" s="330"/>
      <c r="HR22" s="331"/>
      <c r="HS22" s="329"/>
      <c r="HT22" s="329"/>
      <c r="HU22" s="329"/>
      <c r="HV22" s="329"/>
      <c r="HW22" s="329"/>
      <c r="HX22" s="332"/>
      <c r="HY22" s="333"/>
      <c r="HZ22" s="150">
        <v>0</v>
      </c>
      <c r="IA22" s="135">
        <v>0</v>
      </c>
      <c r="IB22" s="150">
        <v>0</v>
      </c>
      <c r="IC22" s="134">
        <v>0</v>
      </c>
      <c r="ID22" s="135">
        <v>1059638</v>
      </c>
      <c r="IE22" s="136">
        <v>3681908</v>
      </c>
      <c r="IF22" s="137">
        <v>3034409</v>
      </c>
      <c r="IG22" s="135">
        <v>1714962</v>
      </c>
      <c r="IH22" s="137">
        <v>790447</v>
      </c>
      <c r="II22" s="138">
        <v>10281364</v>
      </c>
      <c r="IJ22" s="150">
        <v>10281364</v>
      </c>
      <c r="IK22" s="232">
        <v>0</v>
      </c>
      <c r="IL22" s="236">
        <v>0</v>
      </c>
      <c r="IM22" s="237">
        <v>0</v>
      </c>
      <c r="IN22" s="140"/>
      <c r="IO22" s="119">
        <v>0</v>
      </c>
      <c r="IP22" s="119">
        <v>93654</v>
      </c>
      <c r="IQ22" s="119">
        <v>0</v>
      </c>
      <c r="IR22" s="119">
        <v>0</v>
      </c>
      <c r="IS22" s="119">
        <v>0</v>
      </c>
      <c r="IT22" s="141">
        <v>93654</v>
      </c>
      <c r="IU22" s="320">
        <v>93654</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670857</v>
      </c>
      <c r="JL22" s="119">
        <v>803127</v>
      </c>
      <c r="JM22" s="119">
        <v>549702</v>
      </c>
      <c r="JN22" s="119">
        <v>536388</v>
      </c>
      <c r="JO22" s="119">
        <v>134952</v>
      </c>
      <c r="JP22" s="120">
        <v>2695026</v>
      </c>
      <c r="JQ22" s="320">
        <v>2695026</v>
      </c>
      <c r="JR22" s="142">
        <v>0</v>
      </c>
      <c r="JS22" s="119">
        <v>0</v>
      </c>
      <c r="JT22" s="141">
        <v>0</v>
      </c>
      <c r="JU22" s="118">
        <v>0</v>
      </c>
      <c r="JV22" s="119">
        <v>261834</v>
      </c>
      <c r="JW22" s="119">
        <v>0</v>
      </c>
      <c r="JX22" s="119">
        <v>210562</v>
      </c>
      <c r="JY22" s="119">
        <v>0</v>
      </c>
      <c r="JZ22" s="119">
        <v>0</v>
      </c>
      <c r="KA22" s="120">
        <v>472396</v>
      </c>
      <c r="KB22" s="320">
        <v>472396</v>
      </c>
      <c r="KC22" s="234">
        <v>0</v>
      </c>
      <c r="KD22" s="230">
        <v>0</v>
      </c>
      <c r="KE22" s="120">
        <v>0</v>
      </c>
      <c r="KF22" s="118">
        <v>0</v>
      </c>
      <c r="KG22" s="119">
        <v>126947</v>
      </c>
      <c r="KH22" s="119">
        <v>319544</v>
      </c>
      <c r="KI22" s="119">
        <v>813399</v>
      </c>
      <c r="KJ22" s="119">
        <v>927571</v>
      </c>
      <c r="KK22" s="119">
        <v>299230</v>
      </c>
      <c r="KL22" s="120">
        <v>2486691</v>
      </c>
      <c r="KM22" s="143">
        <v>2486691</v>
      </c>
      <c r="KN22" s="232">
        <v>0</v>
      </c>
      <c r="KO22" s="236">
        <v>0</v>
      </c>
      <c r="KP22" s="237">
        <v>0</v>
      </c>
      <c r="KQ22" s="140"/>
      <c r="KR22" s="119">
        <v>0</v>
      </c>
      <c r="KS22" s="119">
        <v>2058304</v>
      </c>
      <c r="KT22" s="119">
        <v>738843</v>
      </c>
      <c r="KU22" s="119">
        <v>251003</v>
      </c>
      <c r="KV22" s="119">
        <v>0</v>
      </c>
      <c r="KW22" s="120">
        <v>3048150</v>
      </c>
      <c r="KX22" s="320">
        <v>3048150</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721903</v>
      </c>
      <c r="LQ22" s="119">
        <v>0</v>
      </c>
      <c r="LR22" s="119">
        <v>0</v>
      </c>
      <c r="LS22" s="120">
        <v>721903</v>
      </c>
      <c r="LT22" s="320">
        <v>721903</v>
      </c>
      <c r="LU22" s="142">
        <v>0</v>
      </c>
      <c r="LV22" s="119">
        <v>0</v>
      </c>
      <c r="LW22" s="120">
        <v>0</v>
      </c>
      <c r="LX22" s="145"/>
      <c r="LY22" s="119">
        <v>0</v>
      </c>
      <c r="LZ22" s="119">
        <v>407279</v>
      </c>
      <c r="MA22" s="119">
        <v>0</v>
      </c>
      <c r="MB22" s="119">
        <v>0</v>
      </c>
      <c r="MC22" s="119">
        <v>356265</v>
      </c>
      <c r="MD22" s="120">
        <v>763544</v>
      </c>
      <c r="ME22" s="121">
        <v>763544</v>
      </c>
      <c r="MF22" s="142">
        <v>0</v>
      </c>
      <c r="MG22" s="119">
        <v>0</v>
      </c>
      <c r="MH22" s="120">
        <v>0</v>
      </c>
      <c r="MI22" s="145"/>
      <c r="MJ22" s="119">
        <v>750813</v>
      </c>
      <c r="MK22" s="119">
        <v>1440636</v>
      </c>
      <c r="ML22" s="119">
        <v>5569178</v>
      </c>
      <c r="MM22" s="119">
        <v>4724842</v>
      </c>
      <c r="MN22" s="119">
        <v>3710462</v>
      </c>
      <c r="MO22" s="120">
        <v>16195931</v>
      </c>
      <c r="MP22" s="143">
        <v>16195931</v>
      </c>
      <c r="MQ22" s="142">
        <v>0</v>
      </c>
      <c r="MR22" s="119">
        <v>0</v>
      </c>
      <c r="MS22" s="120">
        <v>0</v>
      </c>
      <c r="MT22" s="145"/>
      <c r="MU22" s="119">
        <v>0</v>
      </c>
      <c r="MV22" s="119">
        <v>229148</v>
      </c>
      <c r="MW22" s="119">
        <v>1925538</v>
      </c>
      <c r="MX22" s="119">
        <v>3667478</v>
      </c>
      <c r="MY22" s="119">
        <v>2043910</v>
      </c>
      <c r="MZ22" s="120">
        <v>7866074</v>
      </c>
      <c r="NA22" s="143">
        <v>7866074</v>
      </c>
      <c r="NB22" s="142">
        <v>0</v>
      </c>
      <c r="NC22" s="119">
        <v>0</v>
      </c>
      <c r="ND22" s="120">
        <v>0</v>
      </c>
      <c r="NE22" s="145"/>
      <c r="NF22" s="119">
        <v>750813</v>
      </c>
      <c r="NG22" s="119">
        <v>1211488</v>
      </c>
      <c r="NH22" s="119">
        <v>3643640</v>
      </c>
      <c r="NI22" s="119">
        <v>1057364</v>
      </c>
      <c r="NJ22" s="119">
        <v>1326730</v>
      </c>
      <c r="NK22" s="120">
        <v>7990035</v>
      </c>
      <c r="NL22" s="320">
        <v>7990035</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39822</v>
      </c>
      <c r="OG22" s="120">
        <v>339822</v>
      </c>
      <c r="OH22" s="121">
        <v>339822</v>
      </c>
      <c r="OI22" s="142">
        <v>467850</v>
      </c>
      <c r="OJ22" s="119">
        <v>854871</v>
      </c>
      <c r="OK22" s="141">
        <v>1322721</v>
      </c>
      <c r="OL22" s="118">
        <v>0</v>
      </c>
      <c r="OM22" s="119">
        <v>6556723</v>
      </c>
      <c r="ON22" s="119">
        <v>11625215</v>
      </c>
      <c r="OO22" s="119">
        <v>13035057</v>
      </c>
      <c r="OP22" s="119">
        <v>11395905</v>
      </c>
      <c r="OQ22" s="119">
        <v>9986981</v>
      </c>
      <c r="OR22" s="120">
        <v>52599881</v>
      </c>
      <c r="OS22" s="143">
        <v>53922602</v>
      </c>
    </row>
    <row r="23" spans="2:409" ht="21" customHeight="1" x14ac:dyDescent="0.2">
      <c r="B23" s="126" t="s">
        <v>18</v>
      </c>
      <c r="C23" s="110">
        <v>493021</v>
      </c>
      <c r="D23" s="114">
        <v>664828</v>
      </c>
      <c r="E23" s="113">
        <v>1157849</v>
      </c>
      <c r="F23" s="109">
        <v>0</v>
      </c>
      <c r="G23" s="114">
        <v>7066994</v>
      </c>
      <c r="H23" s="114">
        <v>8487480</v>
      </c>
      <c r="I23" s="114">
        <v>9341641</v>
      </c>
      <c r="J23" s="114">
        <v>5208246</v>
      </c>
      <c r="K23" s="114">
        <v>3429570</v>
      </c>
      <c r="L23" s="109">
        <v>33533931</v>
      </c>
      <c r="M23" s="116">
        <v>34691780</v>
      </c>
      <c r="N23" s="110">
        <v>84593</v>
      </c>
      <c r="O23" s="114">
        <v>127670</v>
      </c>
      <c r="P23" s="113">
        <v>212263</v>
      </c>
      <c r="Q23" s="110">
        <v>0</v>
      </c>
      <c r="R23" s="114">
        <v>2355320</v>
      </c>
      <c r="S23" s="114">
        <v>2450092</v>
      </c>
      <c r="T23" s="114">
        <v>2251028</v>
      </c>
      <c r="U23" s="114">
        <v>2387868</v>
      </c>
      <c r="V23" s="114">
        <v>544213</v>
      </c>
      <c r="W23" s="113">
        <v>9988521</v>
      </c>
      <c r="X23" s="116">
        <v>10200784</v>
      </c>
      <c r="Y23" s="110">
        <v>0</v>
      </c>
      <c r="Z23" s="114">
        <v>0</v>
      </c>
      <c r="AA23" s="113">
        <v>0</v>
      </c>
      <c r="AB23" s="110">
        <v>0</v>
      </c>
      <c r="AC23" s="114">
        <v>794679</v>
      </c>
      <c r="AD23" s="114">
        <v>994201</v>
      </c>
      <c r="AE23" s="114">
        <v>1085911</v>
      </c>
      <c r="AF23" s="114">
        <v>1541605</v>
      </c>
      <c r="AG23" s="114">
        <v>132940</v>
      </c>
      <c r="AH23" s="113">
        <v>4549336</v>
      </c>
      <c r="AI23" s="116">
        <v>4549336</v>
      </c>
      <c r="AJ23" s="110">
        <v>0</v>
      </c>
      <c r="AK23" s="114">
        <v>0</v>
      </c>
      <c r="AL23" s="113">
        <v>0</v>
      </c>
      <c r="AM23" s="110">
        <v>0</v>
      </c>
      <c r="AN23" s="114">
        <v>60219</v>
      </c>
      <c r="AO23" s="114">
        <v>0</v>
      </c>
      <c r="AP23" s="114">
        <v>57052</v>
      </c>
      <c r="AQ23" s="114">
        <v>188840</v>
      </c>
      <c r="AR23" s="114">
        <v>47535</v>
      </c>
      <c r="AS23" s="113">
        <v>353646</v>
      </c>
      <c r="AT23" s="116">
        <v>353646</v>
      </c>
      <c r="AU23" s="110">
        <v>77097</v>
      </c>
      <c r="AV23" s="114">
        <v>77382</v>
      </c>
      <c r="AW23" s="113">
        <v>154479</v>
      </c>
      <c r="AX23" s="110">
        <v>0</v>
      </c>
      <c r="AY23" s="114">
        <v>956798</v>
      </c>
      <c r="AZ23" s="114">
        <v>760470</v>
      </c>
      <c r="BA23" s="114">
        <v>651977</v>
      </c>
      <c r="BB23" s="114">
        <v>410879</v>
      </c>
      <c r="BC23" s="114">
        <v>104402</v>
      </c>
      <c r="BD23" s="113">
        <v>2884526</v>
      </c>
      <c r="BE23" s="116">
        <v>3039005</v>
      </c>
      <c r="BF23" s="110">
        <v>0</v>
      </c>
      <c r="BG23" s="114">
        <v>0</v>
      </c>
      <c r="BH23" s="112">
        <v>0</v>
      </c>
      <c r="BI23" s="111">
        <v>0</v>
      </c>
      <c r="BJ23" s="114">
        <v>139536</v>
      </c>
      <c r="BK23" s="114">
        <v>203645</v>
      </c>
      <c r="BL23" s="114">
        <v>0</v>
      </c>
      <c r="BM23" s="114">
        <v>0</v>
      </c>
      <c r="BN23" s="114">
        <v>0</v>
      </c>
      <c r="BO23" s="113">
        <v>343181</v>
      </c>
      <c r="BP23" s="116">
        <v>343181</v>
      </c>
      <c r="BQ23" s="110">
        <v>7496</v>
      </c>
      <c r="BR23" s="114">
        <v>50288</v>
      </c>
      <c r="BS23" s="113">
        <v>57784</v>
      </c>
      <c r="BT23" s="110">
        <v>0</v>
      </c>
      <c r="BU23" s="114">
        <v>404088</v>
      </c>
      <c r="BV23" s="114">
        <v>491776</v>
      </c>
      <c r="BW23" s="114">
        <v>456088</v>
      </c>
      <c r="BX23" s="114">
        <v>246544</v>
      </c>
      <c r="BY23" s="114">
        <v>259336</v>
      </c>
      <c r="BZ23" s="113">
        <v>1857832</v>
      </c>
      <c r="CA23" s="116">
        <v>1915616</v>
      </c>
      <c r="CB23" s="110">
        <v>62588</v>
      </c>
      <c r="CC23" s="114">
        <v>193036</v>
      </c>
      <c r="CD23" s="113">
        <v>255624</v>
      </c>
      <c r="CE23" s="110">
        <v>0</v>
      </c>
      <c r="CF23" s="114">
        <v>2765661</v>
      </c>
      <c r="CG23" s="114">
        <v>2246809</v>
      </c>
      <c r="CH23" s="114">
        <v>3481248</v>
      </c>
      <c r="CI23" s="114">
        <v>1037002</v>
      </c>
      <c r="CJ23" s="114">
        <v>1076287</v>
      </c>
      <c r="CK23" s="113">
        <v>10607007</v>
      </c>
      <c r="CL23" s="116">
        <v>10862631</v>
      </c>
      <c r="CM23" s="110">
        <v>0</v>
      </c>
      <c r="CN23" s="114">
        <v>0</v>
      </c>
      <c r="CO23" s="113">
        <v>0</v>
      </c>
      <c r="CP23" s="111">
        <v>0</v>
      </c>
      <c r="CQ23" s="114">
        <v>2051052</v>
      </c>
      <c r="CR23" s="114">
        <v>1690863</v>
      </c>
      <c r="CS23" s="114">
        <v>2869684</v>
      </c>
      <c r="CT23" s="114">
        <v>888628</v>
      </c>
      <c r="CU23" s="114">
        <v>876176</v>
      </c>
      <c r="CV23" s="113">
        <v>8376403</v>
      </c>
      <c r="CW23" s="116">
        <v>8376403</v>
      </c>
      <c r="CX23" s="110">
        <v>62588</v>
      </c>
      <c r="CY23" s="114">
        <v>193036</v>
      </c>
      <c r="CZ23" s="113">
        <v>255624</v>
      </c>
      <c r="DA23" s="110">
        <v>0</v>
      </c>
      <c r="DB23" s="114">
        <v>714609</v>
      </c>
      <c r="DC23" s="114">
        <v>555946</v>
      </c>
      <c r="DD23" s="114">
        <v>611564</v>
      </c>
      <c r="DE23" s="114">
        <v>148374</v>
      </c>
      <c r="DF23" s="114">
        <v>200111</v>
      </c>
      <c r="DG23" s="113">
        <v>2230604</v>
      </c>
      <c r="DH23" s="116">
        <v>2486228</v>
      </c>
      <c r="DI23" s="110">
        <v>0</v>
      </c>
      <c r="DJ23" s="114">
        <v>21606</v>
      </c>
      <c r="DK23" s="112">
        <v>21606</v>
      </c>
      <c r="DL23" s="111">
        <v>0</v>
      </c>
      <c r="DM23" s="114">
        <v>149193</v>
      </c>
      <c r="DN23" s="114">
        <v>494358</v>
      </c>
      <c r="DO23" s="114">
        <v>1601170</v>
      </c>
      <c r="DP23" s="114">
        <v>300116</v>
      </c>
      <c r="DQ23" s="114">
        <v>79688</v>
      </c>
      <c r="DR23" s="113">
        <v>2624525</v>
      </c>
      <c r="DS23" s="116">
        <v>2646131</v>
      </c>
      <c r="DT23" s="110">
        <v>0</v>
      </c>
      <c r="DU23" s="114">
        <v>21606</v>
      </c>
      <c r="DV23" s="113">
        <v>21606</v>
      </c>
      <c r="DW23" s="110">
        <v>0</v>
      </c>
      <c r="DX23" s="114">
        <v>149193</v>
      </c>
      <c r="DY23" s="114">
        <v>494358</v>
      </c>
      <c r="DZ23" s="114">
        <v>1601170</v>
      </c>
      <c r="EA23" s="114">
        <v>300116</v>
      </c>
      <c r="EB23" s="114">
        <v>79688</v>
      </c>
      <c r="EC23" s="113">
        <v>2624525</v>
      </c>
      <c r="ED23" s="116">
        <v>2646131</v>
      </c>
      <c r="EE23" s="110">
        <v>0</v>
      </c>
      <c r="EF23" s="112">
        <v>0</v>
      </c>
      <c r="EG23" s="113">
        <v>0</v>
      </c>
      <c r="EH23" s="110">
        <v>0</v>
      </c>
      <c r="EI23" s="114">
        <v>0</v>
      </c>
      <c r="EJ23" s="114">
        <v>0</v>
      </c>
      <c r="EK23" s="114">
        <v>0</v>
      </c>
      <c r="EL23" s="114">
        <v>0</v>
      </c>
      <c r="EM23" s="114">
        <v>0</v>
      </c>
      <c r="EN23" s="112">
        <v>0</v>
      </c>
      <c r="EO23" s="116">
        <v>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293616</v>
      </c>
      <c r="FM23" s="114">
        <v>140304</v>
      </c>
      <c r="FN23" s="113">
        <v>433920</v>
      </c>
      <c r="FO23" s="110">
        <v>0</v>
      </c>
      <c r="FP23" s="114">
        <v>327496</v>
      </c>
      <c r="FQ23" s="114">
        <v>695428</v>
      </c>
      <c r="FR23" s="114">
        <v>850088</v>
      </c>
      <c r="FS23" s="114">
        <v>417480</v>
      </c>
      <c r="FT23" s="114">
        <v>176952</v>
      </c>
      <c r="FU23" s="113">
        <v>2467444</v>
      </c>
      <c r="FV23" s="116">
        <v>2901364</v>
      </c>
      <c r="FW23" s="115">
        <v>35216</v>
      </c>
      <c r="FX23" s="114">
        <v>105504</v>
      </c>
      <c r="FY23" s="112">
        <v>140720</v>
      </c>
      <c r="FZ23" s="111">
        <v>0</v>
      </c>
      <c r="GA23" s="114">
        <v>327496</v>
      </c>
      <c r="GB23" s="114">
        <v>615428</v>
      </c>
      <c r="GC23" s="114">
        <v>700488</v>
      </c>
      <c r="GD23" s="114">
        <v>417480</v>
      </c>
      <c r="GE23" s="114">
        <v>176952</v>
      </c>
      <c r="GF23" s="113">
        <v>2237844</v>
      </c>
      <c r="GG23" s="318">
        <v>2378564</v>
      </c>
      <c r="GH23" s="115">
        <v>0</v>
      </c>
      <c r="GI23" s="114">
        <v>21200</v>
      </c>
      <c r="GJ23" s="112">
        <v>21200</v>
      </c>
      <c r="GK23" s="111">
        <v>0</v>
      </c>
      <c r="GL23" s="114">
        <v>0</v>
      </c>
      <c r="GM23" s="114">
        <v>80000</v>
      </c>
      <c r="GN23" s="114">
        <v>0</v>
      </c>
      <c r="GO23" s="114">
        <v>0</v>
      </c>
      <c r="GP23" s="114">
        <v>0</v>
      </c>
      <c r="GQ23" s="113">
        <v>80000</v>
      </c>
      <c r="GR23" s="116">
        <v>101200</v>
      </c>
      <c r="GS23" s="110">
        <v>258400</v>
      </c>
      <c r="GT23" s="114">
        <v>13600</v>
      </c>
      <c r="GU23" s="113">
        <v>272000</v>
      </c>
      <c r="GV23" s="110">
        <v>0</v>
      </c>
      <c r="GW23" s="114">
        <v>0</v>
      </c>
      <c r="GX23" s="114">
        <v>0</v>
      </c>
      <c r="GY23" s="114">
        <v>149600</v>
      </c>
      <c r="GZ23" s="114">
        <v>0</v>
      </c>
      <c r="HA23" s="114">
        <v>0</v>
      </c>
      <c r="HB23" s="112">
        <v>149600</v>
      </c>
      <c r="HC23" s="116">
        <v>421600</v>
      </c>
      <c r="HD23" s="110">
        <v>52224</v>
      </c>
      <c r="HE23" s="114">
        <v>182212</v>
      </c>
      <c r="HF23" s="112">
        <v>234436</v>
      </c>
      <c r="HG23" s="111">
        <v>0</v>
      </c>
      <c r="HH23" s="114">
        <v>1469324</v>
      </c>
      <c r="HI23" s="114">
        <v>2600793</v>
      </c>
      <c r="HJ23" s="114">
        <v>1158107</v>
      </c>
      <c r="HK23" s="114">
        <v>1065780</v>
      </c>
      <c r="HL23" s="114">
        <v>1552430</v>
      </c>
      <c r="HM23" s="113">
        <v>7846434</v>
      </c>
      <c r="HN23" s="109">
        <v>8080870</v>
      </c>
      <c r="HO23" s="328"/>
      <c r="HP23" s="329"/>
      <c r="HQ23" s="330"/>
      <c r="HR23" s="331"/>
      <c r="HS23" s="329"/>
      <c r="HT23" s="329"/>
      <c r="HU23" s="329"/>
      <c r="HV23" s="329"/>
      <c r="HW23" s="329"/>
      <c r="HX23" s="332"/>
      <c r="HY23" s="333"/>
      <c r="HZ23" s="131">
        <v>90020</v>
      </c>
      <c r="IA23" s="132">
        <v>0</v>
      </c>
      <c r="IB23" s="133">
        <v>90020</v>
      </c>
      <c r="IC23" s="146">
        <v>0</v>
      </c>
      <c r="ID23" s="132">
        <v>2514923</v>
      </c>
      <c r="IE23" s="147">
        <v>2534867</v>
      </c>
      <c r="IF23" s="133">
        <v>2540504</v>
      </c>
      <c r="IG23" s="132">
        <v>2200274</v>
      </c>
      <c r="IH23" s="133">
        <v>1751591</v>
      </c>
      <c r="II23" s="148">
        <v>11542159</v>
      </c>
      <c r="IJ23" s="139">
        <v>11632179</v>
      </c>
      <c r="IK23" s="232">
        <v>0</v>
      </c>
      <c r="IL23" s="236">
        <v>0</v>
      </c>
      <c r="IM23" s="237">
        <v>0</v>
      </c>
      <c r="IN23" s="140"/>
      <c r="IO23" s="119">
        <v>0</v>
      </c>
      <c r="IP23" s="119">
        <v>0</v>
      </c>
      <c r="IQ23" s="119">
        <v>0</v>
      </c>
      <c r="IR23" s="119">
        <v>0</v>
      </c>
      <c r="IS23" s="119">
        <v>0</v>
      </c>
      <c r="IT23" s="141">
        <v>0</v>
      </c>
      <c r="IU23" s="320">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882847</v>
      </c>
      <c r="JL23" s="119">
        <v>900534</v>
      </c>
      <c r="JM23" s="119">
        <v>264833</v>
      </c>
      <c r="JN23" s="119">
        <v>64069</v>
      </c>
      <c r="JO23" s="119">
        <v>0</v>
      </c>
      <c r="JP23" s="120">
        <v>2112283</v>
      </c>
      <c r="JQ23" s="320">
        <v>2112283</v>
      </c>
      <c r="JR23" s="142">
        <v>0</v>
      </c>
      <c r="JS23" s="119">
        <v>0</v>
      </c>
      <c r="JT23" s="141">
        <v>0</v>
      </c>
      <c r="JU23" s="118">
        <v>0</v>
      </c>
      <c r="JV23" s="119">
        <v>240869</v>
      </c>
      <c r="JW23" s="119">
        <v>0</v>
      </c>
      <c r="JX23" s="119">
        <v>97017</v>
      </c>
      <c r="JY23" s="119">
        <v>0</v>
      </c>
      <c r="JZ23" s="119">
        <v>99473</v>
      </c>
      <c r="KA23" s="120">
        <v>437359</v>
      </c>
      <c r="KB23" s="320">
        <v>437359</v>
      </c>
      <c r="KC23" s="234">
        <v>90020</v>
      </c>
      <c r="KD23" s="230">
        <v>0</v>
      </c>
      <c r="KE23" s="120">
        <v>90020</v>
      </c>
      <c r="KF23" s="118">
        <v>0</v>
      </c>
      <c r="KG23" s="119">
        <v>628001</v>
      </c>
      <c r="KH23" s="119">
        <v>706417</v>
      </c>
      <c r="KI23" s="119">
        <v>688634</v>
      </c>
      <c r="KJ23" s="119">
        <v>1019583</v>
      </c>
      <c r="KK23" s="119">
        <v>0</v>
      </c>
      <c r="KL23" s="120">
        <v>3042635</v>
      </c>
      <c r="KM23" s="143">
        <v>3132655</v>
      </c>
      <c r="KN23" s="232">
        <v>0</v>
      </c>
      <c r="KO23" s="236">
        <v>0</v>
      </c>
      <c r="KP23" s="237">
        <v>0</v>
      </c>
      <c r="KQ23" s="140"/>
      <c r="KR23" s="119">
        <v>763206</v>
      </c>
      <c r="KS23" s="119">
        <v>927916</v>
      </c>
      <c r="KT23" s="119">
        <v>728464</v>
      </c>
      <c r="KU23" s="119">
        <v>822235</v>
      </c>
      <c r="KV23" s="119">
        <v>1304239</v>
      </c>
      <c r="KW23" s="120">
        <v>4546060</v>
      </c>
      <c r="KX23" s="320">
        <v>454606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0">
        <v>0</v>
      </c>
      <c r="LU23" s="142">
        <v>0</v>
      </c>
      <c r="LV23" s="119">
        <v>0</v>
      </c>
      <c r="LW23" s="120">
        <v>0</v>
      </c>
      <c r="LX23" s="145"/>
      <c r="LY23" s="119">
        <v>0</v>
      </c>
      <c r="LZ23" s="119">
        <v>0</v>
      </c>
      <c r="MA23" s="119">
        <v>761556</v>
      </c>
      <c r="MB23" s="119">
        <v>294387</v>
      </c>
      <c r="MC23" s="119">
        <v>347879</v>
      </c>
      <c r="MD23" s="120">
        <v>1403822</v>
      </c>
      <c r="ME23" s="121">
        <v>1403822</v>
      </c>
      <c r="MF23" s="142">
        <v>0</v>
      </c>
      <c r="MG23" s="119">
        <v>0</v>
      </c>
      <c r="MH23" s="120">
        <v>0</v>
      </c>
      <c r="MI23" s="145"/>
      <c r="MJ23" s="119">
        <v>526954</v>
      </c>
      <c r="MK23" s="119">
        <v>992689</v>
      </c>
      <c r="ML23" s="119">
        <v>2060814</v>
      </c>
      <c r="MM23" s="119">
        <v>6794235</v>
      </c>
      <c r="MN23" s="119">
        <v>2156590</v>
      </c>
      <c r="MO23" s="120">
        <v>12531282</v>
      </c>
      <c r="MP23" s="143">
        <v>12531282</v>
      </c>
      <c r="MQ23" s="142">
        <v>0</v>
      </c>
      <c r="MR23" s="119">
        <v>0</v>
      </c>
      <c r="MS23" s="120">
        <v>0</v>
      </c>
      <c r="MT23" s="145"/>
      <c r="MU23" s="119">
        <v>0</v>
      </c>
      <c r="MV23" s="119">
        <v>0</v>
      </c>
      <c r="MW23" s="119">
        <v>1208758</v>
      </c>
      <c r="MX23" s="119">
        <v>5480208</v>
      </c>
      <c r="MY23" s="119">
        <v>1390038</v>
      </c>
      <c r="MZ23" s="120">
        <v>8079004</v>
      </c>
      <c r="NA23" s="143">
        <v>8079004</v>
      </c>
      <c r="NB23" s="142">
        <v>0</v>
      </c>
      <c r="NC23" s="119">
        <v>0</v>
      </c>
      <c r="ND23" s="120">
        <v>0</v>
      </c>
      <c r="NE23" s="145"/>
      <c r="NF23" s="119">
        <v>526954</v>
      </c>
      <c r="NG23" s="119">
        <v>992689</v>
      </c>
      <c r="NH23" s="119">
        <v>852056</v>
      </c>
      <c r="NI23" s="119">
        <v>1314027</v>
      </c>
      <c r="NJ23" s="119">
        <v>667932</v>
      </c>
      <c r="NK23" s="120">
        <v>4353658</v>
      </c>
      <c r="NL23" s="320">
        <v>4353658</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98620</v>
      </c>
      <c r="OG23" s="120">
        <v>98620</v>
      </c>
      <c r="OH23" s="121">
        <v>98620</v>
      </c>
      <c r="OI23" s="142">
        <v>583041</v>
      </c>
      <c r="OJ23" s="119">
        <v>664828</v>
      </c>
      <c r="OK23" s="141">
        <v>1247869</v>
      </c>
      <c r="OL23" s="118">
        <v>0</v>
      </c>
      <c r="OM23" s="119">
        <v>10108871</v>
      </c>
      <c r="ON23" s="119">
        <v>12015036</v>
      </c>
      <c r="OO23" s="119">
        <v>13942959</v>
      </c>
      <c r="OP23" s="119">
        <v>14202755</v>
      </c>
      <c r="OQ23" s="119">
        <v>7337751</v>
      </c>
      <c r="OR23" s="120">
        <v>57607372</v>
      </c>
      <c r="OS23" s="143">
        <v>58855241</v>
      </c>
    </row>
    <row r="24" spans="2:409" ht="21" customHeight="1" x14ac:dyDescent="0.2">
      <c r="B24" s="126" t="s">
        <v>19</v>
      </c>
      <c r="C24" s="110">
        <v>102430</v>
      </c>
      <c r="D24" s="114">
        <v>421025</v>
      </c>
      <c r="E24" s="113">
        <v>523455</v>
      </c>
      <c r="F24" s="109">
        <v>0</v>
      </c>
      <c r="G24" s="114">
        <v>4173724</v>
      </c>
      <c r="H24" s="114">
        <v>3944808</v>
      </c>
      <c r="I24" s="114">
        <v>2153331</v>
      </c>
      <c r="J24" s="114">
        <v>2732487</v>
      </c>
      <c r="K24" s="114">
        <v>1559435</v>
      </c>
      <c r="L24" s="109">
        <v>14563785</v>
      </c>
      <c r="M24" s="116">
        <v>15087240</v>
      </c>
      <c r="N24" s="110">
        <v>60428</v>
      </c>
      <c r="O24" s="114">
        <v>32507</v>
      </c>
      <c r="P24" s="113">
        <v>92935</v>
      </c>
      <c r="Q24" s="110">
        <v>0</v>
      </c>
      <c r="R24" s="114">
        <v>1096637</v>
      </c>
      <c r="S24" s="114">
        <v>795897</v>
      </c>
      <c r="T24" s="114">
        <v>809509</v>
      </c>
      <c r="U24" s="114">
        <v>945903</v>
      </c>
      <c r="V24" s="114">
        <v>1193049</v>
      </c>
      <c r="W24" s="113">
        <v>4840995</v>
      </c>
      <c r="X24" s="116">
        <v>4933930</v>
      </c>
      <c r="Y24" s="110">
        <v>0</v>
      </c>
      <c r="Z24" s="114">
        <v>0</v>
      </c>
      <c r="AA24" s="113">
        <v>0</v>
      </c>
      <c r="AB24" s="110">
        <v>0</v>
      </c>
      <c r="AC24" s="114">
        <v>395053</v>
      </c>
      <c r="AD24" s="114">
        <v>246560</v>
      </c>
      <c r="AE24" s="114">
        <v>96801</v>
      </c>
      <c r="AF24" s="114">
        <v>489116</v>
      </c>
      <c r="AG24" s="114">
        <v>342673</v>
      </c>
      <c r="AH24" s="113">
        <v>1570203</v>
      </c>
      <c r="AI24" s="116">
        <v>1570203</v>
      </c>
      <c r="AJ24" s="110">
        <v>0</v>
      </c>
      <c r="AK24" s="114">
        <v>0</v>
      </c>
      <c r="AL24" s="113">
        <v>0</v>
      </c>
      <c r="AM24" s="110">
        <v>0</v>
      </c>
      <c r="AN24" s="114">
        <v>0</v>
      </c>
      <c r="AO24" s="114">
        <v>0</v>
      </c>
      <c r="AP24" s="114">
        <v>93466</v>
      </c>
      <c r="AQ24" s="114">
        <v>23118</v>
      </c>
      <c r="AR24" s="114">
        <v>177359</v>
      </c>
      <c r="AS24" s="113">
        <v>293943</v>
      </c>
      <c r="AT24" s="116">
        <v>293943</v>
      </c>
      <c r="AU24" s="110">
        <v>15612</v>
      </c>
      <c r="AV24" s="114">
        <v>18763</v>
      </c>
      <c r="AW24" s="113">
        <v>34375</v>
      </c>
      <c r="AX24" s="110">
        <v>0</v>
      </c>
      <c r="AY24" s="114">
        <v>356525</v>
      </c>
      <c r="AZ24" s="114">
        <v>271019</v>
      </c>
      <c r="BA24" s="114">
        <v>371081</v>
      </c>
      <c r="BB24" s="114">
        <v>213801</v>
      </c>
      <c r="BC24" s="114">
        <v>575089</v>
      </c>
      <c r="BD24" s="113">
        <v>1787515</v>
      </c>
      <c r="BE24" s="116">
        <v>1821890</v>
      </c>
      <c r="BF24" s="110">
        <v>0</v>
      </c>
      <c r="BG24" s="114">
        <v>0</v>
      </c>
      <c r="BH24" s="112">
        <v>0</v>
      </c>
      <c r="BI24" s="111">
        <v>0</v>
      </c>
      <c r="BJ24" s="114">
        <v>33219</v>
      </c>
      <c r="BK24" s="114">
        <v>54926</v>
      </c>
      <c r="BL24" s="114">
        <v>48841</v>
      </c>
      <c r="BM24" s="114">
        <v>31900</v>
      </c>
      <c r="BN24" s="114">
        <v>0</v>
      </c>
      <c r="BO24" s="113">
        <v>168886</v>
      </c>
      <c r="BP24" s="116">
        <v>168886</v>
      </c>
      <c r="BQ24" s="110">
        <v>44816</v>
      </c>
      <c r="BR24" s="114">
        <v>13744</v>
      </c>
      <c r="BS24" s="113">
        <v>58560</v>
      </c>
      <c r="BT24" s="110">
        <v>0</v>
      </c>
      <c r="BU24" s="114">
        <v>311840</v>
      </c>
      <c r="BV24" s="114">
        <v>223392</v>
      </c>
      <c r="BW24" s="114">
        <v>199320</v>
      </c>
      <c r="BX24" s="114">
        <v>187968</v>
      </c>
      <c r="BY24" s="114">
        <v>97928</v>
      </c>
      <c r="BZ24" s="113">
        <v>1020448</v>
      </c>
      <c r="CA24" s="116">
        <v>1079008</v>
      </c>
      <c r="CB24" s="110">
        <v>20762</v>
      </c>
      <c r="CC24" s="114">
        <v>118016</v>
      </c>
      <c r="CD24" s="113">
        <v>138778</v>
      </c>
      <c r="CE24" s="110">
        <v>0</v>
      </c>
      <c r="CF24" s="114">
        <v>1486598</v>
      </c>
      <c r="CG24" s="114">
        <v>1573974</v>
      </c>
      <c r="CH24" s="114">
        <v>597264</v>
      </c>
      <c r="CI24" s="114">
        <v>250689</v>
      </c>
      <c r="CJ24" s="114">
        <v>207522</v>
      </c>
      <c r="CK24" s="113">
        <v>4116047</v>
      </c>
      <c r="CL24" s="116">
        <v>4254825</v>
      </c>
      <c r="CM24" s="110">
        <v>0</v>
      </c>
      <c r="CN24" s="114">
        <v>0</v>
      </c>
      <c r="CO24" s="113">
        <v>0</v>
      </c>
      <c r="CP24" s="111">
        <v>0</v>
      </c>
      <c r="CQ24" s="114">
        <v>1016363</v>
      </c>
      <c r="CR24" s="114">
        <v>1216727</v>
      </c>
      <c r="CS24" s="114">
        <v>394070</v>
      </c>
      <c r="CT24" s="114">
        <v>154424</v>
      </c>
      <c r="CU24" s="114">
        <v>207522</v>
      </c>
      <c r="CV24" s="113">
        <v>2989106</v>
      </c>
      <c r="CW24" s="116">
        <v>2989106</v>
      </c>
      <c r="CX24" s="110">
        <v>20762</v>
      </c>
      <c r="CY24" s="114">
        <v>118016</v>
      </c>
      <c r="CZ24" s="113">
        <v>138778</v>
      </c>
      <c r="DA24" s="110">
        <v>0</v>
      </c>
      <c r="DB24" s="114">
        <v>470235</v>
      </c>
      <c r="DC24" s="114">
        <v>357247</v>
      </c>
      <c r="DD24" s="114">
        <v>203194</v>
      </c>
      <c r="DE24" s="114">
        <v>96265</v>
      </c>
      <c r="DF24" s="114">
        <v>0</v>
      </c>
      <c r="DG24" s="113">
        <v>1126941</v>
      </c>
      <c r="DH24" s="116">
        <v>1265719</v>
      </c>
      <c r="DI24" s="110">
        <v>0</v>
      </c>
      <c r="DJ24" s="114">
        <v>0</v>
      </c>
      <c r="DK24" s="112">
        <v>0</v>
      </c>
      <c r="DL24" s="111">
        <v>0</v>
      </c>
      <c r="DM24" s="114">
        <v>0</v>
      </c>
      <c r="DN24" s="114">
        <v>0</v>
      </c>
      <c r="DO24" s="114">
        <v>35785</v>
      </c>
      <c r="DP24" s="114">
        <v>75268</v>
      </c>
      <c r="DQ24" s="114">
        <v>0</v>
      </c>
      <c r="DR24" s="113">
        <v>111053</v>
      </c>
      <c r="DS24" s="116">
        <v>111053</v>
      </c>
      <c r="DT24" s="110">
        <v>0</v>
      </c>
      <c r="DU24" s="114">
        <v>0</v>
      </c>
      <c r="DV24" s="113">
        <v>0</v>
      </c>
      <c r="DW24" s="110">
        <v>0</v>
      </c>
      <c r="DX24" s="114">
        <v>0</v>
      </c>
      <c r="DY24" s="114">
        <v>0</v>
      </c>
      <c r="DZ24" s="114">
        <v>35785</v>
      </c>
      <c r="EA24" s="114">
        <v>75268</v>
      </c>
      <c r="EB24" s="114">
        <v>0</v>
      </c>
      <c r="EC24" s="113">
        <v>111053</v>
      </c>
      <c r="ED24" s="116">
        <v>111053</v>
      </c>
      <c r="EE24" s="110">
        <v>0</v>
      </c>
      <c r="EF24" s="112">
        <v>0</v>
      </c>
      <c r="EG24" s="113">
        <v>0</v>
      </c>
      <c r="EH24" s="110">
        <v>0</v>
      </c>
      <c r="EI24" s="114">
        <v>0</v>
      </c>
      <c r="EJ24" s="114">
        <v>0</v>
      </c>
      <c r="EK24" s="114">
        <v>0</v>
      </c>
      <c r="EL24" s="114">
        <v>0</v>
      </c>
      <c r="EM24" s="114">
        <v>0</v>
      </c>
      <c r="EN24" s="112">
        <v>0</v>
      </c>
      <c r="EO24" s="116">
        <v>0</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21240</v>
      </c>
      <c r="FM24" s="114">
        <v>91800</v>
      </c>
      <c r="FN24" s="113">
        <v>113040</v>
      </c>
      <c r="FO24" s="110">
        <v>0</v>
      </c>
      <c r="FP24" s="114">
        <v>224720</v>
      </c>
      <c r="FQ24" s="114">
        <v>366320</v>
      </c>
      <c r="FR24" s="114">
        <v>139344</v>
      </c>
      <c r="FS24" s="114">
        <v>187312</v>
      </c>
      <c r="FT24" s="114">
        <v>158864</v>
      </c>
      <c r="FU24" s="113">
        <v>1076560</v>
      </c>
      <c r="FV24" s="116">
        <v>1189600</v>
      </c>
      <c r="FW24" s="115">
        <v>21240</v>
      </c>
      <c r="FX24" s="114">
        <v>53400</v>
      </c>
      <c r="FY24" s="112">
        <v>74640</v>
      </c>
      <c r="FZ24" s="111">
        <v>0</v>
      </c>
      <c r="GA24" s="114">
        <v>224720</v>
      </c>
      <c r="GB24" s="114">
        <v>354000</v>
      </c>
      <c r="GC24" s="114">
        <v>139344</v>
      </c>
      <c r="GD24" s="114">
        <v>187312</v>
      </c>
      <c r="GE24" s="114">
        <v>158864</v>
      </c>
      <c r="GF24" s="113">
        <v>1064240</v>
      </c>
      <c r="GG24" s="318">
        <v>1138880</v>
      </c>
      <c r="GH24" s="115">
        <v>0</v>
      </c>
      <c r="GI24" s="114">
        <v>0</v>
      </c>
      <c r="GJ24" s="112">
        <v>0</v>
      </c>
      <c r="GK24" s="111">
        <v>0</v>
      </c>
      <c r="GL24" s="114">
        <v>0</v>
      </c>
      <c r="GM24" s="114">
        <v>12320</v>
      </c>
      <c r="GN24" s="114">
        <v>0</v>
      </c>
      <c r="GO24" s="114">
        <v>0</v>
      </c>
      <c r="GP24" s="114">
        <v>0</v>
      </c>
      <c r="GQ24" s="113">
        <v>12320</v>
      </c>
      <c r="GR24" s="116">
        <v>12320</v>
      </c>
      <c r="GS24" s="110">
        <v>0</v>
      </c>
      <c r="GT24" s="114">
        <v>38400</v>
      </c>
      <c r="GU24" s="113">
        <v>38400</v>
      </c>
      <c r="GV24" s="110">
        <v>0</v>
      </c>
      <c r="GW24" s="114">
        <v>0</v>
      </c>
      <c r="GX24" s="114">
        <v>0</v>
      </c>
      <c r="GY24" s="114">
        <v>0</v>
      </c>
      <c r="GZ24" s="114">
        <v>0</v>
      </c>
      <c r="HA24" s="114">
        <v>0</v>
      </c>
      <c r="HB24" s="112">
        <v>0</v>
      </c>
      <c r="HC24" s="116">
        <v>38400</v>
      </c>
      <c r="HD24" s="110">
        <v>0</v>
      </c>
      <c r="HE24" s="114">
        <v>178702</v>
      </c>
      <c r="HF24" s="112">
        <v>178702</v>
      </c>
      <c r="HG24" s="111">
        <v>0</v>
      </c>
      <c r="HH24" s="114">
        <v>1365769</v>
      </c>
      <c r="HI24" s="114">
        <v>1208617</v>
      </c>
      <c r="HJ24" s="114">
        <v>571429</v>
      </c>
      <c r="HK24" s="114">
        <v>1273315</v>
      </c>
      <c r="HL24" s="114">
        <v>0</v>
      </c>
      <c r="HM24" s="113">
        <v>4419130</v>
      </c>
      <c r="HN24" s="109">
        <v>4597832</v>
      </c>
      <c r="HO24" s="328"/>
      <c r="HP24" s="329"/>
      <c r="HQ24" s="330"/>
      <c r="HR24" s="331"/>
      <c r="HS24" s="329"/>
      <c r="HT24" s="329"/>
      <c r="HU24" s="329"/>
      <c r="HV24" s="329"/>
      <c r="HW24" s="329"/>
      <c r="HX24" s="332"/>
      <c r="HY24" s="333"/>
      <c r="HZ24" s="150">
        <v>0</v>
      </c>
      <c r="IA24" s="135">
        <v>82374</v>
      </c>
      <c r="IB24" s="150">
        <v>82374</v>
      </c>
      <c r="IC24" s="134">
        <v>0</v>
      </c>
      <c r="ID24" s="135">
        <v>1049914</v>
      </c>
      <c r="IE24" s="136">
        <v>1455528</v>
      </c>
      <c r="IF24" s="137">
        <v>203741</v>
      </c>
      <c r="IG24" s="135">
        <v>1130296</v>
      </c>
      <c r="IH24" s="137">
        <v>656570</v>
      </c>
      <c r="II24" s="138">
        <v>4496049</v>
      </c>
      <c r="IJ24" s="150">
        <v>4578423</v>
      </c>
      <c r="IK24" s="232">
        <v>0</v>
      </c>
      <c r="IL24" s="236">
        <v>0</v>
      </c>
      <c r="IM24" s="237">
        <v>0</v>
      </c>
      <c r="IN24" s="140"/>
      <c r="IO24" s="119">
        <v>51864</v>
      </c>
      <c r="IP24" s="119">
        <v>0</v>
      </c>
      <c r="IQ24" s="119">
        <v>0</v>
      </c>
      <c r="IR24" s="119">
        <v>0</v>
      </c>
      <c r="IS24" s="119">
        <v>0</v>
      </c>
      <c r="IT24" s="141">
        <v>51864</v>
      </c>
      <c r="IU24" s="320">
        <v>51864</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44414</v>
      </c>
      <c r="JL24" s="119">
        <v>186360</v>
      </c>
      <c r="JM24" s="119">
        <v>0</v>
      </c>
      <c r="JN24" s="119">
        <v>88716</v>
      </c>
      <c r="JO24" s="119">
        <v>21234</v>
      </c>
      <c r="JP24" s="120">
        <v>340724</v>
      </c>
      <c r="JQ24" s="320">
        <v>340724</v>
      </c>
      <c r="JR24" s="142">
        <v>0</v>
      </c>
      <c r="JS24" s="119">
        <v>0</v>
      </c>
      <c r="JT24" s="141">
        <v>0</v>
      </c>
      <c r="JU24" s="118">
        <v>0</v>
      </c>
      <c r="JV24" s="119">
        <v>0</v>
      </c>
      <c r="JW24" s="119">
        <v>321180</v>
      </c>
      <c r="JX24" s="119">
        <v>0</v>
      </c>
      <c r="JY24" s="119">
        <v>0</v>
      </c>
      <c r="JZ24" s="119">
        <v>0</v>
      </c>
      <c r="KA24" s="120">
        <v>321180</v>
      </c>
      <c r="KB24" s="320">
        <v>321180</v>
      </c>
      <c r="KC24" s="234">
        <v>0</v>
      </c>
      <c r="KD24" s="230">
        <v>82374</v>
      </c>
      <c r="KE24" s="120">
        <v>82374</v>
      </c>
      <c r="KF24" s="118">
        <v>0</v>
      </c>
      <c r="KG24" s="119">
        <v>266112</v>
      </c>
      <c r="KH24" s="119">
        <v>647895</v>
      </c>
      <c r="KI24" s="119">
        <v>203741</v>
      </c>
      <c r="KJ24" s="119">
        <v>0</v>
      </c>
      <c r="KK24" s="119">
        <v>276671</v>
      </c>
      <c r="KL24" s="120">
        <v>1394419</v>
      </c>
      <c r="KM24" s="143">
        <v>1476793</v>
      </c>
      <c r="KN24" s="232">
        <v>0</v>
      </c>
      <c r="KO24" s="236">
        <v>0</v>
      </c>
      <c r="KP24" s="237">
        <v>0</v>
      </c>
      <c r="KQ24" s="140"/>
      <c r="KR24" s="119">
        <v>687524</v>
      </c>
      <c r="KS24" s="119">
        <v>235300</v>
      </c>
      <c r="KT24" s="119">
        <v>0</v>
      </c>
      <c r="KU24" s="119">
        <v>241302</v>
      </c>
      <c r="KV24" s="119">
        <v>0</v>
      </c>
      <c r="KW24" s="120">
        <v>1164126</v>
      </c>
      <c r="KX24" s="320">
        <v>1164126</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0</v>
      </c>
      <c r="LZ24" s="119">
        <v>64793</v>
      </c>
      <c r="MA24" s="119">
        <v>0</v>
      </c>
      <c r="MB24" s="119">
        <v>800278</v>
      </c>
      <c r="MC24" s="119">
        <v>358665</v>
      </c>
      <c r="MD24" s="120">
        <v>1223736</v>
      </c>
      <c r="ME24" s="121">
        <v>1223736</v>
      </c>
      <c r="MF24" s="142">
        <v>0</v>
      </c>
      <c r="MG24" s="119">
        <v>0</v>
      </c>
      <c r="MH24" s="120">
        <v>0</v>
      </c>
      <c r="MI24" s="145"/>
      <c r="MJ24" s="119">
        <v>476319</v>
      </c>
      <c r="MK24" s="119">
        <v>512918</v>
      </c>
      <c r="ML24" s="119">
        <v>1615349</v>
      </c>
      <c r="MM24" s="119">
        <v>1716469</v>
      </c>
      <c r="MN24" s="119">
        <v>1346213</v>
      </c>
      <c r="MO24" s="120">
        <v>5667268</v>
      </c>
      <c r="MP24" s="143">
        <v>5667268</v>
      </c>
      <c r="MQ24" s="142">
        <v>0</v>
      </c>
      <c r="MR24" s="119">
        <v>0</v>
      </c>
      <c r="MS24" s="120">
        <v>0</v>
      </c>
      <c r="MT24" s="145"/>
      <c r="MU24" s="119">
        <v>0</v>
      </c>
      <c r="MV24" s="119">
        <v>0</v>
      </c>
      <c r="MW24" s="119">
        <v>509966</v>
      </c>
      <c r="MX24" s="119">
        <v>1275681</v>
      </c>
      <c r="MY24" s="119">
        <v>1293345</v>
      </c>
      <c r="MZ24" s="120">
        <v>3078992</v>
      </c>
      <c r="NA24" s="143">
        <v>3078992</v>
      </c>
      <c r="NB24" s="142">
        <v>0</v>
      </c>
      <c r="NC24" s="119">
        <v>0</v>
      </c>
      <c r="ND24" s="120">
        <v>0</v>
      </c>
      <c r="NE24" s="145"/>
      <c r="NF24" s="119">
        <v>476319</v>
      </c>
      <c r="NG24" s="119">
        <v>512918</v>
      </c>
      <c r="NH24" s="119">
        <v>1105383</v>
      </c>
      <c r="NI24" s="119">
        <v>440788</v>
      </c>
      <c r="NJ24" s="119">
        <v>52868</v>
      </c>
      <c r="NK24" s="120">
        <v>2588276</v>
      </c>
      <c r="NL24" s="320">
        <v>2588276</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102430</v>
      </c>
      <c r="OJ24" s="119">
        <v>503399</v>
      </c>
      <c r="OK24" s="141">
        <v>605829</v>
      </c>
      <c r="OL24" s="118">
        <v>0</v>
      </c>
      <c r="OM24" s="119">
        <v>5699957</v>
      </c>
      <c r="ON24" s="119">
        <v>5913254</v>
      </c>
      <c r="OO24" s="119">
        <v>3972421</v>
      </c>
      <c r="OP24" s="119">
        <v>5579252</v>
      </c>
      <c r="OQ24" s="119">
        <v>3562218</v>
      </c>
      <c r="OR24" s="120">
        <v>24727102</v>
      </c>
      <c r="OS24" s="143">
        <v>25332931</v>
      </c>
    </row>
    <row r="25" spans="2:409" ht="21" customHeight="1" x14ac:dyDescent="0.2">
      <c r="B25" s="126" t="s">
        <v>20</v>
      </c>
      <c r="C25" s="110">
        <v>436534</v>
      </c>
      <c r="D25" s="114">
        <v>589176</v>
      </c>
      <c r="E25" s="113">
        <v>1025710</v>
      </c>
      <c r="F25" s="110">
        <v>0</v>
      </c>
      <c r="G25" s="114">
        <v>5247123</v>
      </c>
      <c r="H25" s="114">
        <v>6199447</v>
      </c>
      <c r="I25" s="114">
        <v>4500901</v>
      </c>
      <c r="J25" s="114">
        <v>5177278</v>
      </c>
      <c r="K25" s="114">
        <v>2205407</v>
      </c>
      <c r="L25" s="173">
        <v>23330156</v>
      </c>
      <c r="M25" s="116">
        <v>24355866</v>
      </c>
      <c r="N25" s="110">
        <v>130349</v>
      </c>
      <c r="O25" s="114">
        <v>153416</v>
      </c>
      <c r="P25" s="113">
        <v>283765</v>
      </c>
      <c r="Q25" s="110">
        <v>0</v>
      </c>
      <c r="R25" s="114">
        <v>2003726</v>
      </c>
      <c r="S25" s="114">
        <v>2125735</v>
      </c>
      <c r="T25" s="114">
        <v>1580343</v>
      </c>
      <c r="U25" s="114">
        <v>1101538</v>
      </c>
      <c r="V25" s="114">
        <v>902347</v>
      </c>
      <c r="W25" s="113">
        <v>7713689</v>
      </c>
      <c r="X25" s="116">
        <v>7997454</v>
      </c>
      <c r="Y25" s="110">
        <v>0</v>
      </c>
      <c r="Z25" s="114">
        <v>0</v>
      </c>
      <c r="AA25" s="113">
        <v>0</v>
      </c>
      <c r="AB25" s="110">
        <v>0</v>
      </c>
      <c r="AC25" s="114">
        <v>733003</v>
      </c>
      <c r="AD25" s="114">
        <v>740266</v>
      </c>
      <c r="AE25" s="114">
        <v>810881</v>
      </c>
      <c r="AF25" s="114">
        <v>591635</v>
      </c>
      <c r="AG25" s="114">
        <v>329611</v>
      </c>
      <c r="AH25" s="113">
        <v>3205396</v>
      </c>
      <c r="AI25" s="116">
        <v>3205396</v>
      </c>
      <c r="AJ25" s="110">
        <v>0</v>
      </c>
      <c r="AK25" s="114">
        <v>0</v>
      </c>
      <c r="AL25" s="113">
        <v>0</v>
      </c>
      <c r="AM25" s="110">
        <v>0</v>
      </c>
      <c r="AN25" s="114">
        <v>0</v>
      </c>
      <c r="AO25" s="114">
        <v>0</v>
      </c>
      <c r="AP25" s="114">
        <v>0</v>
      </c>
      <c r="AQ25" s="114">
        <v>11724</v>
      </c>
      <c r="AR25" s="114">
        <v>246213</v>
      </c>
      <c r="AS25" s="113">
        <v>257937</v>
      </c>
      <c r="AT25" s="116">
        <v>257937</v>
      </c>
      <c r="AU25" s="110">
        <v>94286</v>
      </c>
      <c r="AV25" s="114">
        <v>55548</v>
      </c>
      <c r="AW25" s="113">
        <v>149834</v>
      </c>
      <c r="AX25" s="110">
        <v>0</v>
      </c>
      <c r="AY25" s="114">
        <v>860930</v>
      </c>
      <c r="AZ25" s="114">
        <v>914037</v>
      </c>
      <c r="BA25" s="114">
        <v>397008</v>
      </c>
      <c r="BB25" s="114">
        <v>115995</v>
      </c>
      <c r="BC25" s="114">
        <v>236675</v>
      </c>
      <c r="BD25" s="113">
        <v>2524645</v>
      </c>
      <c r="BE25" s="116">
        <v>2674479</v>
      </c>
      <c r="BF25" s="110">
        <v>16015</v>
      </c>
      <c r="BG25" s="114">
        <v>54884</v>
      </c>
      <c r="BH25" s="112">
        <v>70899</v>
      </c>
      <c r="BI25" s="111">
        <v>0</v>
      </c>
      <c r="BJ25" s="114">
        <v>154633</v>
      </c>
      <c r="BK25" s="114">
        <v>118656</v>
      </c>
      <c r="BL25" s="114">
        <v>87926</v>
      </c>
      <c r="BM25" s="114">
        <v>113096</v>
      </c>
      <c r="BN25" s="114">
        <v>0</v>
      </c>
      <c r="BO25" s="113">
        <v>474311</v>
      </c>
      <c r="BP25" s="116">
        <v>545210</v>
      </c>
      <c r="BQ25" s="110">
        <v>20048</v>
      </c>
      <c r="BR25" s="114">
        <v>42984</v>
      </c>
      <c r="BS25" s="113">
        <v>63032</v>
      </c>
      <c r="BT25" s="110">
        <v>0</v>
      </c>
      <c r="BU25" s="114">
        <v>255160</v>
      </c>
      <c r="BV25" s="114">
        <v>352776</v>
      </c>
      <c r="BW25" s="114">
        <v>284528</v>
      </c>
      <c r="BX25" s="114">
        <v>269088</v>
      </c>
      <c r="BY25" s="114">
        <v>89848</v>
      </c>
      <c r="BZ25" s="113">
        <v>1251400</v>
      </c>
      <c r="CA25" s="116">
        <v>1314432</v>
      </c>
      <c r="CB25" s="110">
        <v>81463</v>
      </c>
      <c r="CC25" s="114">
        <v>111632</v>
      </c>
      <c r="CD25" s="113">
        <v>193095</v>
      </c>
      <c r="CE25" s="110">
        <v>0</v>
      </c>
      <c r="CF25" s="114">
        <v>1671349</v>
      </c>
      <c r="CG25" s="114">
        <v>1615050</v>
      </c>
      <c r="CH25" s="114">
        <v>1480321</v>
      </c>
      <c r="CI25" s="114">
        <v>953034</v>
      </c>
      <c r="CJ25" s="114">
        <v>84649</v>
      </c>
      <c r="CK25" s="113">
        <v>5804403</v>
      </c>
      <c r="CL25" s="116">
        <v>5997498</v>
      </c>
      <c r="CM25" s="110">
        <v>0</v>
      </c>
      <c r="CN25" s="114">
        <v>0</v>
      </c>
      <c r="CO25" s="113">
        <v>0</v>
      </c>
      <c r="CP25" s="111">
        <v>0</v>
      </c>
      <c r="CQ25" s="114">
        <v>1075160</v>
      </c>
      <c r="CR25" s="114">
        <v>1251515</v>
      </c>
      <c r="CS25" s="114">
        <v>961203</v>
      </c>
      <c r="CT25" s="114">
        <v>371009</v>
      </c>
      <c r="CU25" s="114">
        <v>36424</v>
      </c>
      <c r="CV25" s="113">
        <v>3695311</v>
      </c>
      <c r="CW25" s="116">
        <v>3695311</v>
      </c>
      <c r="CX25" s="110">
        <v>81463</v>
      </c>
      <c r="CY25" s="114">
        <v>111632</v>
      </c>
      <c r="CZ25" s="113">
        <v>193095</v>
      </c>
      <c r="DA25" s="110">
        <v>0</v>
      </c>
      <c r="DB25" s="114">
        <v>596189</v>
      </c>
      <c r="DC25" s="114">
        <v>363535</v>
      </c>
      <c r="DD25" s="114">
        <v>519118</v>
      </c>
      <c r="DE25" s="114">
        <v>582025</v>
      </c>
      <c r="DF25" s="114">
        <v>48225</v>
      </c>
      <c r="DG25" s="113">
        <v>2109092</v>
      </c>
      <c r="DH25" s="116">
        <v>2302187</v>
      </c>
      <c r="DI25" s="110">
        <v>0</v>
      </c>
      <c r="DJ25" s="114">
        <v>22880</v>
      </c>
      <c r="DK25" s="112">
        <v>22880</v>
      </c>
      <c r="DL25" s="111">
        <v>0</v>
      </c>
      <c r="DM25" s="114">
        <v>145017</v>
      </c>
      <c r="DN25" s="114">
        <v>157015</v>
      </c>
      <c r="DO25" s="114">
        <v>154217</v>
      </c>
      <c r="DP25" s="114">
        <v>1372756</v>
      </c>
      <c r="DQ25" s="114">
        <v>39876</v>
      </c>
      <c r="DR25" s="113">
        <v>1868881</v>
      </c>
      <c r="DS25" s="116">
        <v>1891761</v>
      </c>
      <c r="DT25" s="110">
        <v>0</v>
      </c>
      <c r="DU25" s="114">
        <v>22880</v>
      </c>
      <c r="DV25" s="113">
        <v>22880</v>
      </c>
      <c r="DW25" s="110">
        <v>0</v>
      </c>
      <c r="DX25" s="114">
        <v>145017</v>
      </c>
      <c r="DY25" s="114">
        <v>157015</v>
      </c>
      <c r="DZ25" s="114">
        <v>154217</v>
      </c>
      <c r="EA25" s="114">
        <v>1329147</v>
      </c>
      <c r="EB25" s="114">
        <v>39876</v>
      </c>
      <c r="EC25" s="113">
        <v>1825272</v>
      </c>
      <c r="ED25" s="116">
        <v>1848152</v>
      </c>
      <c r="EE25" s="110">
        <v>0</v>
      </c>
      <c r="EF25" s="112">
        <v>0</v>
      </c>
      <c r="EG25" s="113">
        <v>0</v>
      </c>
      <c r="EH25" s="110">
        <v>0</v>
      </c>
      <c r="EI25" s="114">
        <v>0</v>
      </c>
      <c r="EJ25" s="114">
        <v>0</v>
      </c>
      <c r="EK25" s="114">
        <v>0</v>
      </c>
      <c r="EL25" s="114">
        <v>43609</v>
      </c>
      <c r="EM25" s="114">
        <v>0</v>
      </c>
      <c r="EN25" s="112">
        <v>43609</v>
      </c>
      <c r="EO25" s="116">
        <v>43609</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63424</v>
      </c>
      <c r="FM25" s="114">
        <v>125440</v>
      </c>
      <c r="FN25" s="113">
        <v>188864</v>
      </c>
      <c r="FO25" s="110">
        <v>0</v>
      </c>
      <c r="FP25" s="114">
        <v>545432</v>
      </c>
      <c r="FQ25" s="114">
        <v>575304</v>
      </c>
      <c r="FR25" s="114">
        <v>329144</v>
      </c>
      <c r="FS25" s="114">
        <v>283664</v>
      </c>
      <c r="FT25" s="114">
        <v>202264</v>
      </c>
      <c r="FU25" s="113">
        <v>1935808</v>
      </c>
      <c r="FV25" s="116">
        <v>2124672</v>
      </c>
      <c r="FW25" s="115">
        <v>63424</v>
      </c>
      <c r="FX25" s="114">
        <v>125440</v>
      </c>
      <c r="FY25" s="112">
        <v>188864</v>
      </c>
      <c r="FZ25" s="111">
        <v>0</v>
      </c>
      <c r="GA25" s="114">
        <v>408272</v>
      </c>
      <c r="GB25" s="114">
        <v>472360</v>
      </c>
      <c r="GC25" s="114">
        <v>329144</v>
      </c>
      <c r="GD25" s="114">
        <v>283664</v>
      </c>
      <c r="GE25" s="114">
        <v>167328</v>
      </c>
      <c r="GF25" s="113">
        <v>1660768</v>
      </c>
      <c r="GG25" s="318">
        <v>1849632</v>
      </c>
      <c r="GH25" s="115">
        <v>0</v>
      </c>
      <c r="GI25" s="114">
        <v>0</v>
      </c>
      <c r="GJ25" s="112">
        <v>0</v>
      </c>
      <c r="GK25" s="111">
        <v>0</v>
      </c>
      <c r="GL25" s="114">
        <v>51560</v>
      </c>
      <c r="GM25" s="114">
        <v>27264</v>
      </c>
      <c r="GN25" s="114">
        <v>0</v>
      </c>
      <c r="GO25" s="114">
        <v>0</v>
      </c>
      <c r="GP25" s="114">
        <v>34936</v>
      </c>
      <c r="GQ25" s="113">
        <v>113760</v>
      </c>
      <c r="GR25" s="116">
        <v>113760</v>
      </c>
      <c r="GS25" s="110">
        <v>0</v>
      </c>
      <c r="GT25" s="114">
        <v>0</v>
      </c>
      <c r="GU25" s="113">
        <v>0</v>
      </c>
      <c r="GV25" s="110">
        <v>0</v>
      </c>
      <c r="GW25" s="114">
        <v>85600</v>
      </c>
      <c r="GX25" s="114">
        <v>75680</v>
      </c>
      <c r="GY25" s="114">
        <v>0</v>
      </c>
      <c r="GZ25" s="114">
        <v>0</v>
      </c>
      <c r="HA25" s="114">
        <v>0</v>
      </c>
      <c r="HB25" s="112">
        <v>161280</v>
      </c>
      <c r="HC25" s="116">
        <v>161280</v>
      </c>
      <c r="HD25" s="110">
        <v>161298</v>
      </c>
      <c r="HE25" s="114">
        <v>175808</v>
      </c>
      <c r="HF25" s="112">
        <v>337106</v>
      </c>
      <c r="HG25" s="111">
        <v>0</v>
      </c>
      <c r="HH25" s="114">
        <v>881599</v>
      </c>
      <c r="HI25" s="114">
        <v>1726343</v>
      </c>
      <c r="HJ25" s="114">
        <v>956876</v>
      </c>
      <c r="HK25" s="114">
        <v>1466286</v>
      </c>
      <c r="HL25" s="114">
        <v>976271</v>
      </c>
      <c r="HM25" s="113">
        <v>6007375</v>
      </c>
      <c r="HN25" s="109">
        <v>6344481</v>
      </c>
      <c r="HO25" s="328"/>
      <c r="HP25" s="329"/>
      <c r="HQ25" s="330"/>
      <c r="HR25" s="331"/>
      <c r="HS25" s="329"/>
      <c r="HT25" s="329"/>
      <c r="HU25" s="329"/>
      <c r="HV25" s="329"/>
      <c r="HW25" s="329"/>
      <c r="HX25" s="332"/>
      <c r="HY25" s="333"/>
      <c r="HZ25" s="131">
        <v>0</v>
      </c>
      <c r="IA25" s="132">
        <v>0</v>
      </c>
      <c r="IB25" s="133">
        <v>0</v>
      </c>
      <c r="IC25" s="146">
        <v>0</v>
      </c>
      <c r="ID25" s="132">
        <v>695822</v>
      </c>
      <c r="IE25" s="147">
        <v>1364285</v>
      </c>
      <c r="IF25" s="133">
        <v>1103999</v>
      </c>
      <c r="IG25" s="132">
        <v>888949</v>
      </c>
      <c r="IH25" s="133">
        <v>0</v>
      </c>
      <c r="II25" s="148">
        <v>4053055</v>
      </c>
      <c r="IJ25" s="139">
        <v>4053055</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61734</v>
      </c>
      <c r="JL25" s="119">
        <v>1120087</v>
      </c>
      <c r="JM25" s="119">
        <v>347531</v>
      </c>
      <c r="JN25" s="119">
        <v>142348</v>
      </c>
      <c r="JO25" s="119">
        <v>0</v>
      </c>
      <c r="JP25" s="120">
        <v>2071700</v>
      </c>
      <c r="JQ25" s="320">
        <v>2071700</v>
      </c>
      <c r="JR25" s="142">
        <v>0</v>
      </c>
      <c r="JS25" s="119">
        <v>0</v>
      </c>
      <c r="JT25" s="141">
        <v>0</v>
      </c>
      <c r="JU25" s="118">
        <v>0</v>
      </c>
      <c r="JV25" s="119">
        <v>0</v>
      </c>
      <c r="JW25" s="119">
        <v>0</v>
      </c>
      <c r="JX25" s="119">
        <v>174576</v>
      </c>
      <c r="JY25" s="119">
        <v>0</v>
      </c>
      <c r="JZ25" s="119">
        <v>0</v>
      </c>
      <c r="KA25" s="120">
        <v>174576</v>
      </c>
      <c r="KB25" s="320">
        <v>174576</v>
      </c>
      <c r="KC25" s="234">
        <v>0</v>
      </c>
      <c r="KD25" s="230">
        <v>0</v>
      </c>
      <c r="KE25" s="120">
        <v>0</v>
      </c>
      <c r="KF25" s="118">
        <v>0</v>
      </c>
      <c r="KG25" s="119">
        <v>0</v>
      </c>
      <c r="KH25" s="119">
        <v>0</v>
      </c>
      <c r="KI25" s="119">
        <v>330476</v>
      </c>
      <c r="KJ25" s="119">
        <v>0</v>
      </c>
      <c r="KK25" s="119">
        <v>0</v>
      </c>
      <c r="KL25" s="120">
        <v>330476</v>
      </c>
      <c r="KM25" s="143">
        <v>330476</v>
      </c>
      <c r="KN25" s="232">
        <v>0</v>
      </c>
      <c r="KO25" s="236">
        <v>0</v>
      </c>
      <c r="KP25" s="237">
        <v>0</v>
      </c>
      <c r="KQ25" s="140"/>
      <c r="KR25" s="119">
        <v>234088</v>
      </c>
      <c r="KS25" s="119">
        <v>244198</v>
      </c>
      <c r="KT25" s="119">
        <v>251416</v>
      </c>
      <c r="KU25" s="119">
        <v>746601</v>
      </c>
      <c r="KV25" s="119">
        <v>0</v>
      </c>
      <c r="KW25" s="120">
        <v>1476303</v>
      </c>
      <c r="KX25" s="320">
        <v>1476303</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521256</v>
      </c>
      <c r="MK25" s="119">
        <v>0</v>
      </c>
      <c r="ML25" s="119">
        <v>2222345</v>
      </c>
      <c r="MM25" s="119">
        <v>1124294</v>
      </c>
      <c r="MN25" s="119">
        <v>1762947</v>
      </c>
      <c r="MO25" s="120">
        <v>5630842</v>
      </c>
      <c r="MP25" s="143">
        <v>5630842</v>
      </c>
      <c r="MQ25" s="142">
        <v>0</v>
      </c>
      <c r="MR25" s="119">
        <v>0</v>
      </c>
      <c r="MS25" s="120">
        <v>0</v>
      </c>
      <c r="MT25" s="145"/>
      <c r="MU25" s="119">
        <v>0</v>
      </c>
      <c r="MV25" s="119">
        <v>0</v>
      </c>
      <c r="MW25" s="119">
        <v>1410796</v>
      </c>
      <c r="MX25" s="119">
        <v>832202</v>
      </c>
      <c r="MY25" s="119">
        <v>1391907</v>
      </c>
      <c r="MZ25" s="120">
        <v>3634905</v>
      </c>
      <c r="NA25" s="143">
        <v>3634905</v>
      </c>
      <c r="NB25" s="142">
        <v>0</v>
      </c>
      <c r="NC25" s="119">
        <v>0</v>
      </c>
      <c r="ND25" s="120">
        <v>0</v>
      </c>
      <c r="NE25" s="145"/>
      <c r="NF25" s="119">
        <v>521256</v>
      </c>
      <c r="NG25" s="119">
        <v>0</v>
      </c>
      <c r="NH25" s="119">
        <v>811549</v>
      </c>
      <c r="NI25" s="119">
        <v>292092</v>
      </c>
      <c r="NJ25" s="119">
        <v>0</v>
      </c>
      <c r="NK25" s="120">
        <v>1624897</v>
      </c>
      <c r="NL25" s="320">
        <v>1624897</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371040</v>
      </c>
      <c r="OG25" s="120">
        <v>371040</v>
      </c>
      <c r="OH25" s="121">
        <v>371040</v>
      </c>
      <c r="OI25" s="142">
        <v>436534</v>
      </c>
      <c r="OJ25" s="119">
        <v>589176</v>
      </c>
      <c r="OK25" s="141">
        <v>1025710</v>
      </c>
      <c r="OL25" s="118">
        <v>0</v>
      </c>
      <c r="OM25" s="119">
        <v>6464201</v>
      </c>
      <c r="ON25" s="119">
        <v>7563732</v>
      </c>
      <c r="OO25" s="119">
        <v>7827245</v>
      </c>
      <c r="OP25" s="119">
        <v>7190521</v>
      </c>
      <c r="OQ25" s="119">
        <v>3968354</v>
      </c>
      <c r="OR25" s="120">
        <v>33014053</v>
      </c>
      <c r="OS25" s="143">
        <v>34039763</v>
      </c>
    </row>
    <row r="26" spans="2:409" ht="21" customHeight="1" x14ac:dyDescent="0.2">
      <c r="B26" s="126" t="s">
        <v>21</v>
      </c>
      <c r="C26" s="110">
        <v>255416</v>
      </c>
      <c r="D26" s="114">
        <v>334093</v>
      </c>
      <c r="E26" s="113">
        <v>589509</v>
      </c>
      <c r="F26" s="109">
        <v>0</v>
      </c>
      <c r="G26" s="114">
        <v>3420866</v>
      </c>
      <c r="H26" s="114">
        <v>3543957</v>
      </c>
      <c r="I26" s="114">
        <v>4509034</v>
      </c>
      <c r="J26" s="114">
        <v>5920279</v>
      </c>
      <c r="K26" s="114">
        <v>3258839</v>
      </c>
      <c r="L26" s="173">
        <v>20652975</v>
      </c>
      <c r="M26" s="116">
        <v>21242484</v>
      </c>
      <c r="N26" s="110">
        <v>152347</v>
      </c>
      <c r="O26" s="114">
        <v>166385</v>
      </c>
      <c r="P26" s="113">
        <v>318732</v>
      </c>
      <c r="Q26" s="110">
        <v>0</v>
      </c>
      <c r="R26" s="114">
        <v>1120622</v>
      </c>
      <c r="S26" s="114">
        <v>1120323</v>
      </c>
      <c r="T26" s="114">
        <v>833606</v>
      </c>
      <c r="U26" s="114">
        <v>3163550</v>
      </c>
      <c r="V26" s="114">
        <v>1977026</v>
      </c>
      <c r="W26" s="113">
        <v>8215127</v>
      </c>
      <c r="X26" s="116">
        <v>8533859</v>
      </c>
      <c r="Y26" s="110">
        <v>0</v>
      </c>
      <c r="Z26" s="114">
        <v>0</v>
      </c>
      <c r="AA26" s="113">
        <v>0</v>
      </c>
      <c r="AB26" s="110">
        <v>0</v>
      </c>
      <c r="AC26" s="114">
        <v>391595</v>
      </c>
      <c r="AD26" s="114">
        <v>224195</v>
      </c>
      <c r="AE26" s="114">
        <v>127747</v>
      </c>
      <c r="AF26" s="114">
        <v>1959260</v>
      </c>
      <c r="AG26" s="114">
        <v>1203126</v>
      </c>
      <c r="AH26" s="113">
        <v>3905923</v>
      </c>
      <c r="AI26" s="116">
        <v>3905923</v>
      </c>
      <c r="AJ26" s="110">
        <v>0</v>
      </c>
      <c r="AK26" s="114">
        <v>0</v>
      </c>
      <c r="AL26" s="113">
        <v>0</v>
      </c>
      <c r="AM26" s="110">
        <v>0</v>
      </c>
      <c r="AN26" s="114">
        <v>0</v>
      </c>
      <c r="AO26" s="114">
        <v>0</v>
      </c>
      <c r="AP26" s="114">
        <v>0</v>
      </c>
      <c r="AQ26" s="114">
        <v>35491</v>
      </c>
      <c r="AR26" s="114">
        <v>163254</v>
      </c>
      <c r="AS26" s="113">
        <v>198745</v>
      </c>
      <c r="AT26" s="116">
        <v>198745</v>
      </c>
      <c r="AU26" s="110">
        <v>107835</v>
      </c>
      <c r="AV26" s="114">
        <v>101623</v>
      </c>
      <c r="AW26" s="113">
        <v>209458</v>
      </c>
      <c r="AX26" s="110">
        <v>0</v>
      </c>
      <c r="AY26" s="114">
        <v>529050</v>
      </c>
      <c r="AZ26" s="114">
        <v>553153</v>
      </c>
      <c r="BA26" s="114">
        <v>543467</v>
      </c>
      <c r="BB26" s="114">
        <v>876042</v>
      </c>
      <c r="BC26" s="114">
        <v>472694</v>
      </c>
      <c r="BD26" s="113">
        <v>2974406</v>
      </c>
      <c r="BE26" s="116">
        <v>3183864</v>
      </c>
      <c r="BF26" s="110">
        <v>0</v>
      </c>
      <c r="BG26" s="114">
        <v>26010</v>
      </c>
      <c r="BH26" s="112">
        <v>26010</v>
      </c>
      <c r="BI26" s="111">
        <v>0</v>
      </c>
      <c r="BJ26" s="114">
        <v>48841</v>
      </c>
      <c r="BK26" s="114">
        <v>119695</v>
      </c>
      <c r="BL26" s="114">
        <v>0</v>
      </c>
      <c r="BM26" s="114">
        <v>52165</v>
      </c>
      <c r="BN26" s="114">
        <v>0</v>
      </c>
      <c r="BO26" s="113">
        <v>220701</v>
      </c>
      <c r="BP26" s="116">
        <v>246711</v>
      </c>
      <c r="BQ26" s="110">
        <v>44512</v>
      </c>
      <c r="BR26" s="114">
        <v>38752</v>
      </c>
      <c r="BS26" s="113">
        <v>83264</v>
      </c>
      <c r="BT26" s="110">
        <v>0</v>
      </c>
      <c r="BU26" s="114">
        <v>151136</v>
      </c>
      <c r="BV26" s="114">
        <v>223280</v>
      </c>
      <c r="BW26" s="114">
        <v>162392</v>
      </c>
      <c r="BX26" s="114">
        <v>240592</v>
      </c>
      <c r="BY26" s="114">
        <v>137952</v>
      </c>
      <c r="BZ26" s="113">
        <v>915352</v>
      </c>
      <c r="CA26" s="116">
        <v>998616</v>
      </c>
      <c r="CB26" s="110">
        <v>40805</v>
      </c>
      <c r="CC26" s="114">
        <v>0</v>
      </c>
      <c r="CD26" s="113">
        <v>40805</v>
      </c>
      <c r="CE26" s="110">
        <v>0</v>
      </c>
      <c r="CF26" s="114">
        <v>991147</v>
      </c>
      <c r="CG26" s="114">
        <v>1193011</v>
      </c>
      <c r="CH26" s="114">
        <v>809369</v>
      </c>
      <c r="CI26" s="114">
        <v>325199</v>
      </c>
      <c r="CJ26" s="114">
        <v>433242</v>
      </c>
      <c r="CK26" s="113">
        <v>3751968</v>
      </c>
      <c r="CL26" s="116">
        <v>3792773</v>
      </c>
      <c r="CM26" s="110">
        <v>0</v>
      </c>
      <c r="CN26" s="114">
        <v>0</v>
      </c>
      <c r="CO26" s="113">
        <v>0</v>
      </c>
      <c r="CP26" s="111">
        <v>0</v>
      </c>
      <c r="CQ26" s="114">
        <v>637105</v>
      </c>
      <c r="CR26" s="114">
        <v>825902</v>
      </c>
      <c r="CS26" s="114">
        <v>720977</v>
      </c>
      <c r="CT26" s="114">
        <v>292934</v>
      </c>
      <c r="CU26" s="114">
        <v>433242</v>
      </c>
      <c r="CV26" s="113">
        <v>2910160</v>
      </c>
      <c r="CW26" s="116">
        <v>2910160</v>
      </c>
      <c r="CX26" s="110">
        <v>40805</v>
      </c>
      <c r="CY26" s="114">
        <v>0</v>
      </c>
      <c r="CZ26" s="113">
        <v>40805</v>
      </c>
      <c r="DA26" s="110">
        <v>0</v>
      </c>
      <c r="DB26" s="114">
        <v>354042</v>
      </c>
      <c r="DC26" s="114">
        <v>367109</v>
      </c>
      <c r="DD26" s="114">
        <v>88392</v>
      </c>
      <c r="DE26" s="114">
        <v>32265</v>
      </c>
      <c r="DF26" s="114">
        <v>0</v>
      </c>
      <c r="DG26" s="113">
        <v>841808</v>
      </c>
      <c r="DH26" s="116">
        <v>882613</v>
      </c>
      <c r="DI26" s="110">
        <v>0</v>
      </c>
      <c r="DJ26" s="114">
        <v>0</v>
      </c>
      <c r="DK26" s="112">
        <v>0</v>
      </c>
      <c r="DL26" s="111">
        <v>0</v>
      </c>
      <c r="DM26" s="114">
        <v>148336</v>
      </c>
      <c r="DN26" s="114">
        <v>188734</v>
      </c>
      <c r="DO26" s="114">
        <v>1086592</v>
      </c>
      <c r="DP26" s="114">
        <v>1446424</v>
      </c>
      <c r="DQ26" s="114">
        <v>228881</v>
      </c>
      <c r="DR26" s="113">
        <v>3098967</v>
      </c>
      <c r="DS26" s="116">
        <v>3098967</v>
      </c>
      <c r="DT26" s="110">
        <v>0</v>
      </c>
      <c r="DU26" s="114">
        <v>0</v>
      </c>
      <c r="DV26" s="113">
        <v>0</v>
      </c>
      <c r="DW26" s="110">
        <v>0</v>
      </c>
      <c r="DX26" s="114">
        <v>148336</v>
      </c>
      <c r="DY26" s="114">
        <v>188734</v>
      </c>
      <c r="DZ26" s="114">
        <v>1086592</v>
      </c>
      <c r="EA26" s="114">
        <v>1391085</v>
      </c>
      <c r="EB26" s="114">
        <v>228881</v>
      </c>
      <c r="EC26" s="113">
        <v>3043628</v>
      </c>
      <c r="ED26" s="116">
        <v>3043628</v>
      </c>
      <c r="EE26" s="110">
        <v>0</v>
      </c>
      <c r="EF26" s="112">
        <v>0</v>
      </c>
      <c r="EG26" s="113">
        <v>0</v>
      </c>
      <c r="EH26" s="110">
        <v>0</v>
      </c>
      <c r="EI26" s="114">
        <v>0</v>
      </c>
      <c r="EJ26" s="114">
        <v>0</v>
      </c>
      <c r="EK26" s="114">
        <v>0</v>
      </c>
      <c r="EL26" s="114">
        <v>55339</v>
      </c>
      <c r="EM26" s="114">
        <v>0</v>
      </c>
      <c r="EN26" s="112">
        <v>55339</v>
      </c>
      <c r="EO26" s="116">
        <v>55339</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7280</v>
      </c>
      <c r="FM26" s="114">
        <v>79360</v>
      </c>
      <c r="FN26" s="113">
        <v>86640</v>
      </c>
      <c r="FO26" s="110">
        <v>0</v>
      </c>
      <c r="FP26" s="114">
        <v>194944</v>
      </c>
      <c r="FQ26" s="114">
        <v>497792</v>
      </c>
      <c r="FR26" s="114">
        <v>427672</v>
      </c>
      <c r="FS26" s="114">
        <v>447352</v>
      </c>
      <c r="FT26" s="114">
        <v>142600</v>
      </c>
      <c r="FU26" s="113">
        <v>1710360</v>
      </c>
      <c r="FV26" s="116">
        <v>1797000</v>
      </c>
      <c r="FW26" s="115">
        <v>7280</v>
      </c>
      <c r="FX26" s="114">
        <v>79360</v>
      </c>
      <c r="FY26" s="112">
        <v>86640</v>
      </c>
      <c r="FZ26" s="111">
        <v>0</v>
      </c>
      <c r="GA26" s="114">
        <v>162144</v>
      </c>
      <c r="GB26" s="114">
        <v>383392</v>
      </c>
      <c r="GC26" s="114">
        <v>366952</v>
      </c>
      <c r="GD26" s="114">
        <v>447352</v>
      </c>
      <c r="GE26" s="114">
        <v>142600</v>
      </c>
      <c r="GF26" s="113">
        <v>1502440</v>
      </c>
      <c r="GG26" s="318">
        <v>1589080</v>
      </c>
      <c r="GH26" s="115">
        <v>0</v>
      </c>
      <c r="GI26" s="114">
        <v>0</v>
      </c>
      <c r="GJ26" s="112">
        <v>0</v>
      </c>
      <c r="GK26" s="111">
        <v>0</v>
      </c>
      <c r="GL26" s="114">
        <v>0</v>
      </c>
      <c r="GM26" s="114">
        <v>0</v>
      </c>
      <c r="GN26" s="114">
        <v>0</v>
      </c>
      <c r="GO26" s="114">
        <v>0</v>
      </c>
      <c r="GP26" s="114">
        <v>0</v>
      </c>
      <c r="GQ26" s="113">
        <v>0</v>
      </c>
      <c r="GR26" s="116">
        <v>0</v>
      </c>
      <c r="GS26" s="110">
        <v>0</v>
      </c>
      <c r="GT26" s="114">
        <v>0</v>
      </c>
      <c r="GU26" s="113">
        <v>0</v>
      </c>
      <c r="GV26" s="110">
        <v>0</v>
      </c>
      <c r="GW26" s="114">
        <v>32800</v>
      </c>
      <c r="GX26" s="114">
        <v>114400</v>
      </c>
      <c r="GY26" s="114">
        <v>60720</v>
      </c>
      <c r="GZ26" s="114">
        <v>0</v>
      </c>
      <c r="HA26" s="114">
        <v>0</v>
      </c>
      <c r="HB26" s="112">
        <v>207920</v>
      </c>
      <c r="HC26" s="116">
        <v>207920</v>
      </c>
      <c r="HD26" s="110">
        <v>54984</v>
      </c>
      <c r="HE26" s="114">
        <v>88348</v>
      </c>
      <c r="HF26" s="112">
        <v>143332</v>
      </c>
      <c r="HG26" s="111">
        <v>0</v>
      </c>
      <c r="HH26" s="114">
        <v>965817</v>
      </c>
      <c r="HI26" s="114">
        <v>544097</v>
      </c>
      <c r="HJ26" s="114">
        <v>1351795</v>
      </c>
      <c r="HK26" s="114">
        <v>537754</v>
      </c>
      <c r="HL26" s="114">
        <v>477090</v>
      </c>
      <c r="HM26" s="113">
        <v>3876553</v>
      </c>
      <c r="HN26" s="109">
        <v>4019885</v>
      </c>
      <c r="HO26" s="328"/>
      <c r="HP26" s="329"/>
      <c r="HQ26" s="330"/>
      <c r="HR26" s="331"/>
      <c r="HS26" s="329"/>
      <c r="HT26" s="329"/>
      <c r="HU26" s="329"/>
      <c r="HV26" s="329"/>
      <c r="HW26" s="329"/>
      <c r="HX26" s="332"/>
      <c r="HY26" s="333"/>
      <c r="HZ26" s="150">
        <v>0</v>
      </c>
      <c r="IA26" s="135">
        <v>0</v>
      </c>
      <c r="IB26" s="150">
        <v>0</v>
      </c>
      <c r="IC26" s="134">
        <v>0</v>
      </c>
      <c r="ID26" s="135">
        <v>518911</v>
      </c>
      <c r="IE26" s="136">
        <v>1173894</v>
      </c>
      <c r="IF26" s="137">
        <v>548487</v>
      </c>
      <c r="IG26" s="135">
        <v>360764</v>
      </c>
      <c r="IH26" s="137">
        <v>25631</v>
      </c>
      <c r="II26" s="138">
        <v>2627687</v>
      </c>
      <c r="IJ26" s="150">
        <v>2627687</v>
      </c>
      <c r="IK26" s="232">
        <v>0</v>
      </c>
      <c r="IL26" s="236">
        <v>0</v>
      </c>
      <c r="IM26" s="237">
        <v>0</v>
      </c>
      <c r="IN26" s="140"/>
      <c r="IO26" s="119">
        <v>0</v>
      </c>
      <c r="IP26" s="119">
        <v>121295</v>
      </c>
      <c r="IQ26" s="119">
        <v>0</v>
      </c>
      <c r="IR26" s="119">
        <v>0</v>
      </c>
      <c r="IS26" s="119">
        <v>0</v>
      </c>
      <c r="IT26" s="141">
        <v>121295</v>
      </c>
      <c r="IU26" s="320">
        <v>121295</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291570</v>
      </c>
      <c r="JL26" s="119">
        <v>347978</v>
      </c>
      <c r="JM26" s="119">
        <v>103345</v>
      </c>
      <c r="JN26" s="119">
        <v>111628</v>
      </c>
      <c r="JO26" s="119">
        <v>25631</v>
      </c>
      <c r="JP26" s="120">
        <v>880152</v>
      </c>
      <c r="JQ26" s="320">
        <v>880152</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0</v>
      </c>
      <c r="KH26" s="119">
        <v>0</v>
      </c>
      <c r="KI26" s="119">
        <v>445142</v>
      </c>
      <c r="KJ26" s="119">
        <v>0</v>
      </c>
      <c r="KK26" s="119">
        <v>0</v>
      </c>
      <c r="KL26" s="120">
        <v>445142</v>
      </c>
      <c r="KM26" s="143">
        <v>445142</v>
      </c>
      <c r="KN26" s="232">
        <v>0</v>
      </c>
      <c r="KO26" s="236">
        <v>0</v>
      </c>
      <c r="KP26" s="237">
        <v>0</v>
      </c>
      <c r="KQ26" s="140"/>
      <c r="KR26" s="119">
        <v>227341</v>
      </c>
      <c r="KS26" s="119">
        <v>704621</v>
      </c>
      <c r="KT26" s="119">
        <v>0</v>
      </c>
      <c r="KU26" s="119">
        <v>249136</v>
      </c>
      <c r="KV26" s="119">
        <v>0</v>
      </c>
      <c r="KW26" s="120">
        <v>1181098</v>
      </c>
      <c r="KX26" s="320">
        <v>1181098</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31814</v>
      </c>
      <c r="ML26" s="119">
        <v>2283024</v>
      </c>
      <c r="MM26" s="119">
        <v>2781980</v>
      </c>
      <c r="MN26" s="119">
        <v>1610757</v>
      </c>
      <c r="MO26" s="120">
        <v>6907575</v>
      </c>
      <c r="MP26" s="143">
        <v>6907575</v>
      </c>
      <c r="MQ26" s="142">
        <v>0</v>
      </c>
      <c r="MR26" s="119">
        <v>0</v>
      </c>
      <c r="MS26" s="120">
        <v>0</v>
      </c>
      <c r="MT26" s="145"/>
      <c r="MU26" s="119">
        <v>0</v>
      </c>
      <c r="MV26" s="119">
        <v>0</v>
      </c>
      <c r="MW26" s="119">
        <v>2059972</v>
      </c>
      <c r="MX26" s="119">
        <v>2007297</v>
      </c>
      <c r="MY26" s="119">
        <v>1610757</v>
      </c>
      <c r="MZ26" s="120">
        <v>5678026</v>
      </c>
      <c r="NA26" s="143">
        <v>5678026</v>
      </c>
      <c r="NB26" s="142">
        <v>0</v>
      </c>
      <c r="NC26" s="119">
        <v>0</v>
      </c>
      <c r="ND26" s="120">
        <v>0</v>
      </c>
      <c r="NE26" s="145"/>
      <c r="NF26" s="119">
        <v>0</v>
      </c>
      <c r="NG26" s="119">
        <v>231814</v>
      </c>
      <c r="NH26" s="119">
        <v>223052</v>
      </c>
      <c r="NI26" s="119">
        <v>396187</v>
      </c>
      <c r="NJ26" s="119">
        <v>0</v>
      </c>
      <c r="NK26" s="120">
        <v>851053</v>
      </c>
      <c r="NL26" s="320">
        <v>851053</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378496</v>
      </c>
      <c r="OF26" s="119">
        <v>0</v>
      </c>
      <c r="OG26" s="120">
        <v>378496</v>
      </c>
      <c r="OH26" s="121">
        <v>378496</v>
      </c>
      <c r="OI26" s="142">
        <v>255416</v>
      </c>
      <c r="OJ26" s="119">
        <v>334093</v>
      </c>
      <c r="OK26" s="141">
        <v>589509</v>
      </c>
      <c r="OL26" s="118">
        <v>0</v>
      </c>
      <c r="OM26" s="119">
        <v>3939777</v>
      </c>
      <c r="ON26" s="119">
        <v>4949665</v>
      </c>
      <c r="OO26" s="119">
        <v>7340545</v>
      </c>
      <c r="OP26" s="119">
        <v>9063023</v>
      </c>
      <c r="OQ26" s="119">
        <v>4895227</v>
      </c>
      <c r="OR26" s="120">
        <v>30188237</v>
      </c>
      <c r="OS26" s="143">
        <v>30777746</v>
      </c>
    </row>
    <row r="27" spans="2:409" ht="21" customHeight="1" x14ac:dyDescent="0.2">
      <c r="B27" s="126" t="s">
        <v>22</v>
      </c>
      <c r="C27" s="110">
        <v>21200</v>
      </c>
      <c r="D27" s="114">
        <v>96128</v>
      </c>
      <c r="E27" s="113">
        <v>117328</v>
      </c>
      <c r="F27" s="109">
        <v>0</v>
      </c>
      <c r="G27" s="114">
        <v>704074</v>
      </c>
      <c r="H27" s="114">
        <v>1662127</v>
      </c>
      <c r="I27" s="114">
        <v>1127275</v>
      </c>
      <c r="J27" s="114">
        <v>1659457</v>
      </c>
      <c r="K27" s="114">
        <v>581834</v>
      </c>
      <c r="L27" s="173">
        <v>5734767</v>
      </c>
      <c r="M27" s="116">
        <v>5852095</v>
      </c>
      <c r="N27" s="110">
        <v>0</v>
      </c>
      <c r="O27" s="114">
        <v>34128</v>
      </c>
      <c r="P27" s="113">
        <v>34128</v>
      </c>
      <c r="Q27" s="110">
        <v>0</v>
      </c>
      <c r="R27" s="114">
        <v>214728</v>
      </c>
      <c r="S27" s="114">
        <v>452034</v>
      </c>
      <c r="T27" s="114">
        <v>183552</v>
      </c>
      <c r="U27" s="114">
        <v>479686</v>
      </c>
      <c r="V27" s="114">
        <v>324826</v>
      </c>
      <c r="W27" s="113">
        <v>1654826</v>
      </c>
      <c r="X27" s="116">
        <v>1688954</v>
      </c>
      <c r="Y27" s="110">
        <v>0</v>
      </c>
      <c r="Z27" s="114">
        <v>0</v>
      </c>
      <c r="AA27" s="113">
        <v>0</v>
      </c>
      <c r="AB27" s="110">
        <v>0</v>
      </c>
      <c r="AC27" s="114">
        <v>111256</v>
      </c>
      <c r="AD27" s="114">
        <v>209331</v>
      </c>
      <c r="AE27" s="114">
        <v>42472</v>
      </c>
      <c r="AF27" s="114">
        <v>305182</v>
      </c>
      <c r="AG27" s="114">
        <v>316642</v>
      </c>
      <c r="AH27" s="113">
        <v>984883</v>
      </c>
      <c r="AI27" s="116">
        <v>984883</v>
      </c>
      <c r="AJ27" s="110">
        <v>0</v>
      </c>
      <c r="AK27" s="114">
        <v>0</v>
      </c>
      <c r="AL27" s="113">
        <v>0</v>
      </c>
      <c r="AM27" s="110">
        <v>0</v>
      </c>
      <c r="AN27" s="114">
        <v>0</v>
      </c>
      <c r="AO27" s="114">
        <v>0</v>
      </c>
      <c r="AP27" s="114">
        <v>0</v>
      </c>
      <c r="AQ27" s="114">
        <v>97344</v>
      </c>
      <c r="AR27" s="114">
        <v>0</v>
      </c>
      <c r="AS27" s="113">
        <v>97344</v>
      </c>
      <c r="AT27" s="116">
        <v>97344</v>
      </c>
      <c r="AU27" s="110">
        <v>0</v>
      </c>
      <c r="AV27" s="114">
        <v>34128</v>
      </c>
      <c r="AW27" s="113">
        <v>34128</v>
      </c>
      <c r="AX27" s="110">
        <v>0</v>
      </c>
      <c r="AY27" s="114">
        <v>27440</v>
      </c>
      <c r="AZ27" s="114">
        <v>98749</v>
      </c>
      <c r="BA27" s="114">
        <v>82992</v>
      </c>
      <c r="BB27" s="114">
        <v>40816</v>
      </c>
      <c r="BC27" s="114">
        <v>0</v>
      </c>
      <c r="BD27" s="113">
        <v>249997</v>
      </c>
      <c r="BE27" s="116">
        <v>284125</v>
      </c>
      <c r="BF27" s="110">
        <v>0</v>
      </c>
      <c r="BG27" s="114">
        <v>0</v>
      </c>
      <c r="BH27" s="112">
        <v>0</v>
      </c>
      <c r="BI27" s="111">
        <v>0</v>
      </c>
      <c r="BJ27" s="114">
        <v>60640</v>
      </c>
      <c r="BK27" s="114">
        <v>70642</v>
      </c>
      <c r="BL27" s="114">
        <v>22944</v>
      </c>
      <c r="BM27" s="114">
        <v>0</v>
      </c>
      <c r="BN27" s="114">
        <v>0</v>
      </c>
      <c r="BO27" s="113">
        <v>154226</v>
      </c>
      <c r="BP27" s="116">
        <v>154226</v>
      </c>
      <c r="BQ27" s="110">
        <v>0</v>
      </c>
      <c r="BR27" s="114">
        <v>0</v>
      </c>
      <c r="BS27" s="113">
        <v>0</v>
      </c>
      <c r="BT27" s="110">
        <v>0</v>
      </c>
      <c r="BU27" s="114">
        <v>15392</v>
      </c>
      <c r="BV27" s="114">
        <v>73312</v>
      </c>
      <c r="BW27" s="114">
        <v>35144</v>
      </c>
      <c r="BX27" s="114">
        <v>36344</v>
      </c>
      <c r="BY27" s="114">
        <v>8184</v>
      </c>
      <c r="BZ27" s="113">
        <v>168376</v>
      </c>
      <c r="CA27" s="116">
        <v>168376</v>
      </c>
      <c r="CB27" s="110">
        <v>0</v>
      </c>
      <c r="CC27" s="114">
        <v>0</v>
      </c>
      <c r="CD27" s="113">
        <v>0</v>
      </c>
      <c r="CE27" s="110">
        <v>0</v>
      </c>
      <c r="CF27" s="114">
        <v>260375</v>
      </c>
      <c r="CG27" s="114">
        <v>551805</v>
      </c>
      <c r="CH27" s="114">
        <v>388668</v>
      </c>
      <c r="CI27" s="114">
        <v>221976</v>
      </c>
      <c r="CJ27" s="114">
        <v>191408</v>
      </c>
      <c r="CK27" s="113">
        <v>1614232</v>
      </c>
      <c r="CL27" s="116">
        <v>1614232</v>
      </c>
      <c r="CM27" s="110">
        <v>0</v>
      </c>
      <c r="CN27" s="114">
        <v>0</v>
      </c>
      <c r="CO27" s="113">
        <v>0</v>
      </c>
      <c r="CP27" s="111">
        <v>0</v>
      </c>
      <c r="CQ27" s="114">
        <v>188607</v>
      </c>
      <c r="CR27" s="114">
        <v>544075</v>
      </c>
      <c r="CS27" s="114">
        <v>356565</v>
      </c>
      <c r="CT27" s="114">
        <v>221976</v>
      </c>
      <c r="CU27" s="114">
        <v>191408</v>
      </c>
      <c r="CV27" s="113">
        <v>1502631</v>
      </c>
      <c r="CW27" s="116">
        <v>1502631</v>
      </c>
      <c r="CX27" s="110">
        <v>0</v>
      </c>
      <c r="CY27" s="114">
        <v>0</v>
      </c>
      <c r="CZ27" s="113">
        <v>0</v>
      </c>
      <c r="DA27" s="110">
        <v>0</v>
      </c>
      <c r="DB27" s="114">
        <v>71768</v>
      </c>
      <c r="DC27" s="114">
        <v>7730</v>
      </c>
      <c r="DD27" s="114">
        <v>32103</v>
      </c>
      <c r="DE27" s="114">
        <v>0</v>
      </c>
      <c r="DF27" s="114">
        <v>0</v>
      </c>
      <c r="DG27" s="113">
        <v>111601</v>
      </c>
      <c r="DH27" s="116">
        <v>111601</v>
      </c>
      <c r="DI27" s="110">
        <v>0</v>
      </c>
      <c r="DJ27" s="114">
        <v>0</v>
      </c>
      <c r="DK27" s="112">
        <v>0</v>
      </c>
      <c r="DL27" s="111">
        <v>0</v>
      </c>
      <c r="DM27" s="114">
        <v>20697</v>
      </c>
      <c r="DN27" s="114">
        <v>0</v>
      </c>
      <c r="DO27" s="114">
        <v>225255</v>
      </c>
      <c r="DP27" s="114">
        <v>411611</v>
      </c>
      <c r="DQ27" s="114">
        <v>0</v>
      </c>
      <c r="DR27" s="113">
        <v>657563</v>
      </c>
      <c r="DS27" s="116">
        <v>657563</v>
      </c>
      <c r="DT27" s="110">
        <v>0</v>
      </c>
      <c r="DU27" s="114">
        <v>0</v>
      </c>
      <c r="DV27" s="113">
        <v>0</v>
      </c>
      <c r="DW27" s="110">
        <v>0</v>
      </c>
      <c r="DX27" s="114">
        <v>20697</v>
      </c>
      <c r="DY27" s="114">
        <v>0</v>
      </c>
      <c r="DZ27" s="114">
        <v>191114</v>
      </c>
      <c r="EA27" s="114">
        <v>411611</v>
      </c>
      <c r="EB27" s="114">
        <v>0</v>
      </c>
      <c r="EC27" s="113">
        <v>623422</v>
      </c>
      <c r="ED27" s="116">
        <v>623422</v>
      </c>
      <c r="EE27" s="110">
        <v>0</v>
      </c>
      <c r="EF27" s="112">
        <v>0</v>
      </c>
      <c r="EG27" s="113">
        <v>0</v>
      </c>
      <c r="EH27" s="110">
        <v>0</v>
      </c>
      <c r="EI27" s="114">
        <v>0</v>
      </c>
      <c r="EJ27" s="114">
        <v>0</v>
      </c>
      <c r="EK27" s="114">
        <v>34141</v>
      </c>
      <c r="EL27" s="114">
        <v>0</v>
      </c>
      <c r="EM27" s="114">
        <v>0</v>
      </c>
      <c r="EN27" s="112">
        <v>34141</v>
      </c>
      <c r="EO27" s="116">
        <v>34141</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21200</v>
      </c>
      <c r="FM27" s="114">
        <v>62000</v>
      </c>
      <c r="FN27" s="113">
        <v>83200</v>
      </c>
      <c r="FO27" s="110">
        <v>0</v>
      </c>
      <c r="FP27" s="114">
        <v>56848</v>
      </c>
      <c r="FQ27" s="114">
        <v>330432</v>
      </c>
      <c r="FR27" s="114">
        <v>147672</v>
      </c>
      <c r="FS27" s="114">
        <v>148224</v>
      </c>
      <c r="FT27" s="114">
        <v>65600</v>
      </c>
      <c r="FU27" s="113">
        <v>748776</v>
      </c>
      <c r="FV27" s="116">
        <v>831976</v>
      </c>
      <c r="FW27" s="115">
        <v>6000</v>
      </c>
      <c r="FX27" s="114">
        <v>62000</v>
      </c>
      <c r="FY27" s="112">
        <v>68000</v>
      </c>
      <c r="FZ27" s="111">
        <v>0</v>
      </c>
      <c r="GA27" s="114">
        <v>56848</v>
      </c>
      <c r="GB27" s="114">
        <v>170432</v>
      </c>
      <c r="GC27" s="114">
        <v>147672</v>
      </c>
      <c r="GD27" s="114">
        <v>148224</v>
      </c>
      <c r="GE27" s="114">
        <v>65600</v>
      </c>
      <c r="GF27" s="113">
        <v>588776</v>
      </c>
      <c r="GG27" s="318">
        <v>656776</v>
      </c>
      <c r="GH27" s="115">
        <v>0</v>
      </c>
      <c r="GI27" s="114">
        <v>0</v>
      </c>
      <c r="GJ27" s="112">
        <v>0</v>
      </c>
      <c r="GK27" s="111">
        <v>0</v>
      </c>
      <c r="GL27" s="114">
        <v>0</v>
      </c>
      <c r="GM27" s="114">
        <v>0</v>
      </c>
      <c r="GN27" s="114">
        <v>0</v>
      </c>
      <c r="GO27" s="114">
        <v>0</v>
      </c>
      <c r="GP27" s="114">
        <v>0</v>
      </c>
      <c r="GQ27" s="113">
        <v>0</v>
      </c>
      <c r="GR27" s="116">
        <v>0</v>
      </c>
      <c r="GS27" s="110">
        <v>15200</v>
      </c>
      <c r="GT27" s="114">
        <v>0</v>
      </c>
      <c r="GU27" s="113">
        <v>15200</v>
      </c>
      <c r="GV27" s="110">
        <v>0</v>
      </c>
      <c r="GW27" s="114">
        <v>0</v>
      </c>
      <c r="GX27" s="114">
        <v>160000</v>
      </c>
      <c r="GY27" s="114">
        <v>0</v>
      </c>
      <c r="GZ27" s="114">
        <v>0</v>
      </c>
      <c r="HA27" s="114">
        <v>0</v>
      </c>
      <c r="HB27" s="112">
        <v>160000</v>
      </c>
      <c r="HC27" s="116">
        <v>175200</v>
      </c>
      <c r="HD27" s="110">
        <v>0</v>
      </c>
      <c r="HE27" s="114">
        <v>0</v>
      </c>
      <c r="HF27" s="112">
        <v>0</v>
      </c>
      <c r="HG27" s="111">
        <v>0</v>
      </c>
      <c r="HH27" s="114">
        <v>151426</v>
      </c>
      <c r="HI27" s="114">
        <v>327856</v>
      </c>
      <c r="HJ27" s="114">
        <v>182128</v>
      </c>
      <c r="HK27" s="114">
        <v>397960</v>
      </c>
      <c r="HL27" s="114">
        <v>0</v>
      </c>
      <c r="HM27" s="113">
        <v>1059370</v>
      </c>
      <c r="HN27" s="109">
        <v>1059370</v>
      </c>
      <c r="HO27" s="328"/>
      <c r="HP27" s="329"/>
      <c r="HQ27" s="330"/>
      <c r="HR27" s="331"/>
      <c r="HS27" s="329"/>
      <c r="HT27" s="329"/>
      <c r="HU27" s="329"/>
      <c r="HV27" s="329"/>
      <c r="HW27" s="329"/>
      <c r="HX27" s="332"/>
      <c r="HY27" s="333"/>
      <c r="HZ27" s="131">
        <v>0</v>
      </c>
      <c r="IA27" s="132">
        <v>72096</v>
      </c>
      <c r="IB27" s="133">
        <v>72096</v>
      </c>
      <c r="IC27" s="146">
        <v>0</v>
      </c>
      <c r="ID27" s="132">
        <v>728986</v>
      </c>
      <c r="IE27" s="147">
        <v>1192512</v>
      </c>
      <c r="IF27" s="133">
        <v>339768</v>
      </c>
      <c r="IG27" s="132">
        <v>1162128</v>
      </c>
      <c r="IH27" s="133">
        <v>0</v>
      </c>
      <c r="II27" s="148">
        <v>3423394</v>
      </c>
      <c r="IJ27" s="139">
        <v>3495490</v>
      </c>
      <c r="IK27" s="232">
        <v>0</v>
      </c>
      <c r="IL27" s="236">
        <v>0</v>
      </c>
      <c r="IM27" s="237">
        <v>0</v>
      </c>
      <c r="IN27" s="140"/>
      <c r="IO27" s="119">
        <v>0</v>
      </c>
      <c r="IP27" s="119">
        <v>0</v>
      </c>
      <c r="IQ27" s="119">
        <v>163224</v>
      </c>
      <c r="IR27" s="119">
        <v>0</v>
      </c>
      <c r="IS27" s="119">
        <v>0</v>
      </c>
      <c r="IT27" s="141">
        <v>163224</v>
      </c>
      <c r="IU27" s="320">
        <v>163224</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04488</v>
      </c>
      <c r="JL27" s="119">
        <v>293504</v>
      </c>
      <c r="JM27" s="119">
        <v>10328</v>
      </c>
      <c r="JN27" s="119">
        <v>291400</v>
      </c>
      <c r="JO27" s="119">
        <v>0</v>
      </c>
      <c r="JP27" s="120">
        <v>699720</v>
      </c>
      <c r="JQ27" s="320">
        <v>699720</v>
      </c>
      <c r="JR27" s="142">
        <v>0</v>
      </c>
      <c r="JS27" s="119">
        <v>0</v>
      </c>
      <c r="JT27" s="141">
        <v>0</v>
      </c>
      <c r="JU27" s="118">
        <v>0</v>
      </c>
      <c r="JV27" s="119">
        <v>0</v>
      </c>
      <c r="JW27" s="119">
        <v>0</v>
      </c>
      <c r="JX27" s="119">
        <v>166216</v>
      </c>
      <c r="JY27" s="119">
        <v>140232</v>
      </c>
      <c r="JZ27" s="119">
        <v>0</v>
      </c>
      <c r="KA27" s="120">
        <v>306448</v>
      </c>
      <c r="KB27" s="320">
        <v>306448</v>
      </c>
      <c r="KC27" s="234">
        <v>0</v>
      </c>
      <c r="KD27" s="230">
        <v>72096</v>
      </c>
      <c r="KE27" s="120">
        <v>72096</v>
      </c>
      <c r="KF27" s="118">
        <v>0</v>
      </c>
      <c r="KG27" s="119">
        <v>405840</v>
      </c>
      <c r="KH27" s="119">
        <v>445064</v>
      </c>
      <c r="KI27" s="119">
        <v>0</v>
      </c>
      <c r="KJ27" s="119">
        <v>0</v>
      </c>
      <c r="KK27" s="119">
        <v>0</v>
      </c>
      <c r="KL27" s="120">
        <v>850904</v>
      </c>
      <c r="KM27" s="143">
        <v>923000</v>
      </c>
      <c r="KN27" s="232">
        <v>0</v>
      </c>
      <c r="KO27" s="236">
        <v>0</v>
      </c>
      <c r="KP27" s="237">
        <v>0</v>
      </c>
      <c r="KQ27" s="140"/>
      <c r="KR27" s="119">
        <v>218658</v>
      </c>
      <c r="KS27" s="119">
        <v>453944</v>
      </c>
      <c r="KT27" s="119">
        <v>0</v>
      </c>
      <c r="KU27" s="119">
        <v>0</v>
      </c>
      <c r="KV27" s="119">
        <v>0</v>
      </c>
      <c r="KW27" s="120">
        <v>672602</v>
      </c>
      <c r="KX27" s="320">
        <v>672602</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730496</v>
      </c>
      <c r="LR27" s="119">
        <v>0</v>
      </c>
      <c r="LS27" s="120">
        <v>730496</v>
      </c>
      <c r="LT27" s="320">
        <v>73049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529208</v>
      </c>
      <c r="ML27" s="119">
        <v>1005440</v>
      </c>
      <c r="MM27" s="119">
        <v>1103633</v>
      </c>
      <c r="MN27" s="119">
        <v>472413</v>
      </c>
      <c r="MO27" s="120">
        <v>3110694</v>
      </c>
      <c r="MP27" s="143">
        <v>3110694</v>
      </c>
      <c r="MQ27" s="142">
        <v>0</v>
      </c>
      <c r="MR27" s="119">
        <v>0</v>
      </c>
      <c r="MS27" s="120">
        <v>0</v>
      </c>
      <c r="MT27" s="145"/>
      <c r="MU27" s="119">
        <v>0</v>
      </c>
      <c r="MV27" s="119">
        <v>0</v>
      </c>
      <c r="MW27" s="119">
        <v>464592</v>
      </c>
      <c r="MX27" s="119">
        <v>465793</v>
      </c>
      <c r="MY27" s="119">
        <v>472413</v>
      </c>
      <c r="MZ27" s="120">
        <v>1402798</v>
      </c>
      <c r="NA27" s="143">
        <v>1402798</v>
      </c>
      <c r="NB27" s="142">
        <v>0</v>
      </c>
      <c r="NC27" s="119">
        <v>0</v>
      </c>
      <c r="ND27" s="120">
        <v>0</v>
      </c>
      <c r="NE27" s="145"/>
      <c r="NF27" s="119">
        <v>0</v>
      </c>
      <c r="NG27" s="119">
        <v>529208</v>
      </c>
      <c r="NH27" s="119">
        <v>540848</v>
      </c>
      <c r="NI27" s="119">
        <v>637840</v>
      </c>
      <c r="NJ27" s="119">
        <v>0</v>
      </c>
      <c r="NK27" s="120">
        <v>1707896</v>
      </c>
      <c r="NL27" s="320">
        <v>1707896</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21200</v>
      </c>
      <c r="OJ27" s="119">
        <v>168224</v>
      </c>
      <c r="OK27" s="141">
        <v>189424</v>
      </c>
      <c r="OL27" s="118">
        <v>0</v>
      </c>
      <c r="OM27" s="119">
        <v>1433060</v>
      </c>
      <c r="ON27" s="119">
        <v>3383847</v>
      </c>
      <c r="OO27" s="119">
        <v>2472483</v>
      </c>
      <c r="OP27" s="119">
        <v>3925218</v>
      </c>
      <c r="OQ27" s="119">
        <v>1054247</v>
      </c>
      <c r="OR27" s="120">
        <v>12268855</v>
      </c>
      <c r="OS27" s="143">
        <v>12458279</v>
      </c>
    </row>
    <row r="28" spans="2:409" ht="21" customHeight="1" x14ac:dyDescent="0.2">
      <c r="B28" s="126" t="s">
        <v>23</v>
      </c>
      <c r="C28" s="110">
        <v>204591</v>
      </c>
      <c r="D28" s="114">
        <v>392345</v>
      </c>
      <c r="E28" s="113">
        <v>596936</v>
      </c>
      <c r="F28" s="109">
        <v>0</v>
      </c>
      <c r="G28" s="114">
        <v>2740952</v>
      </c>
      <c r="H28" s="114">
        <v>3459935</v>
      </c>
      <c r="I28" s="114">
        <v>2938030</v>
      </c>
      <c r="J28" s="114">
        <v>1876164</v>
      </c>
      <c r="K28" s="114">
        <v>1498044</v>
      </c>
      <c r="L28" s="173">
        <v>12513125</v>
      </c>
      <c r="M28" s="116">
        <v>13110061</v>
      </c>
      <c r="N28" s="110">
        <v>93878</v>
      </c>
      <c r="O28" s="114">
        <v>123153</v>
      </c>
      <c r="P28" s="113">
        <v>217031</v>
      </c>
      <c r="Q28" s="110">
        <v>0</v>
      </c>
      <c r="R28" s="114">
        <v>621101</v>
      </c>
      <c r="S28" s="114">
        <v>1143827</v>
      </c>
      <c r="T28" s="114">
        <v>707446</v>
      </c>
      <c r="U28" s="114">
        <v>444475</v>
      </c>
      <c r="V28" s="114">
        <v>205526</v>
      </c>
      <c r="W28" s="113">
        <v>3122375</v>
      </c>
      <c r="X28" s="116">
        <v>3339406</v>
      </c>
      <c r="Y28" s="110">
        <v>0</v>
      </c>
      <c r="Z28" s="114">
        <v>0</v>
      </c>
      <c r="AA28" s="113">
        <v>0</v>
      </c>
      <c r="AB28" s="110">
        <v>0</v>
      </c>
      <c r="AC28" s="114">
        <v>214381</v>
      </c>
      <c r="AD28" s="114">
        <v>520169</v>
      </c>
      <c r="AE28" s="114">
        <v>368043</v>
      </c>
      <c r="AF28" s="114">
        <v>301695</v>
      </c>
      <c r="AG28" s="114">
        <v>0</v>
      </c>
      <c r="AH28" s="113">
        <v>1404288</v>
      </c>
      <c r="AI28" s="116">
        <v>1404288</v>
      </c>
      <c r="AJ28" s="110">
        <v>0</v>
      </c>
      <c r="AK28" s="114">
        <v>0</v>
      </c>
      <c r="AL28" s="113">
        <v>0</v>
      </c>
      <c r="AM28" s="110">
        <v>0</v>
      </c>
      <c r="AN28" s="114">
        <v>0</v>
      </c>
      <c r="AO28" s="114">
        <v>58622</v>
      </c>
      <c r="AP28" s="114">
        <v>48132</v>
      </c>
      <c r="AQ28" s="114">
        <v>0</v>
      </c>
      <c r="AR28" s="114">
        <v>0</v>
      </c>
      <c r="AS28" s="113">
        <v>106754</v>
      </c>
      <c r="AT28" s="116">
        <v>106754</v>
      </c>
      <c r="AU28" s="110">
        <v>47878</v>
      </c>
      <c r="AV28" s="114">
        <v>113553</v>
      </c>
      <c r="AW28" s="113">
        <v>161431</v>
      </c>
      <c r="AX28" s="110">
        <v>0</v>
      </c>
      <c r="AY28" s="114">
        <v>191219</v>
      </c>
      <c r="AZ28" s="114">
        <v>396982</v>
      </c>
      <c r="BA28" s="114">
        <v>188679</v>
      </c>
      <c r="BB28" s="114">
        <v>31140</v>
      </c>
      <c r="BC28" s="114">
        <v>116662</v>
      </c>
      <c r="BD28" s="113">
        <v>924682</v>
      </c>
      <c r="BE28" s="116">
        <v>1086113</v>
      </c>
      <c r="BF28" s="110">
        <v>0</v>
      </c>
      <c r="BG28" s="114">
        <v>0</v>
      </c>
      <c r="BH28" s="112">
        <v>0</v>
      </c>
      <c r="BI28" s="111">
        <v>0</v>
      </c>
      <c r="BJ28" s="114">
        <v>21933</v>
      </c>
      <c r="BK28" s="114">
        <v>32030</v>
      </c>
      <c r="BL28" s="114">
        <v>0</v>
      </c>
      <c r="BM28" s="114">
        <v>0</v>
      </c>
      <c r="BN28" s="114">
        <v>0</v>
      </c>
      <c r="BO28" s="113">
        <v>53963</v>
      </c>
      <c r="BP28" s="116">
        <v>53963</v>
      </c>
      <c r="BQ28" s="110">
        <v>46000</v>
      </c>
      <c r="BR28" s="114">
        <v>9600</v>
      </c>
      <c r="BS28" s="113">
        <v>55600</v>
      </c>
      <c r="BT28" s="110">
        <v>0</v>
      </c>
      <c r="BU28" s="114">
        <v>193568</v>
      </c>
      <c r="BV28" s="114">
        <v>136024</v>
      </c>
      <c r="BW28" s="114">
        <v>102592</v>
      </c>
      <c r="BX28" s="114">
        <v>111640</v>
      </c>
      <c r="BY28" s="114">
        <v>88864</v>
      </c>
      <c r="BZ28" s="113">
        <v>632688</v>
      </c>
      <c r="CA28" s="116">
        <v>688288</v>
      </c>
      <c r="CB28" s="110">
        <v>0</v>
      </c>
      <c r="CC28" s="114">
        <v>0</v>
      </c>
      <c r="CD28" s="113">
        <v>0</v>
      </c>
      <c r="CE28" s="110">
        <v>0</v>
      </c>
      <c r="CF28" s="114">
        <v>1018550</v>
      </c>
      <c r="CG28" s="114">
        <v>1167175</v>
      </c>
      <c r="CH28" s="114">
        <v>1471702</v>
      </c>
      <c r="CI28" s="114">
        <v>477739</v>
      </c>
      <c r="CJ28" s="114">
        <v>277474</v>
      </c>
      <c r="CK28" s="113">
        <v>4412640</v>
      </c>
      <c r="CL28" s="116">
        <v>4412640</v>
      </c>
      <c r="CM28" s="110">
        <v>0</v>
      </c>
      <c r="CN28" s="114">
        <v>0</v>
      </c>
      <c r="CO28" s="113">
        <v>0</v>
      </c>
      <c r="CP28" s="111">
        <v>0</v>
      </c>
      <c r="CQ28" s="114">
        <v>822255</v>
      </c>
      <c r="CR28" s="114">
        <v>925491</v>
      </c>
      <c r="CS28" s="114">
        <v>1126533</v>
      </c>
      <c r="CT28" s="114">
        <v>400911</v>
      </c>
      <c r="CU28" s="114">
        <v>62439</v>
      </c>
      <c r="CV28" s="113">
        <v>3337629</v>
      </c>
      <c r="CW28" s="116">
        <v>3337629</v>
      </c>
      <c r="CX28" s="110">
        <v>0</v>
      </c>
      <c r="CY28" s="114">
        <v>0</v>
      </c>
      <c r="CZ28" s="113">
        <v>0</v>
      </c>
      <c r="DA28" s="110">
        <v>0</v>
      </c>
      <c r="DB28" s="114">
        <v>196295</v>
      </c>
      <c r="DC28" s="114">
        <v>241684</v>
      </c>
      <c r="DD28" s="114">
        <v>345169</v>
      </c>
      <c r="DE28" s="114">
        <v>76828</v>
      </c>
      <c r="DF28" s="114">
        <v>215035</v>
      </c>
      <c r="DG28" s="113">
        <v>1075011</v>
      </c>
      <c r="DH28" s="116">
        <v>1075011</v>
      </c>
      <c r="DI28" s="110">
        <v>0</v>
      </c>
      <c r="DJ28" s="114">
        <v>0</v>
      </c>
      <c r="DK28" s="112">
        <v>0</v>
      </c>
      <c r="DL28" s="111">
        <v>0</v>
      </c>
      <c r="DM28" s="114">
        <v>106897</v>
      </c>
      <c r="DN28" s="114">
        <v>67174</v>
      </c>
      <c r="DO28" s="114">
        <v>127905</v>
      </c>
      <c r="DP28" s="114">
        <v>239564</v>
      </c>
      <c r="DQ28" s="114">
        <v>236521</v>
      </c>
      <c r="DR28" s="113">
        <v>778061</v>
      </c>
      <c r="DS28" s="116">
        <v>778061</v>
      </c>
      <c r="DT28" s="110">
        <v>0</v>
      </c>
      <c r="DU28" s="114">
        <v>0</v>
      </c>
      <c r="DV28" s="113">
        <v>0</v>
      </c>
      <c r="DW28" s="110">
        <v>0</v>
      </c>
      <c r="DX28" s="114">
        <v>77646</v>
      </c>
      <c r="DY28" s="114">
        <v>67174</v>
      </c>
      <c r="DZ28" s="114">
        <v>127905</v>
      </c>
      <c r="EA28" s="114">
        <v>239564</v>
      </c>
      <c r="EB28" s="114">
        <v>140608</v>
      </c>
      <c r="EC28" s="113">
        <v>652897</v>
      </c>
      <c r="ED28" s="116">
        <v>652897</v>
      </c>
      <c r="EE28" s="110">
        <v>0</v>
      </c>
      <c r="EF28" s="112">
        <v>0</v>
      </c>
      <c r="EG28" s="113">
        <v>0</v>
      </c>
      <c r="EH28" s="110">
        <v>0</v>
      </c>
      <c r="EI28" s="114">
        <v>29251</v>
      </c>
      <c r="EJ28" s="114">
        <v>0</v>
      </c>
      <c r="EK28" s="114">
        <v>0</v>
      </c>
      <c r="EL28" s="114">
        <v>0</v>
      </c>
      <c r="EM28" s="114">
        <v>95913</v>
      </c>
      <c r="EN28" s="112">
        <v>125164</v>
      </c>
      <c r="EO28" s="116">
        <v>125164</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6720</v>
      </c>
      <c r="FM28" s="114">
        <v>179072</v>
      </c>
      <c r="FN28" s="113">
        <v>185792</v>
      </c>
      <c r="FO28" s="110">
        <v>0</v>
      </c>
      <c r="FP28" s="114">
        <v>83640</v>
      </c>
      <c r="FQ28" s="114">
        <v>562816</v>
      </c>
      <c r="FR28" s="114">
        <v>212984</v>
      </c>
      <c r="FS28" s="114">
        <v>109032</v>
      </c>
      <c r="FT28" s="114">
        <v>110384</v>
      </c>
      <c r="FU28" s="113">
        <v>1078856</v>
      </c>
      <c r="FV28" s="116">
        <v>1264648</v>
      </c>
      <c r="FW28" s="115">
        <v>6720</v>
      </c>
      <c r="FX28" s="114">
        <v>19072</v>
      </c>
      <c r="FY28" s="112">
        <v>25792</v>
      </c>
      <c r="FZ28" s="111">
        <v>0</v>
      </c>
      <c r="GA28" s="114">
        <v>83640</v>
      </c>
      <c r="GB28" s="114">
        <v>459104</v>
      </c>
      <c r="GC28" s="114">
        <v>212984</v>
      </c>
      <c r="GD28" s="114">
        <v>109032</v>
      </c>
      <c r="GE28" s="114">
        <v>110384</v>
      </c>
      <c r="GF28" s="113">
        <v>975144</v>
      </c>
      <c r="GG28" s="318">
        <v>1000936</v>
      </c>
      <c r="GH28" s="115">
        <v>0</v>
      </c>
      <c r="GI28" s="114">
        <v>0</v>
      </c>
      <c r="GJ28" s="112">
        <v>0</v>
      </c>
      <c r="GK28" s="111">
        <v>0</v>
      </c>
      <c r="GL28" s="114">
        <v>0</v>
      </c>
      <c r="GM28" s="114">
        <v>52000</v>
      </c>
      <c r="GN28" s="114">
        <v>0</v>
      </c>
      <c r="GO28" s="114">
        <v>0</v>
      </c>
      <c r="GP28" s="114">
        <v>0</v>
      </c>
      <c r="GQ28" s="113">
        <v>52000</v>
      </c>
      <c r="GR28" s="116">
        <v>52000</v>
      </c>
      <c r="GS28" s="110">
        <v>0</v>
      </c>
      <c r="GT28" s="114">
        <v>160000</v>
      </c>
      <c r="GU28" s="113">
        <v>160000</v>
      </c>
      <c r="GV28" s="110">
        <v>0</v>
      </c>
      <c r="GW28" s="114">
        <v>0</v>
      </c>
      <c r="GX28" s="114">
        <v>51712</v>
      </c>
      <c r="GY28" s="114">
        <v>0</v>
      </c>
      <c r="GZ28" s="114">
        <v>0</v>
      </c>
      <c r="HA28" s="114">
        <v>0</v>
      </c>
      <c r="HB28" s="112">
        <v>51712</v>
      </c>
      <c r="HC28" s="116">
        <v>211712</v>
      </c>
      <c r="HD28" s="110">
        <v>103993</v>
      </c>
      <c r="HE28" s="114">
        <v>90120</v>
      </c>
      <c r="HF28" s="112">
        <v>194113</v>
      </c>
      <c r="HG28" s="111">
        <v>0</v>
      </c>
      <c r="HH28" s="114">
        <v>910764</v>
      </c>
      <c r="HI28" s="114">
        <v>518943</v>
      </c>
      <c r="HJ28" s="114">
        <v>417993</v>
      </c>
      <c r="HK28" s="114">
        <v>605354</v>
      </c>
      <c r="HL28" s="114">
        <v>668139</v>
      </c>
      <c r="HM28" s="113">
        <v>3121193</v>
      </c>
      <c r="HN28" s="109">
        <v>3315306</v>
      </c>
      <c r="HO28" s="328"/>
      <c r="HP28" s="329"/>
      <c r="HQ28" s="330"/>
      <c r="HR28" s="331"/>
      <c r="HS28" s="329"/>
      <c r="HT28" s="329"/>
      <c r="HU28" s="329"/>
      <c r="HV28" s="329"/>
      <c r="HW28" s="329"/>
      <c r="HX28" s="332"/>
      <c r="HY28" s="333"/>
      <c r="HZ28" s="150">
        <v>0</v>
      </c>
      <c r="IA28" s="135">
        <v>0</v>
      </c>
      <c r="IB28" s="150">
        <v>0</v>
      </c>
      <c r="IC28" s="134">
        <v>0</v>
      </c>
      <c r="ID28" s="135">
        <v>634012</v>
      </c>
      <c r="IE28" s="136">
        <v>39868</v>
      </c>
      <c r="IF28" s="137">
        <v>735995</v>
      </c>
      <c r="IG28" s="135">
        <v>1032598</v>
      </c>
      <c r="IH28" s="137">
        <v>0</v>
      </c>
      <c r="II28" s="138">
        <v>2442473</v>
      </c>
      <c r="IJ28" s="150">
        <v>2442473</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178301</v>
      </c>
      <c r="JL28" s="119">
        <v>39868</v>
      </c>
      <c r="JM28" s="119">
        <v>0</v>
      </c>
      <c r="JN28" s="119">
        <v>277985</v>
      </c>
      <c r="JO28" s="119">
        <v>0</v>
      </c>
      <c r="JP28" s="120">
        <v>496154</v>
      </c>
      <c r="JQ28" s="320">
        <v>496154</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455711</v>
      </c>
      <c r="KS28" s="119">
        <v>0</v>
      </c>
      <c r="KT28" s="119">
        <v>735995</v>
      </c>
      <c r="KU28" s="119">
        <v>754613</v>
      </c>
      <c r="KV28" s="119">
        <v>0</v>
      </c>
      <c r="KW28" s="120">
        <v>1946319</v>
      </c>
      <c r="KX28" s="320">
        <v>1946319</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520311</v>
      </c>
      <c r="MK28" s="119">
        <v>263548</v>
      </c>
      <c r="ML28" s="119">
        <v>791476</v>
      </c>
      <c r="MM28" s="119">
        <v>1515001</v>
      </c>
      <c r="MN28" s="119">
        <v>299816</v>
      </c>
      <c r="MO28" s="120">
        <v>3390152</v>
      </c>
      <c r="MP28" s="143">
        <v>3390152</v>
      </c>
      <c r="MQ28" s="142">
        <v>0</v>
      </c>
      <c r="MR28" s="119">
        <v>0</v>
      </c>
      <c r="MS28" s="120">
        <v>0</v>
      </c>
      <c r="MT28" s="145"/>
      <c r="MU28" s="119">
        <v>215587</v>
      </c>
      <c r="MV28" s="119">
        <v>0</v>
      </c>
      <c r="MW28" s="119">
        <v>247856</v>
      </c>
      <c r="MX28" s="119">
        <v>985243</v>
      </c>
      <c r="MY28" s="119">
        <v>0</v>
      </c>
      <c r="MZ28" s="120">
        <v>1448686</v>
      </c>
      <c r="NA28" s="143">
        <v>1448686</v>
      </c>
      <c r="NB28" s="142">
        <v>0</v>
      </c>
      <c r="NC28" s="119">
        <v>0</v>
      </c>
      <c r="ND28" s="120">
        <v>0</v>
      </c>
      <c r="NE28" s="145"/>
      <c r="NF28" s="119">
        <v>304724</v>
      </c>
      <c r="NG28" s="119">
        <v>263548</v>
      </c>
      <c r="NH28" s="119">
        <v>543620</v>
      </c>
      <c r="NI28" s="119">
        <v>529758</v>
      </c>
      <c r="NJ28" s="119">
        <v>299816</v>
      </c>
      <c r="NK28" s="120">
        <v>1941466</v>
      </c>
      <c r="NL28" s="320">
        <v>1941466</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204591</v>
      </c>
      <c r="OJ28" s="119">
        <v>392345</v>
      </c>
      <c r="OK28" s="141">
        <v>596936</v>
      </c>
      <c r="OL28" s="118">
        <v>0</v>
      </c>
      <c r="OM28" s="119">
        <v>3895275</v>
      </c>
      <c r="ON28" s="119">
        <v>3763351</v>
      </c>
      <c r="OO28" s="119">
        <v>4465501</v>
      </c>
      <c r="OP28" s="119">
        <v>4423763</v>
      </c>
      <c r="OQ28" s="119">
        <v>1797860</v>
      </c>
      <c r="OR28" s="120">
        <v>18345750</v>
      </c>
      <c r="OS28" s="143">
        <v>18942686</v>
      </c>
    </row>
    <row r="29" spans="2:409" ht="21" customHeight="1" x14ac:dyDescent="0.2">
      <c r="B29" s="126" t="s">
        <v>24</v>
      </c>
      <c r="C29" s="110">
        <v>401911</v>
      </c>
      <c r="D29" s="114">
        <v>241135</v>
      </c>
      <c r="E29" s="113">
        <v>643046</v>
      </c>
      <c r="F29" s="109">
        <v>0</v>
      </c>
      <c r="G29" s="114">
        <v>2890355</v>
      </c>
      <c r="H29" s="114">
        <v>2003142</v>
      </c>
      <c r="I29" s="114">
        <v>2403834</v>
      </c>
      <c r="J29" s="114">
        <v>1125497</v>
      </c>
      <c r="K29" s="114">
        <v>2081583</v>
      </c>
      <c r="L29" s="173">
        <v>10504411</v>
      </c>
      <c r="M29" s="116">
        <v>11147457</v>
      </c>
      <c r="N29" s="110">
        <v>57634</v>
      </c>
      <c r="O29" s="114">
        <v>73415</v>
      </c>
      <c r="P29" s="113">
        <v>131049</v>
      </c>
      <c r="Q29" s="110">
        <v>0</v>
      </c>
      <c r="R29" s="114">
        <v>1164697</v>
      </c>
      <c r="S29" s="114">
        <v>647981</v>
      </c>
      <c r="T29" s="114">
        <v>775341</v>
      </c>
      <c r="U29" s="114">
        <v>667061</v>
      </c>
      <c r="V29" s="114">
        <v>1548853</v>
      </c>
      <c r="W29" s="113">
        <v>4803933</v>
      </c>
      <c r="X29" s="116">
        <v>4934982</v>
      </c>
      <c r="Y29" s="110">
        <v>0</v>
      </c>
      <c r="Z29" s="114">
        <v>0</v>
      </c>
      <c r="AA29" s="113">
        <v>0</v>
      </c>
      <c r="AB29" s="110">
        <v>0</v>
      </c>
      <c r="AC29" s="114">
        <v>410050</v>
      </c>
      <c r="AD29" s="114">
        <v>293790</v>
      </c>
      <c r="AE29" s="114">
        <v>188941</v>
      </c>
      <c r="AF29" s="114">
        <v>400356</v>
      </c>
      <c r="AG29" s="114">
        <v>845898</v>
      </c>
      <c r="AH29" s="113">
        <v>2139035</v>
      </c>
      <c r="AI29" s="116">
        <v>2139035</v>
      </c>
      <c r="AJ29" s="110">
        <v>0</v>
      </c>
      <c r="AK29" s="114">
        <v>0</v>
      </c>
      <c r="AL29" s="113">
        <v>0</v>
      </c>
      <c r="AM29" s="110">
        <v>0</v>
      </c>
      <c r="AN29" s="114">
        <v>0</v>
      </c>
      <c r="AO29" s="114">
        <v>0</v>
      </c>
      <c r="AP29" s="114">
        <v>0</v>
      </c>
      <c r="AQ29" s="114">
        <v>59365</v>
      </c>
      <c r="AR29" s="114">
        <v>151878</v>
      </c>
      <c r="AS29" s="113">
        <v>211243</v>
      </c>
      <c r="AT29" s="116">
        <v>211243</v>
      </c>
      <c r="AU29" s="110">
        <v>32506</v>
      </c>
      <c r="AV29" s="114">
        <v>24383</v>
      </c>
      <c r="AW29" s="113">
        <v>56889</v>
      </c>
      <c r="AX29" s="110">
        <v>0</v>
      </c>
      <c r="AY29" s="114">
        <v>547449</v>
      </c>
      <c r="AZ29" s="114">
        <v>161190</v>
      </c>
      <c r="BA29" s="114">
        <v>392656</v>
      </c>
      <c r="BB29" s="114">
        <v>89222</v>
      </c>
      <c r="BC29" s="114">
        <v>430965</v>
      </c>
      <c r="BD29" s="113">
        <v>1621482</v>
      </c>
      <c r="BE29" s="116">
        <v>1678371</v>
      </c>
      <c r="BF29" s="110">
        <v>0</v>
      </c>
      <c r="BG29" s="114">
        <v>0</v>
      </c>
      <c r="BH29" s="112">
        <v>0</v>
      </c>
      <c r="BI29" s="111">
        <v>0</v>
      </c>
      <c r="BJ29" s="114">
        <v>67438</v>
      </c>
      <c r="BK29" s="114">
        <v>80257</v>
      </c>
      <c r="BL29" s="114">
        <v>0</v>
      </c>
      <c r="BM29" s="114">
        <v>77638</v>
      </c>
      <c r="BN29" s="114">
        <v>0</v>
      </c>
      <c r="BO29" s="113">
        <v>225333</v>
      </c>
      <c r="BP29" s="116">
        <v>225333</v>
      </c>
      <c r="BQ29" s="110">
        <v>25128</v>
      </c>
      <c r="BR29" s="114">
        <v>49032</v>
      </c>
      <c r="BS29" s="113">
        <v>74160</v>
      </c>
      <c r="BT29" s="110">
        <v>0</v>
      </c>
      <c r="BU29" s="114">
        <v>139760</v>
      </c>
      <c r="BV29" s="114">
        <v>112744</v>
      </c>
      <c r="BW29" s="114">
        <v>193744</v>
      </c>
      <c r="BX29" s="114">
        <v>40480</v>
      </c>
      <c r="BY29" s="114">
        <v>120112</v>
      </c>
      <c r="BZ29" s="113">
        <v>606840</v>
      </c>
      <c r="CA29" s="116">
        <v>681000</v>
      </c>
      <c r="CB29" s="110">
        <v>60352</v>
      </c>
      <c r="CC29" s="114">
        <v>74094</v>
      </c>
      <c r="CD29" s="113">
        <v>134446</v>
      </c>
      <c r="CE29" s="110">
        <v>0</v>
      </c>
      <c r="CF29" s="114">
        <v>789919</v>
      </c>
      <c r="CG29" s="114">
        <v>701398</v>
      </c>
      <c r="CH29" s="114">
        <v>682414</v>
      </c>
      <c r="CI29" s="114">
        <v>130912</v>
      </c>
      <c r="CJ29" s="114">
        <v>43207</v>
      </c>
      <c r="CK29" s="113">
        <v>2347850</v>
      </c>
      <c r="CL29" s="116">
        <v>2482296</v>
      </c>
      <c r="CM29" s="110">
        <v>0</v>
      </c>
      <c r="CN29" s="114">
        <v>0</v>
      </c>
      <c r="CO29" s="113">
        <v>0</v>
      </c>
      <c r="CP29" s="111">
        <v>0</v>
      </c>
      <c r="CQ29" s="114">
        <v>704628</v>
      </c>
      <c r="CR29" s="114">
        <v>407646</v>
      </c>
      <c r="CS29" s="114">
        <v>548572</v>
      </c>
      <c r="CT29" s="114">
        <v>0</v>
      </c>
      <c r="CU29" s="114">
        <v>43207</v>
      </c>
      <c r="CV29" s="113">
        <v>1704053</v>
      </c>
      <c r="CW29" s="116">
        <v>1704053</v>
      </c>
      <c r="CX29" s="110">
        <v>60352</v>
      </c>
      <c r="CY29" s="114">
        <v>74094</v>
      </c>
      <c r="CZ29" s="113">
        <v>134446</v>
      </c>
      <c r="DA29" s="110">
        <v>0</v>
      </c>
      <c r="DB29" s="114">
        <v>85291</v>
      </c>
      <c r="DC29" s="114">
        <v>293752</v>
      </c>
      <c r="DD29" s="114">
        <v>133842</v>
      </c>
      <c r="DE29" s="114">
        <v>130912</v>
      </c>
      <c r="DF29" s="114">
        <v>0</v>
      </c>
      <c r="DG29" s="113">
        <v>643797</v>
      </c>
      <c r="DH29" s="116">
        <v>778243</v>
      </c>
      <c r="DI29" s="110">
        <v>0</v>
      </c>
      <c r="DJ29" s="114">
        <v>0</v>
      </c>
      <c r="DK29" s="112">
        <v>0</v>
      </c>
      <c r="DL29" s="111">
        <v>0</v>
      </c>
      <c r="DM29" s="114">
        <v>153923</v>
      </c>
      <c r="DN29" s="114">
        <v>0</v>
      </c>
      <c r="DO29" s="114">
        <v>50445</v>
      </c>
      <c r="DP29" s="114">
        <v>0</v>
      </c>
      <c r="DQ29" s="114">
        <v>136917</v>
      </c>
      <c r="DR29" s="113">
        <v>341285</v>
      </c>
      <c r="DS29" s="116">
        <v>341285</v>
      </c>
      <c r="DT29" s="110">
        <v>0</v>
      </c>
      <c r="DU29" s="114">
        <v>0</v>
      </c>
      <c r="DV29" s="113">
        <v>0</v>
      </c>
      <c r="DW29" s="110">
        <v>0</v>
      </c>
      <c r="DX29" s="114">
        <v>153923</v>
      </c>
      <c r="DY29" s="114">
        <v>0</v>
      </c>
      <c r="DZ29" s="114">
        <v>50445</v>
      </c>
      <c r="EA29" s="114">
        <v>0</v>
      </c>
      <c r="EB29" s="114">
        <v>136917</v>
      </c>
      <c r="EC29" s="113">
        <v>341285</v>
      </c>
      <c r="ED29" s="116">
        <v>341285</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129240</v>
      </c>
      <c r="FM29" s="114">
        <v>6800</v>
      </c>
      <c r="FN29" s="113">
        <v>136040</v>
      </c>
      <c r="FO29" s="110">
        <v>0</v>
      </c>
      <c r="FP29" s="114">
        <v>151768</v>
      </c>
      <c r="FQ29" s="114">
        <v>123560</v>
      </c>
      <c r="FR29" s="114">
        <v>120040</v>
      </c>
      <c r="FS29" s="114">
        <v>120288</v>
      </c>
      <c r="FT29" s="114">
        <v>132040</v>
      </c>
      <c r="FU29" s="113">
        <v>647696</v>
      </c>
      <c r="FV29" s="116">
        <v>783736</v>
      </c>
      <c r="FW29" s="115">
        <v>26840</v>
      </c>
      <c r="FX29" s="114">
        <v>6800</v>
      </c>
      <c r="FY29" s="112">
        <v>33640</v>
      </c>
      <c r="FZ29" s="111">
        <v>0</v>
      </c>
      <c r="GA29" s="114">
        <v>130648</v>
      </c>
      <c r="GB29" s="114">
        <v>123560</v>
      </c>
      <c r="GC29" s="114">
        <v>120040</v>
      </c>
      <c r="GD29" s="114">
        <v>120288</v>
      </c>
      <c r="GE29" s="114">
        <v>104320</v>
      </c>
      <c r="GF29" s="113">
        <v>598856</v>
      </c>
      <c r="GG29" s="318">
        <v>632496</v>
      </c>
      <c r="GH29" s="115">
        <v>0</v>
      </c>
      <c r="GI29" s="114">
        <v>0</v>
      </c>
      <c r="GJ29" s="112">
        <v>0</v>
      </c>
      <c r="GK29" s="111">
        <v>0</v>
      </c>
      <c r="GL29" s="114">
        <v>21120</v>
      </c>
      <c r="GM29" s="114">
        <v>0</v>
      </c>
      <c r="GN29" s="114">
        <v>0</v>
      </c>
      <c r="GO29" s="114">
        <v>0</v>
      </c>
      <c r="GP29" s="114">
        <v>27720</v>
      </c>
      <c r="GQ29" s="113">
        <v>48840</v>
      </c>
      <c r="GR29" s="116">
        <v>48840</v>
      </c>
      <c r="GS29" s="110">
        <v>102400</v>
      </c>
      <c r="GT29" s="114">
        <v>0</v>
      </c>
      <c r="GU29" s="113">
        <v>102400</v>
      </c>
      <c r="GV29" s="110">
        <v>0</v>
      </c>
      <c r="GW29" s="114">
        <v>0</v>
      </c>
      <c r="GX29" s="114">
        <v>0</v>
      </c>
      <c r="GY29" s="114">
        <v>0</v>
      </c>
      <c r="GZ29" s="114">
        <v>0</v>
      </c>
      <c r="HA29" s="114">
        <v>0</v>
      </c>
      <c r="HB29" s="112">
        <v>0</v>
      </c>
      <c r="HC29" s="116">
        <v>102400</v>
      </c>
      <c r="HD29" s="110">
        <v>154685</v>
      </c>
      <c r="HE29" s="114">
        <v>86826</v>
      </c>
      <c r="HF29" s="112">
        <v>241511</v>
      </c>
      <c r="HG29" s="111">
        <v>0</v>
      </c>
      <c r="HH29" s="114">
        <v>630048</v>
      </c>
      <c r="HI29" s="114">
        <v>530203</v>
      </c>
      <c r="HJ29" s="114">
        <v>775594</v>
      </c>
      <c r="HK29" s="114">
        <v>207236</v>
      </c>
      <c r="HL29" s="114">
        <v>220566</v>
      </c>
      <c r="HM29" s="113">
        <v>2363647</v>
      </c>
      <c r="HN29" s="109">
        <v>2605158</v>
      </c>
      <c r="HO29" s="328"/>
      <c r="HP29" s="329"/>
      <c r="HQ29" s="330"/>
      <c r="HR29" s="331"/>
      <c r="HS29" s="329"/>
      <c r="HT29" s="329"/>
      <c r="HU29" s="329"/>
      <c r="HV29" s="329"/>
      <c r="HW29" s="329"/>
      <c r="HX29" s="332"/>
      <c r="HY29" s="333"/>
      <c r="HZ29" s="131">
        <v>0</v>
      </c>
      <c r="IA29" s="132">
        <v>0</v>
      </c>
      <c r="IB29" s="133">
        <v>0</v>
      </c>
      <c r="IC29" s="146">
        <v>0</v>
      </c>
      <c r="ID29" s="132">
        <v>243178</v>
      </c>
      <c r="IE29" s="147">
        <v>166792</v>
      </c>
      <c r="IF29" s="133">
        <v>1013532</v>
      </c>
      <c r="IG29" s="132">
        <v>0</v>
      </c>
      <c r="IH29" s="133">
        <v>238699</v>
      </c>
      <c r="II29" s="148">
        <v>1662201</v>
      </c>
      <c r="IJ29" s="139">
        <v>1662201</v>
      </c>
      <c r="IK29" s="232">
        <v>0</v>
      </c>
      <c r="IL29" s="236">
        <v>0</v>
      </c>
      <c r="IM29" s="237">
        <v>0</v>
      </c>
      <c r="IN29" s="140"/>
      <c r="IO29" s="119">
        <v>0</v>
      </c>
      <c r="IP29" s="119">
        <v>0</v>
      </c>
      <c r="IQ29" s="119">
        <v>153799</v>
      </c>
      <c r="IR29" s="119">
        <v>0</v>
      </c>
      <c r="IS29" s="119">
        <v>0</v>
      </c>
      <c r="IT29" s="141">
        <v>153799</v>
      </c>
      <c r="IU29" s="320">
        <v>153799</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34797</v>
      </c>
      <c r="JL29" s="119">
        <v>0</v>
      </c>
      <c r="JM29" s="119">
        <v>265616</v>
      </c>
      <c r="JN29" s="119">
        <v>0</v>
      </c>
      <c r="JO29" s="119">
        <v>0</v>
      </c>
      <c r="JP29" s="120">
        <v>400413</v>
      </c>
      <c r="JQ29" s="320">
        <v>400413</v>
      </c>
      <c r="JR29" s="142">
        <v>0</v>
      </c>
      <c r="JS29" s="119">
        <v>0</v>
      </c>
      <c r="JT29" s="141">
        <v>0</v>
      </c>
      <c r="JU29" s="118">
        <v>0</v>
      </c>
      <c r="JV29" s="119">
        <v>0</v>
      </c>
      <c r="JW29" s="119">
        <v>0</v>
      </c>
      <c r="JX29" s="119">
        <v>135173</v>
      </c>
      <c r="JY29" s="119">
        <v>0</v>
      </c>
      <c r="JZ29" s="119">
        <v>0</v>
      </c>
      <c r="KA29" s="120">
        <v>135173</v>
      </c>
      <c r="KB29" s="320">
        <v>135173</v>
      </c>
      <c r="KC29" s="234">
        <v>0</v>
      </c>
      <c r="KD29" s="230">
        <v>0</v>
      </c>
      <c r="KE29" s="120">
        <v>0</v>
      </c>
      <c r="KF29" s="118">
        <v>0</v>
      </c>
      <c r="KG29" s="119">
        <v>108381</v>
      </c>
      <c r="KH29" s="119">
        <v>166792</v>
      </c>
      <c r="KI29" s="119">
        <v>0</v>
      </c>
      <c r="KJ29" s="119">
        <v>0</v>
      </c>
      <c r="KK29" s="119">
        <v>0</v>
      </c>
      <c r="KL29" s="120">
        <v>275173</v>
      </c>
      <c r="KM29" s="143">
        <v>275173</v>
      </c>
      <c r="KN29" s="232">
        <v>0</v>
      </c>
      <c r="KO29" s="236">
        <v>0</v>
      </c>
      <c r="KP29" s="237">
        <v>0</v>
      </c>
      <c r="KQ29" s="140"/>
      <c r="KR29" s="119">
        <v>0</v>
      </c>
      <c r="KS29" s="119">
        <v>0</v>
      </c>
      <c r="KT29" s="119">
        <v>458944</v>
      </c>
      <c r="KU29" s="119">
        <v>0</v>
      </c>
      <c r="KV29" s="119">
        <v>238699</v>
      </c>
      <c r="KW29" s="120">
        <v>697643</v>
      </c>
      <c r="KX29" s="320">
        <v>697643</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78740</v>
      </c>
      <c r="MK29" s="119">
        <v>99784</v>
      </c>
      <c r="ML29" s="119">
        <v>575108</v>
      </c>
      <c r="MM29" s="119">
        <v>1808999</v>
      </c>
      <c r="MN29" s="119">
        <v>521248</v>
      </c>
      <c r="MO29" s="120">
        <v>3283879</v>
      </c>
      <c r="MP29" s="143">
        <v>3283879</v>
      </c>
      <c r="MQ29" s="142">
        <v>0</v>
      </c>
      <c r="MR29" s="119">
        <v>0</v>
      </c>
      <c r="MS29" s="120">
        <v>0</v>
      </c>
      <c r="MT29" s="145"/>
      <c r="MU29" s="119">
        <v>0</v>
      </c>
      <c r="MV29" s="119">
        <v>0</v>
      </c>
      <c r="MW29" s="119">
        <v>0</v>
      </c>
      <c r="MX29" s="119">
        <v>1252946</v>
      </c>
      <c r="MY29" s="119">
        <v>521248</v>
      </c>
      <c r="MZ29" s="120">
        <v>1774194</v>
      </c>
      <c r="NA29" s="143">
        <v>1774194</v>
      </c>
      <c r="NB29" s="142">
        <v>0</v>
      </c>
      <c r="NC29" s="119">
        <v>0</v>
      </c>
      <c r="ND29" s="120">
        <v>0</v>
      </c>
      <c r="NE29" s="145"/>
      <c r="NF29" s="119">
        <v>278740</v>
      </c>
      <c r="NG29" s="119">
        <v>99784</v>
      </c>
      <c r="NH29" s="119">
        <v>575108</v>
      </c>
      <c r="NI29" s="119">
        <v>556053</v>
      </c>
      <c r="NJ29" s="119">
        <v>0</v>
      </c>
      <c r="NK29" s="120">
        <v>1509685</v>
      </c>
      <c r="NL29" s="320">
        <v>1509685</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401911</v>
      </c>
      <c r="OJ29" s="119">
        <v>241135</v>
      </c>
      <c r="OK29" s="141">
        <v>643046</v>
      </c>
      <c r="OL29" s="118">
        <v>0</v>
      </c>
      <c r="OM29" s="119">
        <v>3412273</v>
      </c>
      <c r="ON29" s="119">
        <v>2269718</v>
      </c>
      <c r="OO29" s="119">
        <v>3992474</v>
      </c>
      <c r="OP29" s="119">
        <v>2934496</v>
      </c>
      <c r="OQ29" s="119">
        <v>2841530</v>
      </c>
      <c r="OR29" s="120">
        <v>15450491</v>
      </c>
      <c r="OS29" s="143">
        <v>16093537</v>
      </c>
    </row>
    <row r="30" spans="2:409" ht="21" customHeight="1" x14ac:dyDescent="0.2">
      <c r="B30" s="126" t="s">
        <v>25</v>
      </c>
      <c r="C30" s="110">
        <v>91309</v>
      </c>
      <c r="D30" s="114">
        <v>233368</v>
      </c>
      <c r="E30" s="113">
        <v>324677</v>
      </c>
      <c r="F30" s="109">
        <v>0</v>
      </c>
      <c r="G30" s="114">
        <v>1517242</v>
      </c>
      <c r="H30" s="114">
        <v>605678</v>
      </c>
      <c r="I30" s="114">
        <v>1855729</v>
      </c>
      <c r="J30" s="114">
        <v>1176174</v>
      </c>
      <c r="K30" s="114">
        <v>424239</v>
      </c>
      <c r="L30" s="173">
        <v>5579062</v>
      </c>
      <c r="M30" s="116">
        <v>5903739</v>
      </c>
      <c r="N30" s="110">
        <v>27117</v>
      </c>
      <c r="O30" s="114">
        <v>54168</v>
      </c>
      <c r="P30" s="113">
        <v>81285</v>
      </c>
      <c r="Q30" s="110">
        <v>0</v>
      </c>
      <c r="R30" s="114">
        <v>248801</v>
      </c>
      <c r="S30" s="114">
        <v>121264</v>
      </c>
      <c r="T30" s="114">
        <v>905681</v>
      </c>
      <c r="U30" s="114">
        <v>111408</v>
      </c>
      <c r="V30" s="114">
        <v>153327</v>
      </c>
      <c r="W30" s="113">
        <v>1540481</v>
      </c>
      <c r="X30" s="116">
        <v>1621766</v>
      </c>
      <c r="Y30" s="110">
        <v>0</v>
      </c>
      <c r="Z30" s="114">
        <v>0</v>
      </c>
      <c r="AA30" s="113">
        <v>0</v>
      </c>
      <c r="AB30" s="110">
        <v>0</v>
      </c>
      <c r="AC30" s="114">
        <v>109164</v>
      </c>
      <c r="AD30" s="114">
        <v>74641</v>
      </c>
      <c r="AE30" s="114">
        <v>596138</v>
      </c>
      <c r="AF30" s="114">
        <v>0</v>
      </c>
      <c r="AG30" s="114">
        <v>0</v>
      </c>
      <c r="AH30" s="113">
        <v>779943</v>
      </c>
      <c r="AI30" s="116">
        <v>779943</v>
      </c>
      <c r="AJ30" s="110">
        <v>0</v>
      </c>
      <c r="AK30" s="114">
        <v>0</v>
      </c>
      <c r="AL30" s="113">
        <v>0</v>
      </c>
      <c r="AM30" s="110">
        <v>0</v>
      </c>
      <c r="AN30" s="114">
        <v>0</v>
      </c>
      <c r="AO30" s="114">
        <v>0</v>
      </c>
      <c r="AP30" s="114">
        <v>81128</v>
      </c>
      <c r="AQ30" s="114">
        <v>0</v>
      </c>
      <c r="AR30" s="114">
        <v>68462</v>
      </c>
      <c r="AS30" s="113">
        <v>149590</v>
      </c>
      <c r="AT30" s="116">
        <v>149590</v>
      </c>
      <c r="AU30" s="110">
        <v>27117</v>
      </c>
      <c r="AV30" s="114">
        <v>0</v>
      </c>
      <c r="AW30" s="113">
        <v>27117</v>
      </c>
      <c r="AX30" s="110">
        <v>0</v>
      </c>
      <c r="AY30" s="114">
        <v>65157</v>
      </c>
      <c r="AZ30" s="114">
        <v>46623</v>
      </c>
      <c r="BA30" s="114">
        <v>154264</v>
      </c>
      <c r="BB30" s="114">
        <v>92136</v>
      </c>
      <c r="BC30" s="114">
        <v>37937</v>
      </c>
      <c r="BD30" s="113">
        <v>396117</v>
      </c>
      <c r="BE30" s="116">
        <v>423234</v>
      </c>
      <c r="BF30" s="110">
        <v>0</v>
      </c>
      <c r="BG30" s="114">
        <v>41592</v>
      </c>
      <c r="BH30" s="112">
        <v>41592</v>
      </c>
      <c r="BI30" s="111">
        <v>0</v>
      </c>
      <c r="BJ30" s="114">
        <v>0</v>
      </c>
      <c r="BK30" s="114">
        <v>0</v>
      </c>
      <c r="BL30" s="114">
        <v>43415</v>
      </c>
      <c r="BM30" s="114">
        <v>0</v>
      </c>
      <c r="BN30" s="114">
        <v>32560</v>
      </c>
      <c r="BO30" s="113">
        <v>75975</v>
      </c>
      <c r="BP30" s="116">
        <v>117567</v>
      </c>
      <c r="BQ30" s="110">
        <v>0</v>
      </c>
      <c r="BR30" s="114">
        <v>12576</v>
      </c>
      <c r="BS30" s="113">
        <v>12576</v>
      </c>
      <c r="BT30" s="110">
        <v>0</v>
      </c>
      <c r="BU30" s="114">
        <v>74480</v>
      </c>
      <c r="BV30" s="114">
        <v>0</v>
      </c>
      <c r="BW30" s="114">
        <v>30736</v>
      </c>
      <c r="BX30" s="114">
        <v>19272</v>
      </c>
      <c r="BY30" s="114">
        <v>14368</v>
      </c>
      <c r="BZ30" s="113">
        <v>138856</v>
      </c>
      <c r="CA30" s="116">
        <v>151432</v>
      </c>
      <c r="CB30" s="110">
        <v>58688</v>
      </c>
      <c r="CC30" s="114">
        <v>0</v>
      </c>
      <c r="CD30" s="113">
        <v>58688</v>
      </c>
      <c r="CE30" s="110">
        <v>0</v>
      </c>
      <c r="CF30" s="114">
        <v>529463</v>
      </c>
      <c r="CG30" s="114">
        <v>400014</v>
      </c>
      <c r="CH30" s="114">
        <v>531710</v>
      </c>
      <c r="CI30" s="114">
        <v>447981</v>
      </c>
      <c r="CJ30" s="114">
        <v>0</v>
      </c>
      <c r="CK30" s="113">
        <v>1909168</v>
      </c>
      <c r="CL30" s="116">
        <v>1967856</v>
      </c>
      <c r="CM30" s="110">
        <v>0</v>
      </c>
      <c r="CN30" s="114">
        <v>0</v>
      </c>
      <c r="CO30" s="113">
        <v>0</v>
      </c>
      <c r="CP30" s="111">
        <v>0</v>
      </c>
      <c r="CQ30" s="114">
        <v>378456</v>
      </c>
      <c r="CR30" s="114">
        <v>96724</v>
      </c>
      <c r="CS30" s="114">
        <v>134914</v>
      </c>
      <c r="CT30" s="114">
        <v>377837</v>
      </c>
      <c r="CU30" s="114">
        <v>0</v>
      </c>
      <c r="CV30" s="113">
        <v>987931</v>
      </c>
      <c r="CW30" s="116">
        <v>987931</v>
      </c>
      <c r="CX30" s="110">
        <v>58688</v>
      </c>
      <c r="CY30" s="114">
        <v>0</v>
      </c>
      <c r="CZ30" s="113">
        <v>58688</v>
      </c>
      <c r="DA30" s="110">
        <v>0</v>
      </c>
      <c r="DB30" s="114">
        <v>151007</v>
      </c>
      <c r="DC30" s="114">
        <v>303290</v>
      </c>
      <c r="DD30" s="114">
        <v>396796</v>
      </c>
      <c r="DE30" s="114">
        <v>70144</v>
      </c>
      <c r="DF30" s="114">
        <v>0</v>
      </c>
      <c r="DG30" s="113">
        <v>921237</v>
      </c>
      <c r="DH30" s="116">
        <v>979925</v>
      </c>
      <c r="DI30" s="110">
        <v>0</v>
      </c>
      <c r="DJ30" s="114">
        <v>0</v>
      </c>
      <c r="DK30" s="112">
        <v>0</v>
      </c>
      <c r="DL30" s="111">
        <v>0</v>
      </c>
      <c r="DM30" s="114">
        <v>66109</v>
      </c>
      <c r="DN30" s="114">
        <v>0</v>
      </c>
      <c r="DO30" s="114">
        <v>121060</v>
      </c>
      <c r="DP30" s="114">
        <v>253546</v>
      </c>
      <c r="DQ30" s="114">
        <v>0</v>
      </c>
      <c r="DR30" s="113">
        <v>440715</v>
      </c>
      <c r="DS30" s="116">
        <v>440715</v>
      </c>
      <c r="DT30" s="110">
        <v>0</v>
      </c>
      <c r="DU30" s="114">
        <v>0</v>
      </c>
      <c r="DV30" s="113">
        <v>0</v>
      </c>
      <c r="DW30" s="110">
        <v>0</v>
      </c>
      <c r="DX30" s="114">
        <v>23825</v>
      </c>
      <c r="DY30" s="114">
        <v>0</v>
      </c>
      <c r="DZ30" s="114">
        <v>58160</v>
      </c>
      <c r="EA30" s="114">
        <v>253546</v>
      </c>
      <c r="EB30" s="114">
        <v>0</v>
      </c>
      <c r="EC30" s="113">
        <v>335531</v>
      </c>
      <c r="ED30" s="116">
        <v>335531</v>
      </c>
      <c r="EE30" s="110">
        <v>0</v>
      </c>
      <c r="EF30" s="112">
        <v>0</v>
      </c>
      <c r="EG30" s="113">
        <v>0</v>
      </c>
      <c r="EH30" s="110">
        <v>0</v>
      </c>
      <c r="EI30" s="114">
        <v>42284</v>
      </c>
      <c r="EJ30" s="114">
        <v>0</v>
      </c>
      <c r="EK30" s="114">
        <v>62900</v>
      </c>
      <c r="EL30" s="114">
        <v>0</v>
      </c>
      <c r="EM30" s="114">
        <v>0</v>
      </c>
      <c r="EN30" s="112">
        <v>105184</v>
      </c>
      <c r="EO30" s="116">
        <v>105184</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5504</v>
      </c>
      <c r="FM30" s="114">
        <v>91496</v>
      </c>
      <c r="FN30" s="113">
        <v>97000</v>
      </c>
      <c r="FO30" s="110">
        <v>0</v>
      </c>
      <c r="FP30" s="114">
        <v>69624</v>
      </c>
      <c r="FQ30" s="114">
        <v>84400</v>
      </c>
      <c r="FR30" s="114">
        <v>100760</v>
      </c>
      <c r="FS30" s="114">
        <v>76960</v>
      </c>
      <c r="FT30" s="114">
        <v>45376</v>
      </c>
      <c r="FU30" s="113">
        <v>377120</v>
      </c>
      <c r="FV30" s="116">
        <v>474120</v>
      </c>
      <c r="FW30" s="115">
        <v>5504</v>
      </c>
      <c r="FX30" s="114">
        <v>37096</v>
      </c>
      <c r="FY30" s="112">
        <v>42600</v>
      </c>
      <c r="FZ30" s="111">
        <v>0</v>
      </c>
      <c r="GA30" s="114">
        <v>48024</v>
      </c>
      <c r="GB30" s="114">
        <v>84400</v>
      </c>
      <c r="GC30" s="114">
        <v>100760</v>
      </c>
      <c r="GD30" s="114">
        <v>76960</v>
      </c>
      <c r="GE30" s="114">
        <v>45376</v>
      </c>
      <c r="GF30" s="113">
        <v>355520</v>
      </c>
      <c r="GG30" s="318">
        <v>398120</v>
      </c>
      <c r="GH30" s="115">
        <v>0</v>
      </c>
      <c r="GI30" s="114">
        <v>0</v>
      </c>
      <c r="GJ30" s="112">
        <v>0</v>
      </c>
      <c r="GK30" s="111">
        <v>0</v>
      </c>
      <c r="GL30" s="114">
        <v>21600</v>
      </c>
      <c r="GM30" s="114">
        <v>0</v>
      </c>
      <c r="GN30" s="114">
        <v>0</v>
      </c>
      <c r="GO30" s="114">
        <v>0</v>
      </c>
      <c r="GP30" s="114">
        <v>0</v>
      </c>
      <c r="GQ30" s="113">
        <v>21600</v>
      </c>
      <c r="GR30" s="116">
        <v>21600</v>
      </c>
      <c r="GS30" s="110">
        <v>0</v>
      </c>
      <c r="GT30" s="114">
        <v>54400</v>
      </c>
      <c r="GU30" s="113">
        <v>54400</v>
      </c>
      <c r="GV30" s="110">
        <v>0</v>
      </c>
      <c r="GW30" s="114">
        <v>0</v>
      </c>
      <c r="GX30" s="114">
        <v>0</v>
      </c>
      <c r="GY30" s="114">
        <v>0</v>
      </c>
      <c r="GZ30" s="114">
        <v>0</v>
      </c>
      <c r="HA30" s="114">
        <v>0</v>
      </c>
      <c r="HB30" s="112">
        <v>0</v>
      </c>
      <c r="HC30" s="116">
        <v>54400</v>
      </c>
      <c r="HD30" s="110">
        <v>0</v>
      </c>
      <c r="HE30" s="114">
        <v>87704</v>
      </c>
      <c r="HF30" s="112">
        <v>87704</v>
      </c>
      <c r="HG30" s="111">
        <v>0</v>
      </c>
      <c r="HH30" s="114">
        <v>603245</v>
      </c>
      <c r="HI30" s="114">
        <v>0</v>
      </c>
      <c r="HJ30" s="114">
        <v>196518</v>
      </c>
      <c r="HK30" s="114">
        <v>286279</v>
      </c>
      <c r="HL30" s="114">
        <v>225536</v>
      </c>
      <c r="HM30" s="113">
        <v>1311578</v>
      </c>
      <c r="HN30" s="109">
        <v>1399282</v>
      </c>
      <c r="HO30" s="328"/>
      <c r="HP30" s="329"/>
      <c r="HQ30" s="330"/>
      <c r="HR30" s="331"/>
      <c r="HS30" s="329"/>
      <c r="HT30" s="329"/>
      <c r="HU30" s="329"/>
      <c r="HV30" s="329"/>
      <c r="HW30" s="329"/>
      <c r="HX30" s="332"/>
      <c r="HY30" s="333"/>
      <c r="HZ30" s="150">
        <v>41280</v>
      </c>
      <c r="IA30" s="135">
        <v>0</v>
      </c>
      <c r="IB30" s="150">
        <v>41280</v>
      </c>
      <c r="IC30" s="134">
        <v>0</v>
      </c>
      <c r="ID30" s="135">
        <v>270498</v>
      </c>
      <c r="IE30" s="136">
        <v>0</v>
      </c>
      <c r="IF30" s="137">
        <v>0</v>
      </c>
      <c r="IG30" s="135">
        <v>0</v>
      </c>
      <c r="IH30" s="137">
        <v>0</v>
      </c>
      <c r="II30" s="138">
        <v>270498</v>
      </c>
      <c r="IJ30" s="150">
        <v>311778</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270498</v>
      </c>
      <c r="JL30" s="119">
        <v>0</v>
      </c>
      <c r="JM30" s="119">
        <v>0</v>
      </c>
      <c r="JN30" s="119">
        <v>0</v>
      </c>
      <c r="JO30" s="119">
        <v>0</v>
      </c>
      <c r="JP30" s="120">
        <v>270498</v>
      </c>
      <c r="JQ30" s="320">
        <v>270498</v>
      </c>
      <c r="JR30" s="142">
        <v>0</v>
      </c>
      <c r="JS30" s="119">
        <v>0</v>
      </c>
      <c r="JT30" s="141">
        <v>0</v>
      </c>
      <c r="JU30" s="118">
        <v>0</v>
      </c>
      <c r="JV30" s="119">
        <v>0</v>
      </c>
      <c r="JW30" s="119">
        <v>0</v>
      </c>
      <c r="JX30" s="119">
        <v>0</v>
      </c>
      <c r="JY30" s="119">
        <v>0</v>
      </c>
      <c r="JZ30" s="119">
        <v>0</v>
      </c>
      <c r="KA30" s="120">
        <v>0</v>
      </c>
      <c r="KB30" s="320">
        <v>0</v>
      </c>
      <c r="KC30" s="234">
        <v>41280</v>
      </c>
      <c r="KD30" s="230">
        <v>0</v>
      </c>
      <c r="KE30" s="120">
        <v>41280</v>
      </c>
      <c r="KF30" s="118">
        <v>0</v>
      </c>
      <c r="KG30" s="119">
        <v>0</v>
      </c>
      <c r="KH30" s="119">
        <v>0</v>
      </c>
      <c r="KI30" s="119">
        <v>0</v>
      </c>
      <c r="KJ30" s="119">
        <v>0</v>
      </c>
      <c r="KK30" s="119">
        <v>0</v>
      </c>
      <c r="KL30" s="120">
        <v>0</v>
      </c>
      <c r="KM30" s="143">
        <v>41280</v>
      </c>
      <c r="KN30" s="232">
        <v>0</v>
      </c>
      <c r="KO30" s="236">
        <v>0</v>
      </c>
      <c r="KP30" s="237">
        <v>0</v>
      </c>
      <c r="KQ30" s="140"/>
      <c r="KR30" s="119">
        <v>0</v>
      </c>
      <c r="KS30" s="119">
        <v>0</v>
      </c>
      <c r="KT30" s="119">
        <v>0</v>
      </c>
      <c r="KU30" s="119">
        <v>0</v>
      </c>
      <c r="KV30" s="119">
        <v>0</v>
      </c>
      <c r="KW30" s="120">
        <v>0</v>
      </c>
      <c r="KX30" s="320">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249044</v>
      </c>
      <c r="MK30" s="119">
        <v>201174</v>
      </c>
      <c r="ML30" s="119">
        <v>1192592</v>
      </c>
      <c r="MM30" s="119">
        <v>559984</v>
      </c>
      <c r="MN30" s="119">
        <v>612407</v>
      </c>
      <c r="MO30" s="120">
        <v>2815201</v>
      </c>
      <c r="MP30" s="143">
        <v>2815201</v>
      </c>
      <c r="MQ30" s="142">
        <v>0</v>
      </c>
      <c r="MR30" s="119">
        <v>0</v>
      </c>
      <c r="MS30" s="120">
        <v>0</v>
      </c>
      <c r="MT30" s="145"/>
      <c r="MU30" s="119">
        <v>0</v>
      </c>
      <c r="MV30" s="119">
        <v>201174</v>
      </c>
      <c r="MW30" s="119">
        <v>1192592</v>
      </c>
      <c r="MX30" s="119">
        <v>559984</v>
      </c>
      <c r="MY30" s="119">
        <v>0</v>
      </c>
      <c r="MZ30" s="120">
        <v>1953750</v>
      </c>
      <c r="NA30" s="143">
        <v>1953750</v>
      </c>
      <c r="NB30" s="142">
        <v>0</v>
      </c>
      <c r="NC30" s="119">
        <v>0</v>
      </c>
      <c r="ND30" s="120">
        <v>0</v>
      </c>
      <c r="NE30" s="145"/>
      <c r="NF30" s="119">
        <v>249044</v>
      </c>
      <c r="NG30" s="119">
        <v>0</v>
      </c>
      <c r="NH30" s="119">
        <v>0</v>
      </c>
      <c r="NI30" s="119">
        <v>0</v>
      </c>
      <c r="NJ30" s="119">
        <v>612407</v>
      </c>
      <c r="NK30" s="120">
        <v>861451</v>
      </c>
      <c r="NL30" s="320">
        <v>861451</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32589</v>
      </c>
      <c r="OJ30" s="119">
        <v>233368</v>
      </c>
      <c r="OK30" s="141">
        <v>365957</v>
      </c>
      <c r="OL30" s="118">
        <v>0</v>
      </c>
      <c r="OM30" s="119">
        <v>2036784</v>
      </c>
      <c r="ON30" s="119">
        <v>806852</v>
      </c>
      <c r="OO30" s="119">
        <v>3048321</v>
      </c>
      <c r="OP30" s="119">
        <v>1736158</v>
      </c>
      <c r="OQ30" s="119">
        <v>1036646</v>
      </c>
      <c r="OR30" s="120">
        <v>8664761</v>
      </c>
      <c r="OS30" s="143">
        <v>9030718</v>
      </c>
    </row>
    <row r="31" spans="2:409" ht="21" customHeight="1" x14ac:dyDescent="0.2">
      <c r="B31" s="126" t="s">
        <v>26</v>
      </c>
      <c r="C31" s="110">
        <v>43048</v>
      </c>
      <c r="D31" s="114">
        <v>15824</v>
      </c>
      <c r="E31" s="113">
        <v>58872</v>
      </c>
      <c r="F31" s="109">
        <v>0</v>
      </c>
      <c r="G31" s="114">
        <v>1060758</v>
      </c>
      <c r="H31" s="114">
        <v>3188627</v>
      </c>
      <c r="I31" s="114">
        <v>1109331</v>
      </c>
      <c r="J31" s="114">
        <v>486965</v>
      </c>
      <c r="K31" s="114">
        <v>545821</v>
      </c>
      <c r="L31" s="173">
        <v>6391502</v>
      </c>
      <c r="M31" s="116">
        <v>6450374</v>
      </c>
      <c r="N31" s="110">
        <v>12416</v>
      </c>
      <c r="O31" s="114">
        <v>0</v>
      </c>
      <c r="P31" s="113">
        <v>12416</v>
      </c>
      <c r="Q31" s="110">
        <v>0</v>
      </c>
      <c r="R31" s="114">
        <v>269004</v>
      </c>
      <c r="S31" s="114">
        <v>1197282</v>
      </c>
      <c r="T31" s="114">
        <v>586506</v>
      </c>
      <c r="U31" s="114">
        <v>74756</v>
      </c>
      <c r="V31" s="114">
        <v>192037</v>
      </c>
      <c r="W31" s="113">
        <v>2319585</v>
      </c>
      <c r="X31" s="116">
        <v>2332001</v>
      </c>
      <c r="Y31" s="110">
        <v>0</v>
      </c>
      <c r="Z31" s="114">
        <v>0</v>
      </c>
      <c r="AA31" s="113">
        <v>0</v>
      </c>
      <c r="AB31" s="110">
        <v>0</v>
      </c>
      <c r="AC31" s="114">
        <v>174057</v>
      </c>
      <c r="AD31" s="114">
        <v>855896</v>
      </c>
      <c r="AE31" s="114">
        <v>399961</v>
      </c>
      <c r="AF31" s="114">
        <v>0</v>
      </c>
      <c r="AG31" s="114">
        <v>0</v>
      </c>
      <c r="AH31" s="113">
        <v>1429914</v>
      </c>
      <c r="AI31" s="116">
        <v>1429914</v>
      </c>
      <c r="AJ31" s="110">
        <v>0</v>
      </c>
      <c r="AK31" s="114">
        <v>0</v>
      </c>
      <c r="AL31" s="113">
        <v>0</v>
      </c>
      <c r="AM31" s="110">
        <v>0</v>
      </c>
      <c r="AN31" s="114">
        <v>0</v>
      </c>
      <c r="AO31" s="114">
        <v>0</v>
      </c>
      <c r="AP31" s="114">
        <v>23368</v>
      </c>
      <c r="AQ31" s="114">
        <v>60244</v>
      </c>
      <c r="AR31" s="114">
        <v>104157</v>
      </c>
      <c r="AS31" s="113">
        <v>187769</v>
      </c>
      <c r="AT31" s="116">
        <v>187769</v>
      </c>
      <c r="AU31" s="110">
        <v>0</v>
      </c>
      <c r="AV31" s="114">
        <v>0</v>
      </c>
      <c r="AW31" s="113">
        <v>0</v>
      </c>
      <c r="AX31" s="110">
        <v>0</v>
      </c>
      <c r="AY31" s="114">
        <v>52499</v>
      </c>
      <c r="AZ31" s="114">
        <v>198026</v>
      </c>
      <c r="BA31" s="114">
        <v>89585</v>
      </c>
      <c r="BB31" s="114">
        <v>0</v>
      </c>
      <c r="BC31" s="114">
        <v>81360</v>
      </c>
      <c r="BD31" s="113">
        <v>421470</v>
      </c>
      <c r="BE31" s="116">
        <v>421470</v>
      </c>
      <c r="BF31" s="110">
        <v>0</v>
      </c>
      <c r="BG31" s="114">
        <v>0</v>
      </c>
      <c r="BH31" s="112">
        <v>0</v>
      </c>
      <c r="BI31" s="111">
        <v>0</v>
      </c>
      <c r="BJ31" s="114">
        <v>0</v>
      </c>
      <c r="BK31" s="114">
        <v>0</v>
      </c>
      <c r="BL31" s="114">
        <v>0</v>
      </c>
      <c r="BM31" s="114">
        <v>0</v>
      </c>
      <c r="BN31" s="114">
        <v>0</v>
      </c>
      <c r="BO31" s="113">
        <v>0</v>
      </c>
      <c r="BP31" s="116">
        <v>0</v>
      </c>
      <c r="BQ31" s="110">
        <v>12416</v>
      </c>
      <c r="BR31" s="114">
        <v>0</v>
      </c>
      <c r="BS31" s="113">
        <v>12416</v>
      </c>
      <c r="BT31" s="110">
        <v>0</v>
      </c>
      <c r="BU31" s="114">
        <v>42448</v>
      </c>
      <c r="BV31" s="114">
        <v>143360</v>
      </c>
      <c r="BW31" s="114">
        <v>73592</v>
      </c>
      <c r="BX31" s="114">
        <v>14512</v>
      </c>
      <c r="BY31" s="114">
        <v>6520</v>
      </c>
      <c r="BZ31" s="113">
        <v>280432</v>
      </c>
      <c r="CA31" s="116">
        <v>292848</v>
      </c>
      <c r="CB31" s="110">
        <v>20552</v>
      </c>
      <c r="CC31" s="114">
        <v>0</v>
      </c>
      <c r="CD31" s="113">
        <v>20552</v>
      </c>
      <c r="CE31" s="110">
        <v>0</v>
      </c>
      <c r="CF31" s="114">
        <v>420823</v>
      </c>
      <c r="CG31" s="114">
        <v>944965</v>
      </c>
      <c r="CH31" s="114">
        <v>309932</v>
      </c>
      <c r="CI31" s="114">
        <v>64070</v>
      </c>
      <c r="CJ31" s="114">
        <v>316984</v>
      </c>
      <c r="CK31" s="113">
        <v>2056774</v>
      </c>
      <c r="CL31" s="116">
        <v>2077326</v>
      </c>
      <c r="CM31" s="110">
        <v>0</v>
      </c>
      <c r="CN31" s="114">
        <v>0</v>
      </c>
      <c r="CO31" s="113">
        <v>0</v>
      </c>
      <c r="CP31" s="111">
        <v>0</v>
      </c>
      <c r="CQ31" s="114">
        <v>364951</v>
      </c>
      <c r="CR31" s="114">
        <v>690685</v>
      </c>
      <c r="CS31" s="114">
        <v>195286</v>
      </c>
      <c r="CT31" s="114">
        <v>0</v>
      </c>
      <c r="CU31" s="114">
        <v>316984</v>
      </c>
      <c r="CV31" s="113">
        <v>1567906</v>
      </c>
      <c r="CW31" s="116">
        <v>1567906</v>
      </c>
      <c r="CX31" s="110">
        <v>20552</v>
      </c>
      <c r="CY31" s="114">
        <v>0</v>
      </c>
      <c r="CZ31" s="113">
        <v>20552</v>
      </c>
      <c r="DA31" s="110">
        <v>0</v>
      </c>
      <c r="DB31" s="114">
        <v>55872</v>
      </c>
      <c r="DC31" s="114">
        <v>254280</v>
      </c>
      <c r="DD31" s="114">
        <v>114646</v>
      </c>
      <c r="DE31" s="114">
        <v>64070</v>
      </c>
      <c r="DF31" s="114">
        <v>0</v>
      </c>
      <c r="DG31" s="113">
        <v>488868</v>
      </c>
      <c r="DH31" s="116">
        <v>509420</v>
      </c>
      <c r="DI31" s="110">
        <v>0</v>
      </c>
      <c r="DJ31" s="114">
        <v>0</v>
      </c>
      <c r="DK31" s="112">
        <v>0</v>
      </c>
      <c r="DL31" s="111">
        <v>0</v>
      </c>
      <c r="DM31" s="114">
        <v>0</v>
      </c>
      <c r="DN31" s="114">
        <v>319933</v>
      </c>
      <c r="DO31" s="114">
        <v>34005</v>
      </c>
      <c r="DP31" s="114">
        <v>285755</v>
      </c>
      <c r="DQ31" s="114">
        <v>0</v>
      </c>
      <c r="DR31" s="113">
        <v>639693</v>
      </c>
      <c r="DS31" s="116">
        <v>639693</v>
      </c>
      <c r="DT31" s="110">
        <v>0</v>
      </c>
      <c r="DU31" s="114">
        <v>0</v>
      </c>
      <c r="DV31" s="113">
        <v>0</v>
      </c>
      <c r="DW31" s="110">
        <v>0</v>
      </c>
      <c r="DX31" s="114">
        <v>0</v>
      </c>
      <c r="DY31" s="114">
        <v>319933</v>
      </c>
      <c r="DZ31" s="114">
        <v>34005</v>
      </c>
      <c r="EA31" s="114">
        <v>263219</v>
      </c>
      <c r="EB31" s="114">
        <v>0</v>
      </c>
      <c r="EC31" s="113">
        <v>617157</v>
      </c>
      <c r="ED31" s="116">
        <v>617157</v>
      </c>
      <c r="EE31" s="110">
        <v>0</v>
      </c>
      <c r="EF31" s="112">
        <v>0</v>
      </c>
      <c r="EG31" s="113">
        <v>0</v>
      </c>
      <c r="EH31" s="110">
        <v>0</v>
      </c>
      <c r="EI31" s="114">
        <v>0</v>
      </c>
      <c r="EJ31" s="114">
        <v>0</v>
      </c>
      <c r="EK31" s="114">
        <v>0</v>
      </c>
      <c r="EL31" s="114">
        <v>22536</v>
      </c>
      <c r="EM31" s="114">
        <v>0</v>
      </c>
      <c r="EN31" s="112">
        <v>22536</v>
      </c>
      <c r="EO31" s="116">
        <v>22536</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10080</v>
      </c>
      <c r="FM31" s="114">
        <v>15824</v>
      </c>
      <c r="FN31" s="113">
        <v>25904</v>
      </c>
      <c r="FO31" s="110">
        <v>0</v>
      </c>
      <c r="FP31" s="114">
        <v>64160</v>
      </c>
      <c r="FQ31" s="114">
        <v>193200</v>
      </c>
      <c r="FR31" s="114">
        <v>178888</v>
      </c>
      <c r="FS31" s="114">
        <v>62384</v>
      </c>
      <c r="FT31" s="114">
        <v>36800</v>
      </c>
      <c r="FU31" s="113">
        <v>535432</v>
      </c>
      <c r="FV31" s="116">
        <v>561336</v>
      </c>
      <c r="FW31" s="115">
        <v>10080</v>
      </c>
      <c r="FX31" s="114">
        <v>15824</v>
      </c>
      <c r="FY31" s="112">
        <v>25904</v>
      </c>
      <c r="FZ31" s="111">
        <v>0</v>
      </c>
      <c r="GA31" s="114">
        <v>64160</v>
      </c>
      <c r="GB31" s="114">
        <v>193200</v>
      </c>
      <c r="GC31" s="114">
        <v>167688</v>
      </c>
      <c r="GD31" s="114">
        <v>62384</v>
      </c>
      <c r="GE31" s="114">
        <v>36800</v>
      </c>
      <c r="GF31" s="113">
        <v>524232</v>
      </c>
      <c r="GG31" s="318">
        <v>550136</v>
      </c>
      <c r="GH31" s="115">
        <v>0</v>
      </c>
      <c r="GI31" s="114">
        <v>0</v>
      </c>
      <c r="GJ31" s="112">
        <v>0</v>
      </c>
      <c r="GK31" s="111">
        <v>0</v>
      </c>
      <c r="GL31" s="114">
        <v>0</v>
      </c>
      <c r="GM31" s="114">
        <v>0</v>
      </c>
      <c r="GN31" s="114">
        <v>0</v>
      </c>
      <c r="GO31" s="114">
        <v>0</v>
      </c>
      <c r="GP31" s="114">
        <v>0</v>
      </c>
      <c r="GQ31" s="113">
        <v>0</v>
      </c>
      <c r="GR31" s="116">
        <v>0</v>
      </c>
      <c r="GS31" s="110">
        <v>0</v>
      </c>
      <c r="GT31" s="114">
        <v>0</v>
      </c>
      <c r="GU31" s="113">
        <v>0</v>
      </c>
      <c r="GV31" s="110">
        <v>0</v>
      </c>
      <c r="GW31" s="114">
        <v>0</v>
      </c>
      <c r="GX31" s="114">
        <v>0</v>
      </c>
      <c r="GY31" s="114">
        <v>11200</v>
      </c>
      <c r="GZ31" s="114">
        <v>0</v>
      </c>
      <c r="HA31" s="114">
        <v>0</v>
      </c>
      <c r="HB31" s="112">
        <v>11200</v>
      </c>
      <c r="HC31" s="116">
        <v>11200</v>
      </c>
      <c r="HD31" s="110">
        <v>0</v>
      </c>
      <c r="HE31" s="114">
        <v>0</v>
      </c>
      <c r="HF31" s="112">
        <v>0</v>
      </c>
      <c r="HG31" s="111">
        <v>0</v>
      </c>
      <c r="HH31" s="114">
        <v>306771</v>
      </c>
      <c r="HI31" s="114">
        <v>533247</v>
      </c>
      <c r="HJ31" s="114">
        <v>0</v>
      </c>
      <c r="HK31" s="114">
        <v>0</v>
      </c>
      <c r="HL31" s="114">
        <v>0</v>
      </c>
      <c r="HM31" s="113">
        <v>840018</v>
      </c>
      <c r="HN31" s="109">
        <v>840018</v>
      </c>
      <c r="HO31" s="328"/>
      <c r="HP31" s="329"/>
      <c r="HQ31" s="330"/>
      <c r="HR31" s="331"/>
      <c r="HS31" s="329"/>
      <c r="HT31" s="329"/>
      <c r="HU31" s="329"/>
      <c r="HV31" s="329"/>
      <c r="HW31" s="329"/>
      <c r="HX31" s="332"/>
      <c r="HY31" s="333"/>
      <c r="HZ31" s="131">
        <v>0</v>
      </c>
      <c r="IA31" s="132">
        <v>0</v>
      </c>
      <c r="IB31" s="133">
        <v>0</v>
      </c>
      <c r="IC31" s="146">
        <v>0</v>
      </c>
      <c r="ID31" s="132">
        <v>92428</v>
      </c>
      <c r="IE31" s="147">
        <v>212906</v>
      </c>
      <c r="IF31" s="133">
        <v>326238</v>
      </c>
      <c r="IG31" s="132">
        <v>242420</v>
      </c>
      <c r="IH31" s="133">
        <v>0</v>
      </c>
      <c r="II31" s="148">
        <v>873992</v>
      </c>
      <c r="IJ31" s="139">
        <v>873992</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92428</v>
      </c>
      <c r="JL31" s="119">
        <v>184190</v>
      </c>
      <c r="JM31" s="119">
        <v>81920</v>
      </c>
      <c r="JN31" s="119">
        <v>0</v>
      </c>
      <c r="JO31" s="119">
        <v>0</v>
      </c>
      <c r="JP31" s="120">
        <v>358538</v>
      </c>
      <c r="JQ31" s="320">
        <v>358538</v>
      </c>
      <c r="JR31" s="142">
        <v>0</v>
      </c>
      <c r="JS31" s="119">
        <v>0</v>
      </c>
      <c r="JT31" s="141">
        <v>0</v>
      </c>
      <c r="JU31" s="118">
        <v>0</v>
      </c>
      <c r="JV31" s="119">
        <v>0</v>
      </c>
      <c r="JW31" s="119">
        <v>28716</v>
      </c>
      <c r="JX31" s="119">
        <v>0</v>
      </c>
      <c r="JY31" s="119">
        <v>0</v>
      </c>
      <c r="JZ31" s="119">
        <v>0</v>
      </c>
      <c r="KA31" s="120">
        <v>28716</v>
      </c>
      <c r="KB31" s="320">
        <v>28716</v>
      </c>
      <c r="KC31" s="234">
        <v>0</v>
      </c>
      <c r="KD31" s="230">
        <v>0</v>
      </c>
      <c r="KE31" s="120">
        <v>0</v>
      </c>
      <c r="KF31" s="118">
        <v>0</v>
      </c>
      <c r="KG31" s="119">
        <v>0</v>
      </c>
      <c r="KH31" s="119">
        <v>0</v>
      </c>
      <c r="KI31" s="119">
        <v>0</v>
      </c>
      <c r="KJ31" s="119">
        <v>0</v>
      </c>
      <c r="KK31" s="119">
        <v>0</v>
      </c>
      <c r="KL31" s="120">
        <v>0</v>
      </c>
      <c r="KM31" s="143">
        <v>0</v>
      </c>
      <c r="KN31" s="232">
        <v>0</v>
      </c>
      <c r="KO31" s="236">
        <v>0</v>
      </c>
      <c r="KP31" s="237">
        <v>0</v>
      </c>
      <c r="KQ31" s="140"/>
      <c r="KR31" s="119">
        <v>0</v>
      </c>
      <c r="KS31" s="119">
        <v>0</v>
      </c>
      <c r="KT31" s="119">
        <v>244318</v>
      </c>
      <c r="KU31" s="119">
        <v>242420</v>
      </c>
      <c r="KV31" s="119">
        <v>0</v>
      </c>
      <c r="KW31" s="120">
        <v>486738</v>
      </c>
      <c r="KX31" s="320">
        <v>486738</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0</v>
      </c>
      <c r="ML31" s="119">
        <v>254481</v>
      </c>
      <c r="MM31" s="119">
        <v>1789437</v>
      </c>
      <c r="MN31" s="119">
        <v>261531</v>
      </c>
      <c r="MO31" s="120">
        <v>2305449</v>
      </c>
      <c r="MP31" s="143">
        <v>2305449</v>
      </c>
      <c r="MQ31" s="142">
        <v>0</v>
      </c>
      <c r="MR31" s="119">
        <v>0</v>
      </c>
      <c r="MS31" s="120">
        <v>0</v>
      </c>
      <c r="MT31" s="145"/>
      <c r="MU31" s="119">
        <v>0</v>
      </c>
      <c r="MV31" s="119">
        <v>0</v>
      </c>
      <c r="MW31" s="119">
        <v>0</v>
      </c>
      <c r="MX31" s="119">
        <v>759905</v>
      </c>
      <c r="MY31" s="119">
        <v>0</v>
      </c>
      <c r="MZ31" s="120">
        <v>759905</v>
      </c>
      <c r="NA31" s="143">
        <v>759905</v>
      </c>
      <c r="NB31" s="142">
        <v>0</v>
      </c>
      <c r="NC31" s="119">
        <v>0</v>
      </c>
      <c r="ND31" s="120">
        <v>0</v>
      </c>
      <c r="NE31" s="145"/>
      <c r="NF31" s="119">
        <v>0</v>
      </c>
      <c r="NG31" s="119">
        <v>0</v>
      </c>
      <c r="NH31" s="119">
        <v>254481</v>
      </c>
      <c r="NI31" s="119">
        <v>1029532</v>
      </c>
      <c r="NJ31" s="119">
        <v>261531</v>
      </c>
      <c r="NK31" s="120">
        <v>1545544</v>
      </c>
      <c r="NL31" s="320">
        <v>1545544</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43048</v>
      </c>
      <c r="OJ31" s="119">
        <v>15824</v>
      </c>
      <c r="OK31" s="141">
        <v>58872</v>
      </c>
      <c r="OL31" s="118">
        <v>0</v>
      </c>
      <c r="OM31" s="119">
        <v>1153186</v>
      </c>
      <c r="ON31" s="119">
        <v>3401533</v>
      </c>
      <c r="OO31" s="119">
        <v>1690050</v>
      </c>
      <c r="OP31" s="119">
        <v>2518822</v>
      </c>
      <c r="OQ31" s="119">
        <v>807352</v>
      </c>
      <c r="OR31" s="120">
        <v>9570943</v>
      </c>
      <c r="OS31" s="143">
        <v>9629815</v>
      </c>
    </row>
    <row r="32" spans="2:409" ht="21" customHeight="1" x14ac:dyDescent="0.2">
      <c r="B32" s="126" t="s">
        <v>27</v>
      </c>
      <c r="C32" s="110">
        <v>176623</v>
      </c>
      <c r="D32" s="114">
        <v>435212</v>
      </c>
      <c r="E32" s="113">
        <v>611835</v>
      </c>
      <c r="F32" s="109">
        <v>0</v>
      </c>
      <c r="G32" s="114">
        <v>1136980</v>
      </c>
      <c r="H32" s="114">
        <v>1654200</v>
      </c>
      <c r="I32" s="114">
        <v>2306256</v>
      </c>
      <c r="J32" s="114">
        <v>1769926</v>
      </c>
      <c r="K32" s="114">
        <v>673606</v>
      </c>
      <c r="L32" s="173">
        <v>7540968</v>
      </c>
      <c r="M32" s="116">
        <v>8152803</v>
      </c>
      <c r="N32" s="110">
        <v>22623</v>
      </c>
      <c r="O32" s="114">
        <v>68247</v>
      </c>
      <c r="P32" s="113">
        <v>90870</v>
      </c>
      <c r="Q32" s="110">
        <v>0</v>
      </c>
      <c r="R32" s="114">
        <v>245285</v>
      </c>
      <c r="S32" s="114">
        <v>457375</v>
      </c>
      <c r="T32" s="114">
        <v>1046454</v>
      </c>
      <c r="U32" s="114">
        <v>791788</v>
      </c>
      <c r="V32" s="114">
        <v>237604</v>
      </c>
      <c r="W32" s="113">
        <v>2778506</v>
      </c>
      <c r="X32" s="116">
        <v>2869376</v>
      </c>
      <c r="Y32" s="110">
        <v>0</v>
      </c>
      <c r="Z32" s="114">
        <v>0</v>
      </c>
      <c r="AA32" s="113">
        <v>0</v>
      </c>
      <c r="AB32" s="110">
        <v>0</v>
      </c>
      <c r="AC32" s="114">
        <v>29574</v>
      </c>
      <c r="AD32" s="114">
        <v>115299</v>
      </c>
      <c r="AE32" s="114">
        <v>779246</v>
      </c>
      <c r="AF32" s="114">
        <v>514156</v>
      </c>
      <c r="AG32" s="114">
        <v>0</v>
      </c>
      <c r="AH32" s="113">
        <v>1438275</v>
      </c>
      <c r="AI32" s="116">
        <v>1438275</v>
      </c>
      <c r="AJ32" s="110">
        <v>0</v>
      </c>
      <c r="AK32" s="114">
        <v>0</v>
      </c>
      <c r="AL32" s="113">
        <v>0</v>
      </c>
      <c r="AM32" s="110">
        <v>0</v>
      </c>
      <c r="AN32" s="114">
        <v>0</v>
      </c>
      <c r="AO32" s="114">
        <v>80674</v>
      </c>
      <c r="AP32" s="114">
        <v>0</v>
      </c>
      <c r="AQ32" s="114">
        <v>45080</v>
      </c>
      <c r="AR32" s="114">
        <v>45080</v>
      </c>
      <c r="AS32" s="113">
        <v>170834</v>
      </c>
      <c r="AT32" s="116">
        <v>170834</v>
      </c>
      <c r="AU32" s="110">
        <v>22623</v>
      </c>
      <c r="AV32" s="114">
        <v>53191</v>
      </c>
      <c r="AW32" s="113">
        <v>75814</v>
      </c>
      <c r="AX32" s="110">
        <v>0</v>
      </c>
      <c r="AY32" s="114">
        <v>183495</v>
      </c>
      <c r="AZ32" s="114">
        <v>103048</v>
      </c>
      <c r="BA32" s="114">
        <v>160544</v>
      </c>
      <c r="BB32" s="114">
        <v>132456</v>
      </c>
      <c r="BC32" s="114">
        <v>168484</v>
      </c>
      <c r="BD32" s="113">
        <v>748027</v>
      </c>
      <c r="BE32" s="116">
        <v>823841</v>
      </c>
      <c r="BF32" s="110">
        <v>0</v>
      </c>
      <c r="BG32" s="114">
        <v>0</v>
      </c>
      <c r="BH32" s="112">
        <v>0</v>
      </c>
      <c r="BI32" s="111">
        <v>0</v>
      </c>
      <c r="BJ32" s="114">
        <v>0</v>
      </c>
      <c r="BK32" s="114">
        <v>77714</v>
      </c>
      <c r="BL32" s="114">
        <v>0</v>
      </c>
      <c r="BM32" s="114">
        <v>0</v>
      </c>
      <c r="BN32" s="114">
        <v>0</v>
      </c>
      <c r="BO32" s="113">
        <v>77714</v>
      </c>
      <c r="BP32" s="116">
        <v>77714</v>
      </c>
      <c r="BQ32" s="110">
        <v>0</v>
      </c>
      <c r="BR32" s="114">
        <v>15056</v>
      </c>
      <c r="BS32" s="113">
        <v>15056</v>
      </c>
      <c r="BT32" s="110">
        <v>0</v>
      </c>
      <c r="BU32" s="114">
        <v>32216</v>
      </c>
      <c r="BV32" s="114">
        <v>80640</v>
      </c>
      <c r="BW32" s="114">
        <v>106664</v>
      </c>
      <c r="BX32" s="114">
        <v>100096</v>
      </c>
      <c r="BY32" s="114">
        <v>24040</v>
      </c>
      <c r="BZ32" s="113">
        <v>343656</v>
      </c>
      <c r="CA32" s="116">
        <v>358712</v>
      </c>
      <c r="CB32" s="110">
        <v>0</v>
      </c>
      <c r="CC32" s="114">
        <v>116397</v>
      </c>
      <c r="CD32" s="113">
        <v>116397</v>
      </c>
      <c r="CE32" s="110">
        <v>0</v>
      </c>
      <c r="CF32" s="114">
        <v>518191</v>
      </c>
      <c r="CG32" s="114">
        <v>649357</v>
      </c>
      <c r="CH32" s="114">
        <v>759727</v>
      </c>
      <c r="CI32" s="114">
        <v>300053</v>
      </c>
      <c r="CJ32" s="114">
        <v>139942</v>
      </c>
      <c r="CK32" s="113">
        <v>2367270</v>
      </c>
      <c r="CL32" s="116">
        <v>2483667</v>
      </c>
      <c r="CM32" s="110">
        <v>0</v>
      </c>
      <c r="CN32" s="114">
        <v>0</v>
      </c>
      <c r="CO32" s="113">
        <v>0</v>
      </c>
      <c r="CP32" s="111">
        <v>0</v>
      </c>
      <c r="CQ32" s="114">
        <v>497590</v>
      </c>
      <c r="CR32" s="114">
        <v>397250</v>
      </c>
      <c r="CS32" s="114">
        <v>689518</v>
      </c>
      <c r="CT32" s="114">
        <v>300053</v>
      </c>
      <c r="CU32" s="114">
        <v>139942</v>
      </c>
      <c r="CV32" s="113">
        <v>2024353</v>
      </c>
      <c r="CW32" s="116">
        <v>2024353</v>
      </c>
      <c r="CX32" s="110">
        <v>0</v>
      </c>
      <c r="CY32" s="114">
        <v>116397</v>
      </c>
      <c r="CZ32" s="113">
        <v>116397</v>
      </c>
      <c r="DA32" s="110">
        <v>0</v>
      </c>
      <c r="DB32" s="114">
        <v>20601</v>
      </c>
      <c r="DC32" s="114">
        <v>252107</v>
      </c>
      <c r="DD32" s="114">
        <v>70209</v>
      </c>
      <c r="DE32" s="114">
        <v>0</v>
      </c>
      <c r="DF32" s="114">
        <v>0</v>
      </c>
      <c r="DG32" s="113">
        <v>342917</v>
      </c>
      <c r="DH32" s="116">
        <v>459314</v>
      </c>
      <c r="DI32" s="110">
        <v>0</v>
      </c>
      <c r="DJ32" s="114">
        <v>0</v>
      </c>
      <c r="DK32" s="112">
        <v>0</v>
      </c>
      <c r="DL32" s="111">
        <v>0</v>
      </c>
      <c r="DM32" s="114">
        <v>34407</v>
      </c>
      <c r="DN32" s="114">
        <v>0</v>
      </c>
      <c r="DO32" s="114">
        <v>59336</v>
      </c>
      <c r="DP32" s="114">
        <v>0</v>
      </c>
      <c r="DQ32" s="114">
        <v>27849</v>
      </c>
      <c r="DR32" s="113">
        <v>121592</v>
      </c>
      <c r="DS32" s="116">
        <v>121592</v>
      </c>
      <c r="DT32" s="110">
        <v>0</v>
      </c>
      <c r="DU32" s="114">
        <v>0</v>
      </c>
      <c r="DV32" s="113">
        <v>0</v>
      </c>
      <c r="DW32" s="110">
        <v>0</v>
      </c>
      <c r="DX32" s="114">
        <v>15487</v>
      </c>
      <c r="DY32" s="114">
        <v>0</v>
      </c>
      <c r="DZ32" s="114">
        <v>59336</v>
      </c>
      <c r="EA32" s="114">
        <v>0</v>
      </c>
      <c r="EB32" s="114">
        <v>27849</v>
      </c>
      <c r="EC32" s="113">
        <v>102672</v>
      </c>
      <c r="ED32" s="116">
        <v>102672</v>
      </c>
      <c r="EE32" s="110">
        <v>0</v>
      </c>
      <c r="EF32" s="112">
        <v>0</v>
      </c>
      <c r="EG32" s="113">
        <v>0</v>
      </c>
      <c r="EH32" s="110">
        <v>0</v>
      </c>
      <c r="EI32" s="114">
        <v>18920</v>
      </c>
      <c r="EJ32" s="114">
        <v>0</v>
      </c>
      <c r="EK32" s="114">
        <v>0</v>
      </c>
      <c r="EL32" s="114">
        <v>0</v>
      </c>
      <c r="EM32" s="114">
        <v>0</v>
      </c>
      <c r="EN32" s="112">
        <v>18920</v>
      </c>
      <c r="EO32" s="116">
        <v>1892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154000</v>
      </c>
      <c r="FM32" s="114">
        <v>159312</v>
      </c>
      <c r="FN32" s="113">
        <v>313312</v>
      </c>
      <c r="FO32" s="110">
        <v>0</v>
      </c>
      <c r="FP32" s="114">
        <v>34000</v>
      </c>
      <c r="FQ32" s="114">
        <v>203648</v>
      </c>
      <c r="FR32" s="114">
        <v>171256</v>
      </c>
      <c r="FS32" s="114">
        <v>62256</v>
      </c>
      <c r="FT32" s="114">
        <v>46560</v>
      </c>
      <c r="FU32" s="113">
        <v>517720</v>
      </c>
      <c r="FV32" s="116">
        <v>831032</v>
      </c>
      <c r="FW32" s="115">
        <v>4400</v>
      </c>
      <c r="FX32" s="114">
        <v>56080</v>
      </c>
      <c r="FY32" s="112">
        <v>60480</v>
      </c>
      <c r="FZ32" s="111">
        <v>0</v>
      </c>
      <c r="GA32" s="114">
        <v>34000</v>
      </c>
      <c r="GB32" s="114">
        <v>203648</v>
      </c>
      <c r="GC32" s="114">
        <v>171256</v>
      </c>
      <c r="GD32" s="114">
        <v>62256</v>
      </c>
      <c r="GE32" s="114">
        <v>46560</v>
      </c>
      <c r="GF32" s="113">
        <v>517720</v>
      </c>
      <c r="GG32" s="318">
        <v>578200</v>
      </c>
      <c r="GH32" s="115">
        <v>0</v>
      </c>
      <c r="GI32" s="114">
        <v>103232</v>
      </c>
      <c r="GJ32" s="112">
        <v>103232</v>
      </c>
      <c r="GK32" s="111">
        <v>0</v>
      </c>
      <c r="GL32" s="114">
        <v>0</v>
      </c>
      <c r="GM32" s="114">
        <v>0</v>
      </c>
      <c r="GN32" s="114">
        <v>0</v>
      </c>
      <c r="GO32" s="114">
        <v>0</v>
      </c>
      <c r="GP32" s="114">
        <v>0</v>
      </c>
      <c r="GQ32" s="113">
        <v>0</v>
      </c>
      <c r="GR32" s="116">
        <v>103232</v>
      </c>
      <c r="GS32" s="110">
        <v>149600</v>
      </c>
      <c r="GT32" s="114">
        <v>0</v>
      </c>
      <c r="GU32" s="113">
        <v>149600</v>
      </c>
      <c r="GV32" s="110">
        <v>0</v>
      </c>
      <c r="GW32" s="114">
        <v>0</v>
      </c>
      <c r="GX32" s="114">
        <v>0</v>
      </c>
      <c r="GY32" s="114">
        <v>0</v>
      </c>
      <c r="GZ32" s="114">
        <v>0</v>
      </c>
      <c r="HA32" s="114">
        <v>0</v>
      </c>
      <c r="HB32" s="112">
        <v>0</v>
      </c>
      <c r="HC32" s="116">
        <v>149600</v>
      </c>
      <c r="HD32" s="110">
        <v>0</v>
      </c>
      <c r="HE32" s="114">
        <v>91256</v>
      </c>
      <c r="HF32" s="112">
        <v>91256</v>
      </c>
      <c r="HG32" s="111">
        <v>0</v>
      </c>
      <c r="HH32" s="114">
        <v>305097</v>
      </c>
      <c r="HI32" s="114">
        <v>343820</v>
      </c>
      <c r="HJ32" s="114">
        <v>269483</v>
      </c>
      <c r="HK32" s="114">
        <v>615829</v>
      </c>
      <c r="HL32" s="114">
        <v>221651</v>
      </c>
      <c r="HM32" s="113">
        <v>1755880</v>
      </c>
      <c r="HN32" s="109">
        <v>1847136</v>
      </c>
      <c r="HO32" s="328"/>
      <c r="HP32" s="329"/>
      <c r="HQ32" s="330"/>
      <c r="HR32" s="331"/>
      <c r="HS32" s="329"/>
      <c r="HT32" s="329"/>
      <c r="HU32" s="329"/>
      <c r="HV32" s="329"/>
      <c r="HW32" s="329"/>
      <c r="HX32" s="332"/>
      <c r="HY32" s="333"/>
      <c r="HZ32" s="150">
        <v>0</v>
      </c>
      <c r="IA32" s="135">
        <v>0</v>
      </c>
      <c r="IB32" s="150">
        <v>0</v>
      </c>
      <c r="IC32" s="134">
        <v>0</v>
      </c>
      <c r="ID32" s="135">
        <v>242273</v>
      </c>
      <c r="IE32" s="136">
        <v>240685</v>
      </c>
      <c r="IF32" s="137">
        <v>848773</v>
      </c>
      <c r="IG32" s="135">
        <v>331571</v>
      </c>
      <c r="IH32" s="137">
        <v>420500</v>
      </c>
      <c r="II32" s="138">
        <v>2083802</v>
      </c>
      <c r="IJ32" s="150">
        <v>2083802</v>
      </c>
      <c r="IK32" s="232">
        <v>0</v>
      </c>
      <c r="IL32" s="236">
        <v>0</v>
      </c>
      <c r="IM32" s="237">
        <v>0</v>
      </c>
      <c r="IN32" s="140"/>
      <c r="IO32" s="119">
        <v>0</v>
      </c>
      <c r="IP32" s="119">
        <v>0</v>
      </c>
      <c r="IQ32" s="119">
        <v>172056</v>
      </c>
      <c r="IR32" s="119">
        <v>0</v>
      </c>
      <c r="IS32" s="119">
        <v>0</v>
      </c>
      <c r="IT32" s="141">
        <v>172056</v>
      </c>
      <c r="IU32" s="320">
        <v>17205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23193</v>
      </c>
      <c r="JL32" s="119">
        <v>0</v>
      </c>
      <c r="JM32" s="119">
        <v>0</v>
      </c>
      <c r="JN32" s="119">
        <v>0</v>
      </c>
      <c r="JO32" s="119">
        <v>0</v>
      </c>
      <c r="JP32" s="120">
        <v>23193</v>
      </c>
      <c r="JQ32" s="320">
        <v>23193</v>
      </c>
      <c r="JR32" s="142">
        <v>0</v>
      </c>
      <c r="JS32" s="119">
        <v>0</v>
      </c>
      <c r="JT32" s="141">
        <v>0</v>
      </c>
      <c r="JU32" s="118">
        <v>0</v>
      </c>
      <c r="JV32" s="119">
        <v>219080</v>
      </c>
      <c r="JW32" s="119">
        <v>143080</v>
      </c>
      <c r="JX32" s="119">
        <v>0</v>
      </c>
      <c r="JY32" s="119">
        <v>0</v>
      </c>
      <c r="JZ32" s="119">
        <v>0</v>
      </c>
      <c r="KA32" s="120">
        <v>362160</v>
      </c>
      <c r="KB32" s="320">
        <v>362160</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97605</v>
      </c>
      <c r="KT32" s="119">
        <v>237951</v>
      </c>
      <c r="KU32" s="119">
        <v>243735</v>
      </c>
      <c r="KV32" s="119">
        <v>0</v>
      </c>
      <c r="KW32" s="120">
        <v>579291</v>
      </c>
      <c r="KX32" s="320">
        <v>579291</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438766</v>
      </c>
      <c r="LQ32" s="119">
        <v>87836</v>
      </c>
      <c r="LR32" s="119">
        <v>420500</v>
      </c>
      <c r="LS32" s="120">
        <v>947102</v>
      </c>
      <c r="LT32" s="320">
        <v>947102</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462101</v>
      </c>
      <c r="ML32" s="119">
        <v>1477993</v>
      </c>
      <c r="MM32" s="119">
        <v>1263796</v>
      </c>
      <c r="MN32" s="119">
        <v>874839</v>
      </c>
      <c r="MO32" s="120">
        <v>4078729</v>
      </c>
      <c r="MP32" s="143">
        <v>4078729</v>
      </c>
      <c r="MQ32" s="142">
        <v>0</v>
      </c>
      <c r="MR32" s="119">
        <v>0</v>
      </c>
      <c r="MS32" s="120">
        <v>0</v>
      </c>
      <c r="MT32" s="145"/>
      <c r="MU32" s="119">
        <v>0</v>
      </c>
      <c r="MV32" s="119">
        <v>223821</v>
      </c>
      <c r="MW32" s="119">
        <v>197848</v>
      </c>
      <c r="MX32" s="119">
        <v>394315</v>
      </c>
      <c r="MY32" s="119">
        <v>514114</v>
      </c>
      <c r="MZ32" s="120">
        <v>1330098</v>
      </c>
      <c r="NA32" s="143">
        <v>1330098</v>
      </c>
      <c r="NB32" s="142">
        <v>0</v>
      </c>
      <c r="NC32" s="119">
        <v>0</v>
      </c>
      <c r="ND32" s="120">
        <v>0</v>
      </c>
      <c r="NE32" s="145"/>
      <c r="NF32" s="119">
        <v>0</v>
      </c>
      <c r="NG32" s="119">
        <v>238280</v>
      </c>
      <c r="NH32" s="119">
        <v>1280145</v>
      </c>
      <c r="NI32" s="119">
        <v>513241</v>
      </c>
      <c r="NJ32" s="119">
        <v>360725</v>
      </c>
      <c r="NK32" s="120">
        <v>2392391</v>
      </c>
      <c r="NL32" s="320">
        <v>2392391</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56240</v>
      </c>
      <c r="OF32" s="119">
        <v>0</v>
      </c>
      <c r="OG32" s="120">
        <v>356240</v>
      </c>
      <c r="OH32" s="121">
        <v>356240</v>
      </c>
      <c r="OI32" s="142">
        <v>176623</v>
      </c>
      <c r="OJ32" s="119">
        <v>435212</v>
      </c>
      <c r="OK32" s="141">
        <v>611835</v>
      </c>
      <c r="OL32" s="118">
        <v>0</v>
      </c>
      <c r="OM32" s="119">
        <v>1379253</v>
      </c>
      <c r="ON32" s="119">
        <v>2356986</v>
      </c>
      <c r="OO32" s="119">
        <v>4633022</v>
      </c>
      <c r="OP32" s="119">
        <v>3365293</v>
      </c>
      <c r="OQ32" s="119">
        <v>1968945</v>
      </c>
      <c r="OR32" s="120">
        <v>13703499</v>
      </c>
      <c r="OS32" s="143">
        <v>14315334</v>
      </c>
    </row>
    <row r="33" spans="2:409" ht="21" customHeight="1" x14ac:dyDescent="0.2">
      <c r="B33" s="126" t="s">
        <v>28</v>
      </c>
      <c r="C33" s="110">
        <v>0</v>
      </c>
      <c r="D33" s="114">
        <v>44044</v>
      </c>
      <c r="E33" s="113">
        <v>44044</v>
      </c>
      <c r="F33" s="109">
        <v>0</v>
      </c>
      <c r="G33" s="114">
        <v>372735</v>
      </c>
      <c r="H33" s="114">
        <v>115972</v>
      </c>
      <c r="I33" s="114">
        <v>199328</v>
      </c>
      <c r="J33" s="114">
        <v>281979</v>
      </c>
      <c r="K33" s="114">
        <v>297049</v>
      </c>
      <c r="L33" s="173">
        <v>1267063</v>
      </c>
      <c r="M33" s="116">
        <v>1311107</v>
      </c>
      <c r="N33" s="110">
        <v>0</v>
      </c>
      <c r="O33" s="114">
        <v>0</v>
      </c>
      <c r="P33" s="113">
        <v>0</v>
      </c>
      <c r="Q33" s="110">
        <v>0</v>
      </c>
      <c r="R33" s="114">
        <v>4144</v>
      </c>
      <c r="S33" s="114">
        <v>39486</v>
      </c>
      <c r="T33" s="114">
        <v>9600</v>
      </c>
      <c r="U33" s="114">
        <v>265779</v>
      </c>
      <c r="V33" s="114">
        <v>49968</v>
      </c>
      <c r="W33" s="113">
        <v>368977</v>
      </c>
      <c r="X33" s="116">
        <v>368977</v>
      </c>
      <c r="Y33" s="110">
        <v>0</v>
      </c>
      <c r="Z33" s="114">
        <v>0</v>
      </c>
      <c r="AA33" s="113">
        <v>0</v>
      </c>
      <c r="AB33" s="110">
        <v>0</v>
      </c>
      <c r="AC33" s="114">
        <v>0</v>
      </c>
      <c r="AD33" s="114">
        <v>0</v>
      </c>
      <c r="AE33" s="114">
        <v>0</v>
      </c>
      <c r="AF33" s="114">
        <v>199192</v>
      </c>
      <c r="AG33" s="114">
        <v>0</v>
      </c>
      <c r="AH33" s="113">
        <v>199192</v>
      </c>
      <c r="AI33" s="116">
        <v>199192</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39486</v>
      </c>
      <c r="BA33" s="114">
        <v>0</v>
      </c>
      <c r="BB33" s="114">
        <v>61819</v>
      </c>
      <c r="BC33" s="114">
        <v>41696</v>
      </c>
      <c r="BD33" s="113">
        <v>143001</v>
      </c>
      <c r="BE33" s="116">
        <v>143001</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4144</v>
      </c>
      <c r="BV33" s="114">
        <v>0</v>
      </c>
      <c r="BW33" s="114">
        <v>9600</v>
      </c>
      <c r="BX33" s="114">
        <v>4768</v>
      </c>
      <c r="BY33" s="114">
        <v>8272</v>
      </c>
      <c r="BZ33" s="113">
        <v>26784</v>
      </c>
      <c r="CA33" s="116">
        <v>26784</v>
      </c>
      <c r="CB33" s="110">
        <v>0</v>
      </c>
      <c r="CC33" s="114">
        <v>38444</v>
      </c>
      <c r="CD33" s="113">
        <v>38444</v>
      </c>
      <c r="CE33" s="110">
        <v>0</v>
      </c>
      <c r="CF33" s="114">
        <v>202703</v>
      </c>
      <c r="CG33" s="114">
        <v>23078</v>
      </c>
      <c r="CH33" s="114">
        <v>0</v>
      </c>
      <c r="CI33" s="114">
        <v>0</v>
      </c>
      <c r="CJ33" s="114">
        <v>37285</v>
      </c>
      <c r="CK33" s="113">
        <v>263066</v>
      </c>
      <c r="CL33" s="116">
        <v>301510</v>
      </c>
      <c r="CM33" s="110">
        <v>0</v>
      </c>
      <c r="CN33" s="114">
        <v>0</v>
      </c>
      <c r="CO33" s="113">
        <v>0</v>
      </c>
      <c r="CP33" s="111">
        <v>0</v>
      </c>
      <c r="CQ33" s="114">
        <v>202703</v>
      </c>
      <c r="CR33" s="114">
        <v>23078</v>
      </c>
      <c r="CS33" s="114">
        <v>0</v>
      </c>
      <c r="CT33" s="114">
        <v>0</v>
      </c>
      <c r="CU33" s="114">
        <v>37285</v>
      </c>
      <c r="CV33" s="113">
        <v>263066</v>
      </c>
      <c r="CW33" s="116">
        <v>263066</v>
      </c>
      <c r="CX33" s="110">
        <v>0</v>
      </c>
      <c r="CY33" s="114">
        <v>38444</v>
      </c>
      <c r="CZ33" s="113">
        <v>38444</v>
      </c>
      <c r="DA33" s="110">
        <v>0</v>
      </c>
      <c r="DB33" s="114">
        <v>0</v>
      </c>
      <c r="DC33" s="114">
        <v>0</v>
      </c>
      <c r="DD33" s="114">
        <v>0</v>
      </c>
      <c r="DE33" s="114">
        <v>0</v>
      </c>
      <c r="DF33" s="114">
        <v>0</v>
      </c>
      <c r="DG33" s="113">
        <v>0</v>
      </c>
      <c r="DH33" s="116">
        <v>38444</v>
      </c>
      <c r="DI33" s="110">
        <v>0</v>
      </c>
      <c r="DJ33" s="114">
        <v>0</v>
      </c>
      <c r="DK33" s="112">
        <v>0</v>
      </c>
      <c r="DL33" s="111">
        <v>0</v>
      </c>
      <c r="DM33" s="114">
        <v>0</v>
      </c>
      <c r="DN33" s="114">
        <v>0</v>
      </c>
      <c r="DO33" s="114">
        <v>0</v>
      </c>
      <c r="DP33" s="114">
        <v>0</v>
      </c>
      <c r="DQ33" s="114">
        <v>188356</v>
      </c>
      <c r="DR33" s="113">
        <v>188356</v>
      </c>
      <c r="DS33" s="116">
        <v>188356</v>
      </c>
      <c r="DT33" s="110">
        <v>0</v>
      </c>
      <c r="DU33" s="114">
        <v>0</v>
      </c>
      <c r="DV33" s="113">
        <v>0</v>
      </c>
      <c r="DW33" s="110">
        <v>0</v>
      </c>
      <c r="DX33" s="114">
        <v>0</v>
      </c>
      <c r="DY33" s="114">
        <v>0</v>
      </c>
      <c r="DZ33" s="114">
        <v>0</v>
      </c>
      <c r="EA33" s="114">
        <v>0</v>
      </c>
      <c r="EB33" s="114">
        <v>26172</v>
      </c>
      <c r="EC33" s="113">
        <v>26172</v>
      </c>
      <c r="ED33" s="116">
        <v>26172</v>
      </c>
      <c r="EE33" s="110">
        <v>0</v>
      </c>
      <c r="EF33" s="112">
        <v>0</v>
      </c>
      <c r="EG33" s="113">
        <v>0</v>
      </c>
      <c r="EH33" s="110">
        <v>0</v>
      </c>
      <c r="EI33" s="114">
        <v>0</v>
      </c>
      <c r="EJ33" s="114">
        <v>0</v>
      </c>
      <c r="EK33" s="114">
        <v>0</v>
      </c>
      <c r="EL33" s="114">
        <v>0</v>
      </c>
      <c r="EM33" s="114">
        <v>162184</v>
      </c>
      <c r="EN33" s="112">
        <v>162184</v>
      </c>
      <c r="EO33" s="116">
        <v>162184</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0</v>
      </c>
      <c r="FM33" s="114">
        <v>5600</v>
      </c>
      <c r="FN33" s="113">
        <v>5600</v>
      </c>
      <c r="FO33" s="110">
        <v>0</v>
      </c>
      <c r="FP33" s="114">
        <v>17040</v>
      </c>
      <c r="FQ33" s="114">
        <v>53408</v>
      </c>
      <c r="FR33" s="114">
        <v>0</v>
      </c>
      <c r="FS33" s="114">
        <v>16200</v>
      </c>
      <c r="FT33" s="114">
        <v>21440</v>
      </c>
      <c r="FU33" s="113">
        <v>108088</v>
      </c>
      <c r="FV33" s="116">
        <v>113688</v>
      </c>
      <c r="FW33" s="115">
        <v>0</v>
      </c>
      <c r="FX33" s="114">
        <v>5600</v>
      </c>
      <c r="FY33" s="112">
        <v>5600</v>
      </c>
      <c r="FZ33" s="111">
        <v>0</v>
      </c>
      <c r="GA33" s="114">
        <v>17040</v>
      </c>
      <c r="GB33" s="114">
        <v>53408</v>
      </c>
      <c r="GC33" s="114">
        <v>0</v>
      </c>
      <c r="GD33" s="114">
        <v>16200</v>
      </c>
      <c r="GE33" s="114">
        <v>21440</v>
      </c>
      <c r="GF33" s="113">
        <v>108088</v>
      </c>
      <c r="GG33" s="318">
        <v>113688</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48848</v>
      </c>
      <c r="HI33" s="114">
        <v>0</v>
      </c>
      <c r="HJ33" s="114">
        <v>189728</v>
      </c>
      <c r="HK33" s="114">
        <v>0</v>
      </c>
      <c r="HL33" s="114">
        <v>0</v>
      </c>
      <c r="HM33" s="113">
        <v>338576</v>
      </c>
      <c r="HN33" s="109">
        <v>338576</v>
      </c>
      <c r="HO33" s="328"/>
      <c r="HP33" s="329"/>
      <c r="HQ33" s="330"/>
      <c r="HR33" s="331"/>
      <c r="HS33" s="329"/>
      <c r="HT33" s="329"/>
      <c r="HU33" s="329"/>
      <c r="HV33" s="329"/>
      <c r="HW33" s="329"/>
      <c r="HX33" s="332"/>
      <c r="HY33" s="333"/>
      <c r="HZ33" s="131">
        <v>0</v>
      </c>
      <c r="IA33" s="132">
        <v>0</v>
      </c>
      <c r="IB33" s="133">
        <v>0</v>
      </c>
      <c r="IC33" s="146">
        <v>0</v>
      </c>
      <c r="ID33" s="132">
        <v>114888</v>
      </c>
      <c r="IE33" s="147">
        <v>41208</v>
      </c>
      <c r="IF33" s="133">
        <v>0</v>
      </c>
      <c r="IG33" s="132">
        <v>0</v>
      </c>
      <c r="IH33" s="133">
        <v>228208</v>
      </c>
      <c r="II33" s="148">
        <v>384304</v>
      </c>
      <c r="IJ33" s="139">
        <v>384304</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14888</v>
      </c>
      <c r="JL33" s="119">
        <v>41208</v>
      </c>
      <c r="JM33" s="119">
        <v>0</v>
      </c>
      <c r="JN33" s="119">
        <v>0</v>
      </c>
      <c r="JO33" s="119">
        <v>0</v>
      </c>
      <c r="JP33" s="120">
        <v>156096</v>
      </c>
      <c r="JQ33" s="320">
        <v>156096</v>
      </c>
      <c r="JR33" s="142">
        <v>0</v>
      </c>
      <c r="JS33" s="119">
        <v>0</v>
      </c>
      <c r="JT33" s="141">
        <v>0</v>
      </c>
      <c r="JU33" s="118">
        <v>0</v>
      </c>
      <c r="JV33" s="119">
        <v>0</v>
      </c>
      <c r="JW33" s="119">
        <v>0</v>
      </c>
      <c r="JX33" s="119">
        <v>0</v>
      </c>
      <c r="JY33" s="119">
        <v>0</v>
      </c>
      <c r="JZ33" s="119">
        <v>40480</v>
      </c>
      <c r="KA33" s="120">
        <v>40480</v>
      </c>
      <c r="KB33" s="320">
        <v>4048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187728</v>
      </c>
      <c r="KW33" s="120">
        <v>187728</v>
      </c>
      <c r="KX33" s="320">
        <v>187728</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08912</v>
      </c>
      <c r="ML33" s="119">
        <v>0</v>
      </c>
      <c r="MM33" s="119">
        <v>514400</v>
      </c>
      <c r="MN33" s="119">
        <v>0</v>
      </c>
      <c r="MO33" s="120">
        <v>723312</v>
      </c>
      <c r="MP33" s="143">
        <v>723312</v>
      </c>
      <c r="MQ33" s="142">
        <v>0</v>
      </c>
      <c r="MR33" s="119">
        <v>0</v>
      </c>
      <c r="MS33" s="120">
        <v>0</v>
      </c>
      <c r="MT33" s="145"/>
      <c r="MU33" s="119">
        <v>0</v>
      </c>
      <c r="MV33" s="119">
        <v>0</v>
      </c>
      <c r="MW33" s="119">
        <v>0</v>
      </c>
      <c r="MX33" s="119">
        <v>0</v>
      </c>
      <c r="MY33" s="119">
        <v>0</v>
      </c>
      <c r="MZ33" s="120">
        <v>0</v>
      </c>
      <c r="NA33" s="143">
        <v>0</v>
      </c>
      <c r="NB33" s="142">
        <v>0</v>
      </c>
      <c r="NC33" s="119">
        <v>0</v>
      </c>
      <c r="ND33" s="120">
        <v>0</v>
      </c>
      <c r="NE33" s="145"/>
      <c r="NF33" s="119">
        <v>0</v>
      </c>
      <c r="NG33" s="119">
        <v>208912</v>
      </c>
      <c r="NH33" s="119">
        <v>0</v>
      </c>
      <c r="NI33" s="119">
        <v>514400</v>
      </c>
      <c r="NJ33" s="119">
        <v>0</v>
      </c>
      <c r="NK33" s="120">
        <v>723312</v>
      </c>
      <c r="NL33" s="320">
        <v>723312</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44044</v>
      </c>
      <c r="OK33" s="141">
        <v>44044</v>
      </c>
      <c r="OL33" s="118">
        <v>0</v>
      </c>
      <c r="OM33" s="119">
        <v>487623</v>
      </c>
      <c r="ON33" s="119">
        <v>366092</v>
      </c>
      <c r="OO33" s="119">
        <v>199328</v>
      </c>
      <c r="OP33" s="119">
        <v>796379</v>
      </c>
      <c r="OQ33" s="119">
        <v>525257</v>
      </c>
      <c r="OR33" s="120">
        <v>2374679</v>
      </c>
      <c r="OS33" s="143">
        <v>2418723</v>
      </c>
    </row>
    <row r="34" spans="2:409" ht="21" customHeight="1" x14ac:dyDescent="0.2">
      <c r="B34" s="126" t="s">
        <v>29</v>
      </c>
      <c r="C34" s="110">
        <v>4000</v>
      </c>
      <c r="D34" s="114">
        <v>14688</v>
      </c>
      <c r="E34" s="113">
        <v>18688</v>
      </c>
      <c r="F34" s="109">
        <v>0</v>
      </c>
      <c r="G34" s="114">
        <v>353637</v>
      </c>
      <c r="H34" s="114">
        <v>555689</v>
      </c>
      <c r="I34" s="114">
        <v>255655</v>
      </c>
      <c r="J34" s="114">
        <v>326518</v>
      </c>
      <c r="K34" s="114">
        <v>530832</v>
      </c>
      <c r="L34" s="173">
        <v>2022331</v>
      </c>
      <c r="M34" s="116">
        <v>2041019</v>
      </c>
      <c r="N34" s="110">
        <v>0</v>
      </c>
      <c r="O34" s="114">
        <v>14688</v>
      </c>
      <c r="P34" s="113">
        <v>14688</v>
      </c>
      <c r="Q34" s="110">
        <v>0</v>
      </c>
      <c r="R34" s="114">
        <v>92946</v>
      </c>
      <c r="S34" s="114">
        <v>43248</v>
      </c>
      <c r="T34" s="114">
        <v>0</v>
      </c>
      <c r="U34" s="114">
        <v>10632</v>
      </c>
      <c r="V34" s="114">
        <v>62720</v>
      </c>
      <c r="W34" s="113">
        <v>209546</v>
      </c>
      <c r="X34" s="116">
        <v>224234</v>
      </c>
      <c r="Y34" s="110">
        <v>0</v>
      </c>
      <c r="Z34" s="114">
        <v>0</v>
      </c>
      <c r="AA34" s="113">
        <v>0</v>
      </c>
      <c r="AB34" s="110">
        <v>0</v>
      </c>
      <c r="AC34" s="114">
        <v>58530</v>
      </c>
      <c r="AD34" s="114">
        <v>0</v>
      </c>
      <c r="AE34" s="114">
        <v>0</v>
      </c>
      <c r="AF34" s="114">
        <v>0</v>
      </c>
      <c r="AG34" s="114">
        <v>0</v>
      </c>
      <c r="AH34" s="113">
        <v>58530</v>
      </c>
      <c r="AI34" s="116">
        <v>58530</v>
      </c>
      <c r="AJ34" s="110">
        <v>0</v>
      </c>
      <c r="AK34" s="114">
        <v>0</v>
      </c>
      <c r="AL34" s="113">
        <v>0</v>
      </c>
      <c r="AM34" s="110">
        <v>0</v>
      </c>
      <c r="AN34" s="114">
        <v>0</v>
      </c>
      <c r="AO34" s="114">
        <v>0</v>
      </c>
      <c r="AP34" s="114">
        <v>0</v>
      </c>
      <c r="AQ34" s="114">
        <v>0</v>
      </c>
      <c r="AR34" s="114">
        <v>32448</v>
      </c>
      <c r="AS34" s="113">
        <v>32448</v>
      </c>
      <c r="AT34" s="116">
        <v>32448</v>
      </c>
      <c r="AU34" s="110">
        <v>0</v>
      </c>
      <c r="AV34" s="114">
        <v>14688</v>
      </c>
      <c r="AW34" s="113">
        <v>14688</v>
      </c>
      <c r="AX34" s="110">
        <v>0</v>
      </c>
      <c r="AY34" s="114">
        <v>0</v>
      </c>
      <c r="AZ34" s="114">
        <v>0</v>
      </c>
      <c r="BA34" s="114">
        <v>0</v>
      </c>
      <c r="BB34" s="114">
        <v>0</v>
      </c>
      <c r="BC34" s="114">
        <v>30272</v>
      </c>
      <c r="BD34" s="113">
        <v>30272</v>
      </c>
      <c r="BE34" s="116">
        <v>44960</v>
      </c>
      <c r="BF34" s="110">
        <v>0</v>
      </c>
      <c r="BG34" s="114">
        <v>0</v>
      </c>
      <c r="BH34" s="112">
        <v>0</v>
      </c>
      <c r="BI34" s="111">
        <v>0</v>
      </c>
      <c r="BJ34" s="114">
        <v>34416</v>
      </c>
      <c r="BK34" s="114">
        <v>0</v>
      </c>
      <c r="BL34" s="114">
        <v>0</v>
      </c>
      <c r="BM34" s="114">
        <v>0</v>
      </c>
      <c r="BN34" s="114">
        <v>0</v>
      </c>
      <c r="BO34" s="113">
        <v>34416</v>
      </c>
      <c r="BP34" s="116">
        <v>34416</v>
      </c>
      <c r="BQ34" s="110">
        <v>0</v>
      </c>
      <c r="BR34" s="114">
        <v>0</v>
      </c>
      <c r="BS34" s="113">
        <v>0</v>
      </c>
      <c r="BT34" s="110">
        <v>0</v>
      </c>
      <c r="BU34" s="114">
        <v>0</v>
      </c>
      <c r="BV34" s="114">
        <v>43248</v>
      </c>
      <c r="BW34" s="114">
        <v>0</v>
      </c>
      <c r="BX34" s="114">
        <v>10632</v>
      </c>
      <c r="BY34" s="114">
        <v>0</v>
      </c>
      <c r="BZ34" s="113">
        <v>53880</v>
      </c>
      <c r="CA34" s="116">
        <v>53880</v>
      </c>
      <c r="CB34" s="110">
        <v>0</v>
      </c>
      <c r="CC34" s="114">
        <v>0</v>
      </c>
      <c r="CD34" s="113">
        <v>0</v>
      </c>
      <c r="CE34" s="110">
        <v>0</v>
      </c>
      <c r="CF34" s="114">
        <v>243211</v>
      </c>
      <c r="CG34" s="114">
        <v>95648</v>
      </c>
      <c r="CH34" s="114">
        <v>195287</v>
      </c>
      <c r="CI34" s="114">
        <v>73810</v>
      </c>
      <c r="CJ34" s="114">
        <v>80280</v>
      </c>
      <c r="CK34" s="113">
        <v>688236</v>
      </c>
      <c r="CL34" s="116">
        <v>688236</v>
      </c>
      <c r="CM34" s="110">
        <v>0</v>
      </c>
      <c r="CN34" s="114">
        <v>0</v>
      </c>
      <c r="CO34" s="113">
        <v>0</v>
      </c>
      <c r="CP34" s="111">
        <v>0</v>
      </c>
      <c r="CQ34" s="114">
        <v>219968</v>
      </c>
      <c r="CR34" s="114">
        <v>95648</v>
      </c>
      <c r="CS34" s="114">
        <v>153560</v>
      </c>
      <c r="CT34" s="114">
        <v>73810</v>
      </c>
      <c r="CU34" s="114">
        <v>80280</v>
      </c>
      <c r="CV34" s="113">
        <v>623266</v>
      </c>
      <c r="CW34" s="116">
        <v>623266</v>
      </c>
      <c r="CX34" s="110">
        <v>0</v>
      </c>
      <c r="CY34" s="114">
        <v>0</v>
      </c>
      <c r="CZ34" s="113">
        <v>0</v>
      </c>
      <c r="DA34" s="110">
        <v>0</v>
      </c>
      <c r="DB34" s="114">
        <v>23243</v>
      </c>
      <c r="DC34" s="114">
        <v>0</v>
      </c>
      <c r="DD34" s="114">
        <v>41727</v>
      </c>
      <c r="DE34" s="114">
        <v>0</v>
      </c>
      <c r="DF34" s="114">
        <v>0</v>
      </c>
      <c r="DG34" s="113">
        <v>64970</v>
      </c>
      <c r="DH34" s="116">
        <v>64970</v>
      </c>
      <c r="DI34" s="110">
        <v>0</v>
      </c>
      <c r="DJ34" s="114">
        <v>0</v>
      </c>
      <c r="DK34" s="112">
        <v>0</v>
      </c>
      <c r="DL34" s="111">
        <v>0</v>
      </c>
      <c r="DM34" s="114">
        <v>0</v>
      </c>
      <c r="DN34" s="114">
        <v>56893</v>
      </c>
      <c r="DO34" s="114">
        <v>23728</v>
      </c>
      <c r="DP34" s="114">
        <v>0</v>
      </c>
      <c r="DQ34" s="114">
        <v>102472</v>
      </c>
      <c r="DR34" s="113">
        <v>183093</v>
      </c>
      <c r="DS34" s="116">
        <v>183093</v>
      </c>
      <c r="DT34" s="110">
        <v>0</v>
      </c>
      <c r="DU34" s="114">
        <v>0</v>
      </c>
      <c r="DV34" s="113">
        <v>0</v>
      </c>
      <c r="DW34" s="110">
        <v>0</v>
      </c>
      <c r="DX34" s="114">
        <v>0</v>
      </c>
      <c r="DY34" s="114">
        <v>56893</v>
      </c>
      <c r="DZ34" s="114">
        <v>23728</v>
      </c>
      <c r="EA34" s="114">
        <v>0</v>
      </c>
      <c r="EB34" s="114">
        <v>61680</v>
      </c>
      <c r="EC34" s="113">
        <v>142301</v>
      </c>
      <c r="ED34" s="116">
        <v>142301</v>
      </c>
      <c r="EE34" s="110">
        <v>0</v>
      </c>
      <c r="EF34" s="112">
        <v>0</v>
      </c>
      <c r="EG34" s="113">
        <v>0</v>
      </c>
      <c r="EH34" s="110">
        <v>0</v>
      </c>
      <c r="EI34" s="114">
        <v>0</v>
      </c>
      <c r="EJ34" s="114">
        <v>0</v>
      </c>
      <c r="EK34" s="114">
        <v>0</v>
      </c>
      <c r="EL34" s="114">
        <v>0</v>
      </c>
      <c r="EM34" s="114">
        <v>40792</v>
      </c>
      <c r="EN34" s="112">
        <v>40792</v>
      </c>
      <c r="EO34" s="116">
        <v>40792</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4000</v>
      </c>
      <c r="FM34" s="114">
        <v>0</v>
      </c>
      <c r="FN34" s="113">
        <v>4000</v>
      </c>
      <c r="FO34" s="110">
        <v>0</v>
      </c>
      <c r="FP34" s="114">
        <v>17480</v>
      </c>
      <c r="FQ34" s="114">
        <v>19344</v>
      </c>
      <c r="FR34" s="114">
        <v>36640</v>
      </c>
      <c r="FS34" s="114">
        <v>35200</v>
      </c>
      <c r="FT34" s="114">
        <v>68224</v>
      </c>
      <c r="FU34" s="113">
        <v>176888</v>
      </c>
      <c r="FV34" s="116">
        <v>180888</v>
      </c>
      <c r="FW34" s="115">
        <v>4000</v>
      </c>
      <c r="FX34" s="114">
        <v>0</v>
      </c>
      <c r="FY34" s="112">
        <v>4000</v>
      </c>
      <c r="FZ34" s="111">
        <v>0</v>
      </c>
      <c r="GA34" s="114">
        <v>17480</v>
      </c>
      <c r="GB34" s="114">
        <v>19344</v>
      </c>
      <c r="GC34" s="114">
        <v>36640</v>
      </c>
      <c r="GD34" s="114">
        <v>35200</v>
      </c>
      <c r="GE34" s="114">
        <v>68224</v>
      </c>
      <c r="GF34" s="113">
        <v>176888</v>
      </c>
      <c r="GG34" s="318">
        <v>180888</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0</v>
      </c>
      <c r="HI34" s="114">
        <v>340556</v>
      </c>
      <c r="HJ34" s="114">
        <v>0</v>
      </c>
      <c r="HK34" s="114">
        <v>206876</v>
      </c>
      <c r="HL34" s="114">
        <v>217136</v>
      </c>
      <c r="HM34" s="113">
        <v>764568</v>
      </c>
      <c r="HN34" s="109">
        <v>764568</v>
      </c>
      <c r="HO34" s="328"/>
      <c r="HP34" s="329"/>
      <c r="HQ34" s="330"/>
      <c r="HR34" s="331"/>
      <c r="HS34" s="329"/>
      <c r="HT34" s="329"/>
      <c r="HU34" s="329"/>
      <c r="HV34" s="329"/>
      <c r="HW34" s="329"/>
      <c r="HX34" s="332"/>
      <c r="HY34" s="333"/>
      <c r="HZ34" s="150">
        <v>0</v>
      </c>
      <c r="IA34" s="135">
        <v>0</v>
      </c>
      <c r="IB34" s="150">
        <v>0</v>
      </c>
      <c r="IC34" s="134">
        <v>0</v>
      </c>
      <c r="ID34" s="135">
        <v>198965</v>
      </c>
      <c r="IE34" s="136">
        <v>0</v>
      </c>
      <c r="IF34" s="137">
        <v>0</v>
      </c>
      <c r="IG34" s="135">
        <v>247832</v>
      </c>
      <c r="IH34" s="137">
        <v>0</v>
      </c>
      <c r="II34" s="138">
        <v>446797</v>
      </c>
      <c r="IJ34" s="150">
        <v>446797</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98965</v>
      </c>
      <c r="JL34" s="119">
        <v>0</v>
      </c>
      <c r="JM34" s="119">
        <v>0</v>
      </c>
      <c r="JN34" s="119">
        <v>0</v>
      </c>
      <c r="JO34" s="119">
        <v>0</v>
      </c>
      <c r="JP34" s="120">
        <v>198965</v>
      </c>
      <c r="JQ34" s="320">
        <v>198965</v>
      </c>
      <c r="JR34" s="142">
        <v>0</v>
      </c>
      <c r="JS34" s="119">
        <v>0</v>
      </c>
      <c r="JT34" s="141">
        <v>0</v>
      </c>
      <c r="JU34" s="118">
        <v>0</v>
      </c>
      <c r="JV34" s="119">
        <v>0</v>
      </c>
      <c r="JW34" s="119">
        <v>0</v>
      </c>
      <c r="JX34" s="119">
        <v>0</v>
      </c>
      <c r="JY34" s="119">
        <v>0</v>
      </c>
      <c r="JZ34" s="119">
        <v>0</v>
      </c>
      <c r="KA34" s="120">
        <v>0</v>
      </c>
      <c r="KB34" s="320">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47832</v>
      </c>
      <c r="LR34" s="119">
        <v>0</v>
      </c>
      <c r="LS34" s="120">
        <v>247832</v>
      </c>
      <c r="LT34" s="320">
        <v>247832</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225558</v>
      </c>
      <c r="MM34" s="119">
        <v>0</v>
      </c>
      <c r="MN34" s="119">
        <v>326496</v>
      </c>
      <c r="MO34" s="120">
        <v>552054</v>
      </c>
      <c r="MP34" s="143">
        <v>552054</v>
      </c>
      <c r="MQ34" s="142">
        <v>0</v>
      </c>
      <c r="MR34" s="119">
        <v>0</v>
      </c>
      <c r="MS34" s="120">
        <v>0</v>
      </c>
      <c r="MT34" s="145"/>
      <c r="MU34" s="119">
        <v>0</v>
      </c>
      <c r="MV34" s="119">
        <v>0</v>
      </c>
      <c r="MW34" s="119">
        <v>225558</v>
      </c>
      <c r="MX34" s="119">
        <v>0</v>
      </c>
      <c r="MY34" s="119">
        <v>326496</v>
      </c>
      <c r="MZ34" s="120">
        <v>552054</v>
      </c>
      <c r="NA34" s="143">
        <v>552054</v>
      </c>
      <c r="NB34" s="142">
        <v>0</v>
      </c>
      <c r="NC34" s="119">
        <v>0</v>
      </c>
      <c r="ND34" s="120">
        <v>0</v>
      </c>
      <c r="NE34" s="145"/>
      <c r="NF34" s="119">
        <v>0</v>
      </c>
      <c r="NG34" s="119">
        <v>0</v>
      </c>
      <c r="NH34" s="119">
        <v>0</v>
      </c>
      <c r="NI34" s="119">
        <v>0</v>
      </c>
      <c r="NJ34" s="119">
        <v>0</v>
      </c>
      <c r="NK34" s="120">
        <v>0</v>
      </c>
      <c r="NL34" s="320">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4000</v>
      </c>
      <c r="OJ34" s="119">
        <v>14688</v>
      </c>
      <c r="OK34" s="141">
        <v>18688</v>
      </c>
      <c r="OL34" s="118">
        <v>0</v>
      </c>
      <c r="OM34" s="119">
        <v>552602</v>
      </c>
      <c r="ON34" s="119">
        <v>555689</v>
      </c>
      <c r="OO34" s="119">
        <v>481213</v>
      </c>
      <c r="OP34" s="119">
        <v>574350</v>
      </c>
      <c r="OQ34" s="119">
        <v>857328</v>
      </c>
      <c r="OR34" s="120">
        <v>3021182</v>
      </c>
      <c r="OS34" s="143">
        <v>3039870</v>
      </c>
    </row>
    <row r="35" spans="2:409" ht="21" customHeight="1" x14ac:dyDescent="0.2">
      <c r="B35" s="126" t="s">
        <v>30</v>
      </c>
      <c r="C35" s="110">
        <v>20857</v>
      </c>
      <c r="D35" s="114">
        <v>139560</v>
      </c>
      <c r="E35" s="174">
        <v>160417</v>
      </c>
      <c r="F35" s="175">
        <v>0</v>
      </c>
      <c r="G35" s="176">
        <v>326102</v>
      </c>
      <c r="H35" s="176">
        <v>65208</v>
      </c>
      <c r="I35" s="176">
        <v>222212</v>
      </c>
      <c r="J35" s="176">
        <v>375896</v>
      </c>
      <c r="K35" s="176">
        <v>272192</v>
      </c>
      <c r="L35" s="177">
        <v>1261610</v>
      </c>
      <c r="M35" s="116">
        <v>1422027</v>
      </c>
      <c r="N35" s="110">
        <v>0</v>
      </c>
      <c r="O35" s="114">
        <v>126960</v>
      </c>
      <c r="P35" s="113">
        <v>126960</v>
      </c>
      <c r="Q35" s="110">
        <v>0</v>
      </c>
      <c r="R35" s="114">
        <v>120416</v>
      </c>
      <c r="S35" s="114">
        <v>58808</v>
      </c>
      <c r="T35" s="114">
        <v>60856</v>
      </c>
      <c r="U35" s="114">
        <v>134816</v>
      </c>
      <c r="V35" s="114">
        <v>0</v>
      </c>
      <c r="W35" s="113">
        <v>374896</v>
      </c>
      <c r="X35" s="116">
        <v>501856</v>
      </c>
      <c r="Y35" s="110">
        <v>0</v>
      </c>
      <c r="Z35" s="114">
        <v>0</v>
      </c>
      <c r="AA35" s="113">
        <v>0</v>
      </c>
      <c r="AB35" s="110">
        <v>0</v>
      </c>
      <c r="AC35" s="114">
        <v>110384</v>
      </c>
      <c r="AD35" s="114">
        <v>56520</v>
      </c>
      <c r="AE35" s="114">
        <v>25400</v>
      </c>
      <c r="AF35" s="114">
        <v>70744</v>
      </c>
      <c r="AG35" s="114">
        <v>0</v>
      </c>
      <c r="AH35" s="113">
        <v>263048</v>
      </c>
      <c r="AI35" s="116">
        <v>263048</v>
      </c>
      <c r="AJ35" s="110">
        <v>0</v>
      </c>
      <c r="AK35" s="114">
        <v>0</v>
      </c>
      <c r="AL35" s="113">
        <v>0</v>
      </c>
      <c r="AM35" s="110">
        <v>0</v>
      </c>
      <c r="AN35" s="114">
        <v>0</v>
      </c>
      <c r="AO35" s="114">
        <v>0</v>
      </c>
      <c r="AP35" s="114">
        <v>0</v>
      </c>
      <c r="AQ35" s="114">
        <v>0</v>
      </c>
      <c r="AR35" s="114">
        <v>0</v>
      </c>
      <c r="AS35" s="113">
        <v>0</v>
      </c>
      <c r="AT35" s="116">
        <v>0</v>
      </c>
      <c r="AU35" s="110">
        <v>0</v>
      </c>
      <c r="AV35" s="114">
        <v>126960</v>
      </c>
      <c r="AW35" s="113">
        <v>126960</v>
      </c>
      <c r="AX35" s="110">
        <v>0</v>
      </c>
      <c r="AY35" s="114">
        <v>0</v>
      </c>
      <c r="AZ35" s="114">
        <v>0</v>
      </c>
      <c r="BA35" s="114">
        <v>35456</v>
      </c>
      <c r="BB35" s="114">
        <v>35456</v>
      </c>
      <c r="BC35" s="114">
        <v>0</v>
      </c>
      <c r="BD35" s="113">
        <v>70912</v>
      </c>
      <c r="BE35" s="116">
        <v>197872</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0032</v>
      </c>
      <c r="BV35" s="114">
        <v>2288</v>
      </c>
      <c r="BW35" s="114">
        <v>0</v>
      </c>
      <c r="BX35" s="114">
        <v>28616</v>
      </c>
      <c r="BY35" s="114">
        <v>0</v>
      </c>
      <c r="BZ35" s="113">
        <v>40936</v>
      </c>
      <c r="CA35" s="116">
        <v>40936</v>
      </c>
      <c r="CB35" s="110">
        <v>20857</v>
      </c>
      <c r="CC35" s="114">
        <v>0</v>
      </c>
      <c r="CD35" s="113">
        <v>20857</v>
      </c>
      <c r="CE35" s="110">
        <v>0</v>
      </c>
      <c r="CF35" s="114">
        <v>51674</v>
      </c>
      <c r="CG35" s="114">
        <v>0</v>
      </c>
      <c r="CH35" s="114">
        <v>91944</v>
      </c>
      <c r="CI35" s="114">
        <v>118728</v>
      </c>
      <c r="CJ35" s="114">
        <v>0</v>
      </c>
      <c r="CK35" s="113">
        <v>262346</v>
      </c>
      <c r="CL35" s="116">
        <v>283203</v>
      </c>
      <c r="CM35" s="110">
        <v>0</v>
      </c>
      <c r="CN35" s="114">
        <v>0</v>
      </c>
      <c r="CO35" s="113">
        <v>0</v>
      </c>
      <c r="CP35" s="111">
        <v>0</v>
      </c>
      <c r="CQ35" s="114">
        <v>20506</v>
      </c>
      <c r="CR35" s="114">
        <v>0</v>
      </c>
      <c r="CS35" s="114">
        <v>0</v>
      </c>
      <c r="CT35" s="114">
        <v>118728</v>
      </c>
      <c r="CU35" s="114">
        <v>0</v>
      </c>
      <c r="CV35" s="113">
        <v>139234</v>
      </c>
      <c r="CW35" s="116">
        <v>139234</v>
      </c>
      <c r="CX35" s="110">
        <v>20857</v>
      </c>
      <c r="CY35" s="114">
        <v>0</v>
      </c>
      <c r="CZ35" s="113">
        <v>20857</v>
      </c>
      <c r="DA35" s="110">
        <v>0</v>
      </c>
      <c r="DB35" s="114">
        <v>31168</v>
      </c>
      <c r="DC35" s="114">
        <v>0</v>
      </c>
      <c r="DD35" s="114">
        <v>91944</v>
      </c>
      <c r="DE35" s="114">
        <v>0</v>
      </c>
      <c r="DF35" s="114">
        <v>0</v>
      </c>
      <c r="DG35" s="113">
        <v>123112</v>
      </c>
      <c r="DH35" s="116">
        <v>143969</v>
      </c>
      <c r="DI35" s="110">
        <v>0</v>
      </c>
      <c r="DJ35" s="114">
        <v>0</v>
      </c>
      <c r="DK35" s="112">
        <v>0</v>
      </c>
      <c r="DL35" s="111">
        <v>0</v>
      </c>
      <c r="DM35" s="114">
        <v>0</v>
      </c>
      <c r="DN35" s="114">
        <v>0</v>
      </c>
      <c r="DO35" s="114">
        <v>41892</v>
      </c>
      <c r="DP35" s="114">
        <v>73424</v>
      </c>
      <c r="DQ35" s="114">
        <v>270592</v>
      </c>
      <c r="DR35" s="113">
        <v>385908</v>
      </c>
      <c r="DS35" s="116">
        <v>385908</v>
      </c>
      <c r="DT35" s="110">
        <v>0</v>
      </c>
      <c r="DU35" s="114">
        <v>0</v>
      </c>
      <c r="DV35" s="113">
        <v>0</v>
      </c>
      <c r="DW35" s="110">
        <v>0</v>
      </c>
      <c r="DX35" s="114">
        <v>0</v>
      </c>
      <c r="DY35" s="114">
        <v>0</v>
      </c>
      <c r="DZ35" s="114">
        <v>41892</v>
      </c>
      <c r="EA35" s="114">
        <v>73424</v>
      </c>
      <c r="EB35" s="114">
        <v>0</v>
      </c>
      <c r="EC35" s="113">
        <v>115316</v>
      </c>
      <c r="ED35" s="116">
        <v>115316</v>
      </c>
      <c r="EE35" s="110">
        <v>0</v>
      </c>
      <c r="EF35" s="112">
        <v>0</v>
      </c>
      <c r="EG35" s="113">
        <v>0</v>
      </c>
      <c r="EH35" s="110">
        <v>0</v>
      </c>
      <c r="EI35" s="114">
        <v>0</v>
      </c>
      <c r="EJ35" s="114">
        <v>0</v>
      </c>
      <c r="EK35" s="114">
        <v>0</v>
      </c>
      <c r="EL35" s="114">
        <v>0</v>
      </c>
      <c r="EM35" s="114">
        <v>270592</v>
      </c>
      <c r="EN35" s="112">
        <v>270592</v>
      </c>
      <c r="EO35" s="116">
        <v>270592</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0</v>
      </c>
      <c r="FM35" s="114">
        <v>12600</v>
      </c>
      <c r="FN35" s="113">
        <v>12600</v>
      </c>
      <c r="FO35" s="110">
        <v>0</v>
      </c>
      <c r="FP35" s="114">
        <v>640</v>
      </c>
      <c r="FQ35" s="114">
        <v>6400</v>
      </c>
      <c r="FR35" s="114">
        <v>27520</v>
      </c>
      <c r="FS35" s="114">
        <v>48928</v>
      </c>
      <c r="FT35" s="114">
        <v>1600</v>
      </c>
      <c r="FU35" s="113">
        <v>85088</v>
      </c>
      <c r="FV35" s="116">
        <v>97688</v>
      </c>
      <c r="FW35" s="115">
        <v>0</v>
      </c>
      <c r="FX35" s="114">
        <v>1600</v>
      </c>
      <c r="FY35" s="112">
        <v>1600</v>
      </c>
      <c r="FZ35" s="111">
        <v>0</v>
      </c>
      <c r="GA35" s="114">
        <v>640</v>
      </c>
      <c r="GB35" s="114">
        <v>6400</v>
      </c>
      <c r="GC35" s="114">
        <v>27520</v>
      </c>
      <c r="GD35" s="114">
        <v>48928</v>
      </c>
      <c r="GE35" s="114">
        <v>1600</v>
      </c>
      <c r="GF35" s="113">
        <v>85088</v>
      </c>
      <c r="GG35" s="318">
        <v>86688</v>
      </c>
      <c r="GH35" s="115">
        <v>0</v>
      </c>
      <c r="GI35" s="114">
        <v>0</v>
      </c>
      <c r="GJ35" s="112">
        <v>0</v>
      </c>
      <c r="GK35" s="111">
        <v>0</v>
      </c>
      <c r="GL35" s="114">
        <v>0</v>
      </c>
      <c r="GM35" s="114">
        <v>0</v>
      </c>
      <c r="GN35" s="114">
        <v>0</v>
      </c>
      <c r="GO35" s="114">
        <v>0</v>
      </c>
      <c r="GP35" s="114">
        <v>0</v>
      </c>
      <c r="GQ35" s="113">
        <v>0</v>
      </c>
      <c r="GR35" s="116">
        <v>0</v>
      </c>
      <c r="GS35" s="110">
        <v>0</v>
      </c>
      <c r="GT35" s="114">
        <v>11000</v>
      </c>
      <c r="GU35" s="113">
        <v>11000</v>
      </c>
      <c r="GV35" s="110">
        <v>0</v>
      </c>
      <c r="GW35" s="114">
        <v>0</v>
      </c>
      <c r="GX35" s="114">
        <v>0</v>
      </c>
      <c r="GY35" s="114">
        <v>0</v>
      </c>
      <c r="GZ35" s="114">
        <v>0</v>
      </c>
      <c r="HA35" s="114">
        <v>0</v>
      </c>
      <c r="HB35" s="112">
        <v>0</v>
      </c>
      <c r="HC35" s="116">
        <v>11000</v>
      </c>
      <c r="HD35" s="110">
        <v>0</v>
      </c>
      <c r="HE35" s="114">
        <v>0</v>
      </c>
      <c r="HF35" s="112">
        <v>0</v>
      </c>
      <c r="HG35" s="111">
        <v>0</v>
      </c>
      <c r="HH35" s="114">
        <v>153372</v>
      </c>
      <c r="HI35" s="114">
        <v>0</v>
      </c>
      <c r="HJ35" s="114">
        <v>0</v>
      </c>
      <c r="HK35" s="114">
        <v>0</v>
      </c>
      <c r="HL35" s="114">
        <v>0</v>
      </c>
      <c r="HM35" s="113">
        <v>153372</v>
      </c>
      <c r="HN35" s="109">
        <v>153372</v>
      </c>
      <c r="HO35" s="328"/>
      <c r="HP35" s="329"/>
      <c r="HQ35" s="330"/>
      <c r="HR35" s="331"/>
      <c r="HS35" s="329"/>
      <c r="HT35" s="329"/>
      <c r="HU35" s="329"/>
      <c r="HV35" s="329"/>
      <c r="HW35" s="329"/>
      <c r="HX35" s="332"/>
      <c r="HY35" s="333"/>
      <c r="HZ35" s="131">
        <v>52631</v>
      </c>
      <c r="IA35" s="132">
        <v>0</v>
      </c>
      <c r="IB35" s="133">
        <v>52631</v>
      </c>
      <c r="IC35" s="146">
        <v>0</v>
      </c>
      <c r="ID35" s="132">
        <v>42333</v>
      </c>
      <c r="IE35" s="147">
        <v>192000</v>
      </c>
      <c r="IF35" s="133">
        <v>0</v>
      </c>
      <c r="IG35" s="132">
        <v>230792</v>
      </c>
      <c r="IH35" s="133">
        <v>0</v>
      </c>
      <c r="II35" s="148">
        <v>465125</v>
      </c>
      <c r="IJ35" s="139">
        <v>517756</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42333</v>
      </c>
      <c r="JL35" s="119">
        <v>0</v>
      </c>
      <c r="JM35" s="119">
        <v>0</v>
      </c>
      <c r="JN35" s="119">
        <v>0</v>
      </c>
      <c r="JO35" s="119">
        <v>0</v>
      </c>
      <c r="JP35" s="120">
        <v>42333</v>
      </c>
      <c r="JQ35" s="320">
        <v>42333</v>
      </c>
      <c r="JR35" s="142">
        <v>52631</v>
      </c>
      <c r="JS35" s="119">
        <v>0</v>
      </c>
      <c r="JT35" s="141">
        <v>52631</v>
      </c>
      <c r="JU35" s="118">
        <v>0</v>
      </c>
      <c r="JV35" s="119">
        <v>0</v>
      </c>
      <c r="JW35" s="119">
        <v>0</v>
      </c>
      <c r="JX35" s="119">
        <v>0</v>
      </c>
      <c r="JY35" s="119">
        <v>0</v>
      </c>
      <c r="JZ35" s="119">
        <v>0</v>
      </c>
      <c r="KA35" s="120">
        <v>0</v>
      </c>
      <c r="KB35" s="320">
        <v>52631</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192000</v>
      </c>
      <c r="KT35" s="119">
        <v>0</v>
      </c>
      <c r="KU35" s="119">
        <v>230792</v>
      </c>
      <c r="KV35" s="119">
        <v>0</v>
      </c>
      <c r="KW35" s="120">
        <v>422792</v>
      </c>
      <c r="KX35" s="320">
        <v>422792</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0</v>
      </c>
      <c r="MK35" s="119">
        <v>0</v>
      </c>
      <c r="ML35" s="119">
        <v>274116</v>
      </c>
      <c r="MM35" s="119">
        <v>1003710</v>
      </c>
      <c r="MN35" s="119">
        <v>673988</v>
      </c>
      <c r="MO35" s="120">
        <v>1951814</v>
      </c>
      <c r="MP35" s="143">
        <v>1951814</v>
      </c>
      <c r="MQ35" s="142">
        <v>0</v>
      </c>
      <c r="MR35" s="119">
        <v>0</v>
      </c>
      <c r="MS35" s="120">
        <v>0</v>
      </c>
      <c r="MT35" s="145"/>
      <c r="MU35" s="119">
        <v>0</v>
      </c>
      <c r="MV35" s="119">
        <v>0</v>
      </c>
      <c r="MW35" s="119">
        <v>0</v>
      </c>
      <c r="MX35" s="119">
        <v>456608</v>
      </c>
      <c r="MY35" s="119">
        <v>0</v>
      </c>
      <c r="MZ35" s="120">
        <v>456608</v>
      </c>
      <c r="NA35" s="143">
        <v>456608</v>
      </c>
      <c r="NB35" s="142">
        <v>0</v>
      </c>
      <c r="NC35" s="119">
        <v>0</v>
      </c>
      <c r="ND35" s="120">
        <v>0</v>
      </c>
      <c r="NE35" s="145"/>
      <c r="NF35" s="119">
        <v>0</v>
      </c>
      <c r="NG35" s="119">
        <v>0</v>
      </c>
      <c r="NH35" s="119">
        <v>274116</v>
      </c>
      <c r="NI35" s="119">
        <v>547102</v>
      </c>
      <c r="NJ35" s="119">
        <v>277276</v>
      </c>
      <c r="NK35" s="120">
        <v>1098494</v>
      </c>
      <c r="NL35" s="320">
        <v>1098494</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396712</v>
      </c>
      <c r="OG35" s="120">
        <v>396712</v>
      </c>
      <c r="OH35" s="121">
        <v>396712</v>
      </c>
      <c r="OI35" s="142">
        <v>73488</v>
      </c>
      <c r="OJ35" s="119">
        <v>139560</v>
      </c>
      <c r="OK35" s="141">
        <v>213048</v>
      </c>
      <c r="OL35" s="118">
        <v>0</v>
      </c>
      <c r="OM35" s="119">
        <v>368435</v>
      </c>
      <c r="ON35" s="119">
        <v>257208</v>
      </c>
      <c r="OO35" s="119">
        <v>496328</v>
      </c>
      <c r="OP35" s="119">
        <v>1610398</v>
      </c>
      <c r="OQ35" s="119">
        <v>946180</v>
      </c>
      <c r="OR35" s="120">
        <v>3678549</v>
      </c>
      <c r="OS35" s="143">
        <v>3891597</v>
      </c>
    </row>
    <row r="36" spans="2:409" ht="21" customHeight="1" x14ac:dyDescent="0.2">
      <c r="B36" s="126" t="s">
        <v>31</v>
      </c>
      <c r="C36" s="110">
        <v>13296</v>
      </c>
      <c r="D36" s="114">
        <v>7200</v>
      </c>
      <c r="E36" s="113">
        <v>20496</v>
      </c>
      <c r="F36" s="109">
        <v>0</v>
      </c>
      <c r="G36" s="114">
        <v>205062</v>
      </c>
      <c r="H36" s="114">
        <v>691712</v>
      </c>
      <c r="I36" s="114">
        <v>157008</v>
      </c>
      <c r="J36" s="114">
        <v>250831</v>
      </c>
      <c r="K36" s="114">
        <v>0</v>
      </c>
      <c r="L36" s="173">
        <v>1304613</v>
      </c>
      <c r="M36" s="116">
        <v>1325109</v>
      </c>
      <c r="N36" s="110">
        <v>8096</v>
      </c>
      <c r="O36" s="114">
        <v>0</v>
      </c>
      <c r="P36" s="113">
        <v>8096</v>
      </c>
      <c r="Q36" s="110">
        <v>0</v>
      </c>
      <c r="R36" s="114">
        <v>93896</v>
      </c>
      <c r="S36" s="114">
        <v>126014</v>
      </c>
      <c r="T36" s="114">
        <v>118408</v>
      </c>
      <c r="U36" s="114">
        <v>76144</v>
      </c>
      <c r="V36" s="114">
        <v>0</v>
      </c>
      <c r="W36" s="113">
        <v>414462</v>
      </c>
      <c r="X36" s="116">
        <v>422558</v>
      </c>
      <c r="Y36" s="110">
        <v>0</v>
      </c>
      <c r="Z36" s="114">
        <v>0</v>
      </c>
      <c r="AA36" s="113">
        <v>0</v>
      </c>
      <c r="AB36" s="110">
        <v>0</v>
      </c>
      <c r="AC36" s="114">
        <v>69672</v>
      </c>
      <c r="AD36" s="114">
        <v>42694</v>
      </c>
      <c r="AE36" s="114">
        <v>0</v>
      </c>
      <c r="AF36" s="114">
        <v>0</v>
      </c>
      <c r="AG36" s="114">
        <v>0</v>
      </c>
      <c r="AH36" s="113">
        <v>112366</v>
      </c>
      <c r="AI36" s="116">
        <v>112366</v>
      </c>
      <c r="AJ36" s="110">
        <v>0</v>
      </c>
      <c r="AK36" s="114">
        <v>0</v>
      </c>
      <c r="AL36" s="113">
        <v>0</v>
      </c>
      <c r="AM36" s="110">
        <v>0</v>
      </c>
      <c r="AN36" s="114">
        <v>0</v>
      </c>
      <c r="AO36" s="114">
        <v>54080</v>
      </c>
      <c r="AP36" s="114">
        <v>85440</v>
      </c>
      <c r="AQ36" s="114">
        <v>0</v>
      </c>
      <c r="AR36" s="114">
        <v>0</v>
      </c>
      <c r="AS36" s="113">
        <v>139520</v>
      </c>
      <c r="AT36" s="116">
        <v>139520</v>
      </c>
      <c r="AU36" s="110">
        <v>8096</v>
      </c>
      <c r="AV36" s="114">
        <v>0</v>
      </c>
      <c r="AW36" s="113">
        <v>8096</v>
      </c>
      <c r="AX36" s="110">
        <v>0</v>
      </c>
      <c r="AY36" s="114">
        <v>24224</v>
      </c>
      <c r="AZ36" s="114">
        <v>22224</v>
      </c>
      <c r="BA36" s="114">
        <v>28840</v>
      </c>
      <c r="BB36" s="114">
        <v>51064</v>
      </c>
      <c r="BC36" s="114">
        <v>0</v>
      </c>
      <c r="BD36" s="113">
        <v>126352</v>
      </c>
      <c r="BE36" s="116">
        <v>134448</v>
      </c>
      <c r="BF36" s="110">
        <v>0</v>
      </c>
      <c r="BG36" s="114">
        <v>0</v>
      </c>
      <c r="BH36" s="112">
        <v>0</v>
      </c>
      <c r="BI36" s="111">
        <v>0</v>
      </c>
      <c r="BJ36" s="114">
        <v>0</v>
      </c>
      <c r="BK36" s="114">
        <v>0</v>
      </c>
      <c r="BL36" s="114">
        <v>0</v>
      </c>
      <c r="BM36" s="114">
        <v>19624</v>
      </c>
      <c r="BN36" s="114">
        <v>0</v>
      </c>
      <c r="BO36" s="113">
        <v>19624</v>
      </c>
      <c r="BP36" s="116">
        <v>19624</v>
      </c>
      <c r="BQ36" s="110">
        <v>0</v>
      </c>
      <c r="BR36" s="114">
        <v>0</v>
      </c>
      <c r="BS36" s="113">
        <v>0</v>
      </c>
      <c r="BT36" s="110">
        <v>0</v>
      </c>
      <c r="BU36" s="114">
        <v>0</v>
      </c>
      <c r="BV36" s="114">
        <v>7016</v>
      </c>
      <c r="BW36" s="114">
        <v>4128</v>
      </c>
      <c r="BX36" s="114">
        <v>5456</v>
      </c>
      <c r="BY36" s="114">
        <v>0</v>
      </c>
      <c r="BZ36" s="113">
        <v>16600</v>
      </c>
      <c r="CA36" s="116">
        <v>16600</v>
      </c>
      <c r="CB36" s="110">
        <v>0</v>
      </c>
      <c r="CC36" s="114">
        <v>0</v>
      </c>
      <c r="CD36" s="113">
        <v>0</v>
      </c>
      <c r="CE36" s="110">
        <v>0</v>
      </c>
      <c r="CF36" s="114">
        <v>93806</v>
      </c>
      <c r="CG36" s="114">
        <v>412917</v>
      </c>
      <c r="CH36" s="114">
        <v>0</v>
      </c>
      <c r="CI36" s="114">
        <v>114423</v>
      </c>
      <c r="CJ36" s="114">
        <v>0</v>
      </c>
      <c r="CK36" s="113">
        <v>621146</v>
      </c>
      <c r="CL36" s="116">
        <v>621146</v>
      </c>
      <c r="CM36" s="110">
        <v>0</v>
      </c>
      <c r="CN36" s="114">
        <v>0</v>
      </c>
      <c r="CO36" s="113">
        <v>0</v>
      </c>
      <c r="CP36" s="111">
        <v>0</v>
      </c>
      <c r="CQ36" s="114">
        <v>93806</v>
      </c>
      <c r="CR36" s="114">
        <v>142725</v>
      </c>
      <c r="CS36" s="114">
        <v>0</v>
      </c>
      <c r="CT36" s="114">
        <v>60927</v>
      </c>
      <c r="CU36" s="114">
        <v>0</v>
      </c>
      <c r="CV36" s="113">
        <v>297458</v>
      </c>
      <c r="CW36" s="116">
        <v>297458</v>
      </c>
      <c r="CX36" s="110">
        <v>0</v>
      </c>
      <c r="CY36" s="114">
        <v>0</v>
      </c>
      <c r="CZ36" s="113">
        <v>0</v>
      </c>
      <c r="DA36" s="110">
        <v>0</v>
      </c>
      <c r="DB36" s="114">
        <v>0</v>
      </c>
      <c r="DC36" s="114">
        <v>270192</v>
      </c>
      <c r="DD36" s="114">
        <v>0</v>
      </c>
      <c r="DE36" s="114">
        <v>53496</v>
      </c>
      <c r="DF36" s="114">
        <v>0</v>
      </c>
      <c r="DG36" s="113">
        <v>323688</v>
      </c>
      <c r="DH36" s="116">
        <v>323688</v>
      </c>
      <c r="DI36" s="110">
        <v>0</v>
      </c>
      <c r="DJ36" s="114">
        <v>0</v>
      </c>
      <c r="DK36" s="112">
        <v>0</v>
      </c>
      <c r="DL36" s="111">
        <v>0</v>
      </c>
      <c r="DM36" s="114">
        <v>0</v>
      </c>
      <c r="DN36" s="114">
        <v>45029</v>
      </c>
      <c r="DO36" s="114">
        <v>0</v>
      </c>
      <c r="DP36" s="114">
        <v>0</v>
      </c>
      <c r="DQ36" s="114">
        <v>0</v>
      </c>
      <c r="DR36" s="113">
        <v>45029</v>
      </c>
      <c r="DS36" s="116">
        <v>45029</v>
      </c>
      <c r="DT36" s="110">
        <v>0</v>
      </c>
      <c r="DU36" s="114">
        <v>0</v>
      </c>
      <c r="DV36" s="113">
        <v>0</v>
      </c>
      <c r="DW36" s="110">
        <v>0</v>
      </c>
      <c r="DX36" s="114">
        <v>0</v>
      </c>
      <c r="DY36" s="114">
        <v>45029</v>
      </c>
      <c r="DZ36" s="114">
        <v>0</v>
      </c>
      <c r="EA36" s="114">
        <v>0</v>
      </c>
      <c r="EB36" s="114">
        <v>0</v>
      </c>
      <c r="EC36" s="113">
        <v>45029</v>
      </c>
      <c r="ED36" s="116">
        <v>45029</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5200</v>
      </c>
      <c r="FM36" s="114">
        <v>7200</v>
      </c>
      <c r="FN36" s="113">
        <v>12400</v>
      </c>
      <c r="FO36" s="110">
        <v>0</v>
      </c>
      <c r="FP36" s="114">
        <v>17360</v>
      </c>
      <c r="FQ36" s="114">
        <v>107752</v>
      </c>
      <c r="FR36" s="114">
        <v>38600</v>
      </c>
      <c r="FS36" s="114">
        <v>60264</v>
      </c>
      <c r="FT36" s="114">
        <v>0</v>
      </c>
      <c r="FU36" s="113">
        <v>223976</v>
      </c>
      <c r="FV36" s="116">
        <v>236376</v>
      </c>
      <c r="FW36" s="115">
        <v>5200</v>
      </c>
      <c r="FX36" s="114">
        <v>7200</v>
      </c>
      <c r="FY36" s="112">
        <v>12400</v>
      </c>
      <c r="FZ36" s="111">
        <v>0</v>
      </c>
      <c r="GA36" s="114">
        <v>17360</v>
      </c>
      <c r="GB36" s="114">
        <v>107752</v>
      </c>
      <c r="GC36" s="114">
        <v>38600</v>
      </c>
      <c r="GD36" s="114">
        <v>37144</v>
      </c>
      <c r="GE36" s="114">
        <v>0</v>
      </c>
      <c r="GF36" s="113">
        <v>200856</v>
      </c>
      <c r="GG36" s="318">
        <v>213256</v>
      </c>
      <c r="GH36" s="115">
        <v>0</v>
      </c>
      <c r="GI36" s="114">
        <v>0</v>
      </c>
      <c r="GJ36" s="112">
        <v>0</v>
      </c>
      <c r="GK36" s="111">
        <v>0</v>
      </c>
      <c r="GL36" s="114">
        <v>0</v>
      </c>
      <c r="GM36" s="114">
        <v>0</v>
      </c>
      <c r="GN36" s="114">
        <v>0</v>
      </c>
      <c r="GO36" s="114">
        <v>23120</v>
      </c>
      <c r="GP36" s="114">
        <v>0</v>
      </c>
      <c r="GQ36" s="113">
        <v>23120</v>
      </c>
      <c r="GR36" s="116">
        <v>2312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0</v>
      </c>
      <c r="HI36" s="114">
        <v>0</v>
      </c>
      <c r="HJ36" s="114">
        <v>0</v>
      </c>
      <c r="HK36" s="114">
        <v>0</v>
      </c>
      <c r="HL36" s="114">
        <v>0</v>
      </c>
      <c r="HM36" s="113">
        <v>0</v>
      </c>
      <c r="HN36" s="109">
        <v>0</v>
      </c>
      <c r="HO36" s="328"/>
      <c r="HP36" s="329"/>
      <c r="HQ36" s="330"/>
      <c r="HR36" s="331"/>
      <c r="HS36" s="329"/>
      <c r="HT36" s="329"/>
      <c r="HU36" s="329"/>
      <c r="HV36" s="329"/>
      <c r="HW36" s="329"/>
      <c r="HX36" s="332"/>
      <c r="HY36" s="333"/>
      <c r="HZ36" s="150">
        <v>0</v>
      </c>
      <c r="IA36" s="135">
        <v>0</v>
      </c>
      <c r="IB36" s="150">
        <v>0</v>
      </c>
      <c r="IC36" s="134">
        <v>0</v>
      </c>
      <c r="ID36" s="135">
        <v>179029</v>
      </c>
      <c r="IE36" s="136">
        <v>513468</v>
      </c>
      <c r="IF36" s="137">
        <v>169381</v>
      </c>
      <c r="IG36" s="135">
        <v>239352</v>
      </c>
      <c r="IH36" s="137">
        <v>0</v>
      </c>
      <c r="II36" s="138">
        <v>1101230</v>
      </c>
      <c r="IJ36" s="150">
        <v>1101230</v>
      </c>
      <c r="IK36" s="232">
        <v>0</v>
      </c>
      <c r="IL36" s="236">
        <v>0</v>
      </c>
      <c r="IM36" s="237">
        <v>0</v>
      </c>
      <c r="IN36" s="140"/>
      <c r="IO36" s="119">
        <v>0</v>
      </c>
      <c r="IP36" s="119">
        <v>0</v>
      </c>
      <c r="IQ36" s="119">
        <v>0</v>
      </c>
      <c r="IR36" s="119">
        <v>0</v>
      </c>
      <c r="IS36" s="119">
        <v>0</v>
      </c>
      <c r="IT36" s="141">
        <v>0</v>
      </c>
      <c r="IU36" s="320">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44501</v>
      </c>
      <c r="JL36" s="119">
        <v>33556</v>
      </c>
      <c r="JM36" s="119">
        <v>0</v>
      </c>
      <c r="JN36" s="119">
        <v>0</v>
      </c>
      <c r="JO36" s="119">
        <v>0</v>
      </c>
      <c r="JP36" s="120">
        <v>78057</v>
      </c>
      <c r="JQ36" s="320">
        <v>78057</v>
      </c>
      <c r="JR36" s="142">
        <v>0</v>
      </c>
      <c r="JS36" s="119">
        <v>0</v>
      </c>
      <c r="JT36" s="141">
        <v>0</v>
      </c>
      <c r="JU36" s="118">
        <v>0</v>
      </c>
      <c r="JV36" s="119">
        <v>0</v>
      </c>
      <c r="JW36" s="119">
        <v>0</v>
      </c>
      <c r="JX36" s="119">
        <v>169381</v>
      </c>
      <c r="JY36" s="119">
        <v>0</v>
      </c>
      <c r="JZ36" s="119">
        <v>0</v>
      </c>
      <c r="KA36" s="120">
        <v>169381</v>
      </c>
      <c r="KB36" s="320">
        <v>169381</v>
      </c>
      <c r="KC36" s="234">
        <v>0</v>
      </c>
      <c r="KD36" s="230">
        <v>0</v>
      </c>
      <c r="KE36" s="120">
        <v>0</v>
      </c>
      <c r="KF36" s="118">
        <v>0</v>
      </c>
      <c r="KG36" s="119">
        <v>134528</v>
      </c>
      <c r="KH36" s="119">
        <v>0</v>
      </c>
      <c r="KI36" s="119">
        <v>0</v>
      </c>
      <c r="KJ36" s="119">
        <v>0</v>
      </c>
      <c r="KK36" s="119">
        <v>0</v>
      </c>
      <c r="KL36" s="120">
        <v>134528</v>
      </c>
      <c r="KM36" s="143">
        <v>134528</v>
      </c>
      <c r="KN36" s="232">
        <v>0</v>
      </c>
      <c r="KO36" s="236">
        <v>0</v>
      </c>
      <c r="KP36" s="237">
        <v>0</v>
      </c>
      <c r="KQ36" s="140"/>
      <c r="KR36" s="119">
        <v>0</v>
      </c>
      <c r="KS36" s="119">
        <v>479912</v>
      </c>
      <c r="KT36" s="119">
        <v>0</v>
      </c>
      <c r="KU36" s="119">
        <v>239352</v>
      </c>
      <c r="KV36" s="119">
        <v>0</v>
      </c>
      <c r="KW36" s="120">
        <v>719264</v>
      </c>
      <c r="KX36" s="320">
        <v>719264</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23721</v>
      </c>
      <c r="ML36" s="119">
        <v>453379</v>
      </c>
      <c r="MM36" s="119">
        <v>0</v>
      </c>
      <c r="MN36" s="119">
        <v>0</v>
      </c>
      <c r="MO36" s="120">
        <v>677100</v>
      </c>
      <c r="MP36" s="143">
        <v>677100</v>
      </c>
      <c r="MQ36" s="142">
        <v>0</v>
      </c>
      <c r="MR36" s="119">
        <v>0</v>
      </c>
      <c r="MS36" s="120">
        <v>0</v>
      </c>
      <c r="MT36" s="145"/>
      <c r="MU36" s="119">
        <v>0</v>
      </c>
      <c r="MV36" s="119">
        <v>0</v>
      </c>
      <c r="MW36" s="119">
        <v>453379</v>
      </c>
      <c r="MX36" s="119">
        <v>0</v>
      </c>
      <c r="MY36" s="119">
        <v>0</v>
      </c>
      <c r="MZ36" s="120">
        <v>453379</v>
      </c>
      <c r="NA36" s="143">
        <v>453379</v>
      </c>
      <c r="NB36" s="142">
        <v>0</v>
      </c>
      <c r="NC36" s="119">
        <v>0</v>
      </c>
      <c r="ND36" s="120">
        <v>0</v>
      </c>
      <c r="NE36" s="145"/>
      <c r="NF36" s="119">
        <v>0</v>
      </c>
      <c r="NG36" s="119">
        <v>223721</v>
      </c>
      <c r="NH36" s="119">
        <v>0</v>
      </c>
      <c r="NI36" s="119">
        <v>0</v>
      </c>
      <c r="NJ36" s="119">
        <v>0</v>
      </c>
      <c r="NK36" s="120">
        <v>223721</v>
      </c>
      <c r="NL36" s="320">
        <v>223721</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3296</v>
      </c>
      <c r="OJ36" s="119">
        <v>7200</v>
      </c>
      <c r="OK36" s="141">
        <v>20496</v>
      </c>
      <c r="OL36" s="118">
        <v>0</v>
      </c>
      <c r="OM36" s="119">
        <v>384091</v>
      </c>
      <c r="ON36" s="119">
        <v>1428901</v>
      </c>
      <c r="OO36" s="119">
        <v>779768</v>
      </c>
      <c r="OP36" s="119">
        <v>490183</v>
      </c>
      <c r="OQ36" s="119">
        <v>0</v>
      </c>
      <c r="OR36" s="120">
        <v>3082943</v>
      </c>
      <c r="OS36" s="143">
        <v>3103439</v>
      </c>
    </row>
    <row r="37" spans="2:409" ht="21" customHeight="1" x14ac:dyDescent="0.2">
      <c r="B37" s="126" t="s">
        <v>32</v>
      </c>
      <c r="C37" s="110">
        <v>0</v>
      </c>
      <c r="D37" s="114">
        <v>24688</v>
      </c>
      <c r="E37" s="174">
        <v>24688</v>
      </c>
      <c r="F37" s="175">
        <v>0</v>
      </c>
      <c r="G37" s="176">
        <v>282180</v>
      </c>
      <c r="H37" s="176">
        <v>605971</v>
      </c>
      <c r="I37" s="176">
        <v>709039</v>
      </c>
      <c r="J37" s="176">
        <v>739112</v>
      </c>
      <c r="K37" s="176">
        <v>524154</v>
      </c>
      <c r="L37" s="177">
        <v>2860456</v>
      </c>
      <c r="M37" s="116">
        <v>2885144</v>
      </c>
      <c r="N37" s="110">
        <v>0</v>
      </c>
      <c r="O37" s="114">
        <v>15088</v>
      </c>
      <c r="P37" s="113">
        <v>15088</v>
      </c>
      <c r="Q37" s="110">
        <v>0</v>
      </c>
      <c r="R37" s="114">
        <v>35208</v>
      </c>
      <c r="S37" s="114">
        <v>180518</v>
      </c>
      <c r="T37" s="114">
        <v>133719</v>
      </c>
      <c r="U37" s="114">
        <v>317800</v>
      </c>
      <c r="V37" s="114">
        <v>213945</v>
      </c>
      <c r="W37" s="113">
        <v>881190</v>
      </c>
      <c r="X37" s="116">
        <v>896278</v>
      </c>
      <c r="Y37" s="110">
        <v>0</v>
      </c>
      <c r="Z37" s="114">
        <v>0</v>
      </c>
      <c r="AA37" s="113">
        <v>0</v>
      </c>
      <c r="AB37" s="110">
        <v>0</v>
      </c>
      <c r="AC37" s="114">
        <v>16408</v>
      </c>
      <c r="AD37" s="114">
        <v>124726</v>
      </c>
      <c r="AE37" s="114">
        <v>61289</v>
      </c>
      <c r="AF37" s="114">
        <v>227368</v>
      </c>
      <c r="AG37" s="114">
        <v>168304</v>
      </c>
      <c r="AH37" s="113">
        <v>598095</v>
      </c>
      <c r="AI37" s="116">
        <v>598095</v>
      </c>
      <c r="AJ37" s="110">
        <v>0</v>
      </c>
      <c r="AK37" s="114">
        <v>0</v>
      </c>
      <c r="AL37" s="113">
        <v>0</v>
      </c>
      <c r="AM37" s="110">
        <v>0</v>
      </c>
      <c r="AN37" s="114">
        <v>0</v>
      </c>
      <c r="AO37" s="114">
        <v>0</v>
      </c>
      <c r="AP37" s="114">
        <v>0</v>
      </c>
      <c r="AQ37" s="114">
        <v>0</v>
      </c>
      <c r="AR37" s="114">
        <v>45641</v>
      </c>
      <c r="AS37" s="113">
        <v>45641</v>
      </c>
      <c r="AT37" s="116">
        <v>45641</v>
      </c>
      <c r="AU37" s="110">
        <v>0</v>
      </c>
      <c r="AV37" s="114">
        <v>15088</v>
      </c>
      <c r="AW37" s="113">
        <v>15088</v>
      </c>
      <c r="AX37" s="110">
        <v>0</v>
      </c>
      <c r="AY37" s="114">
        <v>18800</v>
      </c>
      <c r="AZ37" s="114">
        <v>23248</v>
      </c>
      <c r="BA37" s="114">
        <v>41070</v>
      </c>
      <c r="BB37" s="114">
        <v>13184</v>
      </c>
      <c r="BC37" s="114">
        <v>0</v>
      </c>
      <c r="BD37" s="113">
        <v>96302</v>
      </c>
      <c r="BE37" s="116">
        <v>111390</v>
      </c>
      <c r="BF37" s="110">
        <v>0</v>
      </c>
      <c r="BG37" s="114">
        <v>0</v>
      </c>
      <c r="BH37" s="112">
        <v>0</v>
      </c>
      <c r="BI37" s="111">
        <v>0</v>
      </c>
      <c r="BJ37" s="114">
        <v>0</v>
      </c>
      <c r="BK37" s="114">
        <v>22944</v>
      </c>
      <c r="BL37" s="114">
        <v>0</v>
      </c>
      <c r="BM37" s="114">
        <v>0</v>
      </c>
      <c r="BN37" s="114">
        <v>0</v>
      </c>
      <c r="BO37" s="113">
        <v>22944</v>
      </c>
      <c r="BP37" s="116">
        <v>22944</v>
      </c>
      <c r="BQ37" s="110">
        <v>0</v>
      </c>
      <c r="BR37" s="114">
        <v>0</v>
      </c>
      <c r="BS37" s="113">
        <v>0</v>
      </c>
      <c r="BT37" s="110">
        <v>0</v>
      </c>
      <c r="BU37" s="114">
        <v>0</v>
      </c>
      <c r="BV37" s="114">
        <v>9600</v>
      </c>
      <c r="BW37" s="114">
        <v>31360</v>
      </c>
      <c r="BX37" s="114">
        <v>77248</v>
      </c>
      <c r="BY37" s="114">
        <v>0</v>
      </c>
      <c r="BZ37" s="113">
        <v>118208</v>
      </c>
      <c r="CA37" s="116">
        <v>118208</v>
      </c>
      <c r="CB37" s="110">
        <v>0</v>
      </c>
      <c r="CC37" s="114">
        <v>0</v>
      </c>
      <c r="CD37" s="113">
        <v>0</v>
      </c>
      <c r="CE37" s="110">
        <v>0</v>
      </c>
      <c r="CF37" s="114">
        <v>203604</v>
      </c>
      <c r="CG37" s="114">
        <v>180733</v>
      </c>
      <c r="CH37" s="114">
        <v>332016</v>
      </c>
      <c r="CI37" s="114">
        <v>0</v>
      </c>
      <c r="CJ37" s="114">
        <v>200425</v>
      </c>
      <c r="CK37" s="113">
        <v>916778</v>
      </c>
      <c r="CL37" s="116">
        <v>916778</v>
      </c>
      <c r="CM37" s="110">
        <v>0</v>
      </c>
      <c r="CN37" s="114">
        <v>0</v>
      </c>
      <c r="CO37" s="113">
        <v>0</v>
      </c>
      <c r="CP37" s="111">
        <v>0</v>
      </c>
      <c r="CQ37" s="114">
        <v>110448</v>
      </c>
      <c r="CR37" s="114">
        <v>116328</v>
      </c>
      <c r="CS37" s="114">
        <v>332016</v>
      </c>
      <c r="CT37" s="114">
        <v>0</v>
      </c>
      <c r="CU37" s="114">
        <v>129479</v>
      </c>
      <c r="CV37" s="113">
        <v>688271</v>
      </c>
      <c r="CW37" s="116">
        <v>688271</v>
      </c>
      <c r="CX37" s="110">
        <v>0</v>
      </c>
      <c r="CY37" s="114">
        <v>0</v>
      </c>
      <c r="CZ37" s="113">
        <v>0</v>
      </c>
      <c r="DA37" s="110">
        <v>0</v>
      </c>
      <c r="DB37" s="114">
        <v>93156</v>
      </c>
      <c r="DC37" s="114">
        <v>64405</v>
      </c>
      <c r="DD37" s="114">
        <v>0</v>
      </c>
      <c r="DE37" s="114">
        <v>0</v>
      </c>
      <c r="DF37" s="114">
        <v>70946</v>
      </c>
      <c r="DG37" s="113">
        <v>228507</v>
      </c>
      <c r="DH37" s="116">
        <v>228507</v>
      </c>
      <c r="DI37" s="110">
        <v>0</v>
      </c>
      <c r="DJ37" s="114">
        <v>0</v>
      </c>
      <c r="DK37" s="112">
        <v>0</v>
      </c>
      <c r="DL37" s="111">
        <v>0</v>
      </c>
      <c r="DM37" s="114">
        <v>14408</v>
      </c>
      <c r="DN37" s="114">
        <v>0</v>
      </c>
      <c r="DO37" s="114">
        <v>0</v>
      </c>
      <c r="DP37" s="114">
        <v>0</v>
      </c>
      <c r="DQ37" s="114">
        <v>57704</v>
      </c>
      <c r="DR37" s="113">
        <v>72112</v>
      </c>
      <c r="DS37" s="116">
        <v>72112</v>
      </c>
      <c r="DT37" s="110">
        <v>0</v>
      </c>
      <c r="DU37" s="114">
        <v>0</v>
      </c>
      <c r="DV37" s="113">
        <v>0</v>
      </c>
      <c r="DW37" s="110">
        <v>0</v>
      </c>
      <c r="DX37" s="114">
        <v>14408</v>
      </c>
      <c r="DY37" s="114">
        <v>0</v>
      </c>
      <c r="DZ37" s="114">
        <v>0</v>
      </c>
      <c r="EA37" s="114">
        <v>0</v>
      </c>
      <c r="EB37" s="114">
        <v>57704</v>
      </c>
      <c r="EC37" s="113">
        <v>72112</v>
      </c>
      <c r="ED37" s="116">
        <v>72112</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0</v>
      </c>
      <c r="FM37" s="114">
        <v>9600</v>
      </c>
      <c r="FN37" s="113">
        <v>9600</v>
      </c>
      <c r="FO37" s="110">
        <v>0</v>
      </c>
      <c r="FP37" s="114">
        <v>28960</v>
      </c>
      <c r="FQ37" s="114">
        <v>81232</v>
      </c>
      <c r="FR37" s="114">
        <v>61440</v>
      </c>
      <c r="FS37" s="114">
        <v>24944</v>
      </c>
      <c r="FT37" s="114">
        <v>52080</v>
      </c>
      <c r="FU37" s="113">
        <v>248656</v>
      </c>
      <c r="FV37" s="116">
        <v>258256</v>
      </c>
      <c r="FW37" s="115">
        <v>0</v>
      </c>
      <c r="FX37" s="114">
        <v>9600</v>
      </c>
      <c r="FY37" s="112">
        <v>9600</v>
      </c>
      <c r="FZ37" s="111">
        <v>0</v>
      </c>
      <c r="GA37" s="114">
        <v>28960</v>
      </c>
      <c r="GB37" s="114">
        <v>81232</v>
      </c>
      <c r="GC37" s="114">
        <v>61440</v>
      </c>
      <c r="GD37" s="114">
        <v>24944</v>
      </c>
      <c r="GE37" s="114">
        <v>52080</v>
      </c>
      <c r="GF37" s="113">
        <v>248656</v>
      </c>
      <c r="GG37" s="318">
        <v>258256</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63488</v>
      </c>
      <c r="HJ37" s="114">
        <v>181864</v>
      </c>
      <c r="HK37" s="114">
        <v>396368</v>
      </c>
      <c r="HL37" s="114">
        <v>0</v>
      </c>
      <c r="HM37" s="113">
        <v>741720</v>
      </c>
      <c r="HN37" s="109">
        <v>741720</v>
      </c>
      <c r="HO37" s="328"/>
      <c r="HP37" s="329"/>
      <c r="HQ37" s="330"/>
      <c r="HR37" s="331"/>
      <c r="HS37" s="329"/>
      <c r="HT37" s="329"/>
      <c r="HU37" s="329"/>
      <c r="HV37" s="329"/>
      <c r="HW37" s="329"/>
      <c r="HX37" s="332"/>
      <c r="HY37" s="333"/>
      <c r="HZ37" s="131">
        <v>0</v>
      </c>
      <c r="IA37" s="132">
        <v>0</v>
      </c>
      <c r="IB37" s="133">
        <v>0</v>
      </c>
      <c r="IC37" s="146">
        <v>0</v>
      </c>
      <c r="ID37" s="132">
        <v>51588</v>
      </c>
      <c r="IE37" s="147">
        <v>136128</v>
      </c>
      <c r="IF37" s="133">
        <v>419888</v>
      </c>
      <c r="IG37" s="132">
        <v>21640</v>
      </c>
      <c r="IH37" s="133">
        <v>52668</v>
      </c>
      <c r="II37" s="148">
        <v>681912</v>
      </c>
      <c r="IJ37" s="139">
        <v>681912</v>
      </c>
      <c r="IK37" s="232">
        <v>0</v>
      </c>
      <c r="IL37" s="236">
        <v>0</v>
      </c>
      <c r="IM37" s="237">
        <v>0</v>
      </c>
      <c r="IN37" s="140"/>
      <c r="IO37" s="119">
        <v>0</v>
      </c>
      <c r="IP37" s="119">
        <v>0</v>
      </c>
      <c r="IQ37" s="119">
        <v>0</v>
      </c>
      <c r="IR37" s="119">
        <v>0</v>
      </c>
      <c r="IS37" s="119">
        <v>0</v>
      </c>
      <c r="IT37" s="141">
        <v>0</v>
      </c>
      <c r="IU37" s="320">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51588</v>
      </c>
      <c r="JL37" s="119">
        <v>136128</v>
      </c>
      <c r="JM37" s="119">
        <v>0</v>
      </c>
      <c r="JN37" s="119">
        <v>0</v>
      </c>
      <c r="JO37" s="119">
        <v>52668</v>
      </c>
      <c r="JP37" s="120">
        <v>240384</v>
      </c>
      <c r="JQ37" s="320">
        <v>240384</v>
      </c>
      <c r="JR37" s="142">
        <v>0</v>
      </c>
      <c r="JS37" s="119">
        <v>0</v>
      </c>
      <c r="JT37" s="141">
        <v>0</v>
      </c>
      <c r="JU37" s="118">
        <v>0</v>
      </c>
      <c r="JV37" s="119">
        <v>0</v>
      </c>
      <c r="JW37" s="119">
        <v>0</v>
      </c>
      <c r="JX37" s="119">
        <v>0</v>
      </c>
      <c r="JY37" s="119">
        <v>21640</v>
      </c>
      <c r="JZ37" s="119">
        <v>0</v>
      </c>
      <c r="KA37" s="120">
        <v>21640</v>
      </c>
      <c r="KB37" s="320">
        <v>2164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226648</v>
      </c>
      <c r="KU37" s="119">
        <v>0</v>
      </c>
      <c r="KV37" s="119">
        <v>0</v>
      </c>
      <c r="KW37" s="120">
        <v>226648</v>
      </c>
      <c r="KX37" s="320">
        <v>226648</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193240</v>
      </c>
      <c r="LQ37" s="119">
        <v>0</v>
      </c>
      <c r="LR37" s="119">
        <v>0</v>
      </c>
      <c r="LS37" s="120">
        <v>193240</v>
      </c>
      <c r="LT37" s="320">
        <v>193240</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570527</v>
      </c>
      <c r="MM37" s="119">
        <v>758320</v>
      </c>
      <c r="MN37" s="119">
        <v>0</v>
      </c>
      <c r="MO37" s="120">
        <v>1328847</v>
      </c>
      <c r="MP37" s="143">
        <v>1328847</v>
      </c>
      <c r="MQ37" s="142">
        <v>0</v>
      </c>
      <c r="MR37" s="119">
        <v>0</v>
      </c>
      <c r="MS37" s="120">
        <v>0</v>
      </c>
      <c r="MT37" s="145"/>
      <c r="MU37" s="119">
        <v>0</v>
      </c>
      <c r="MV37" s="119">
        <v>0</v>
      </c>
      <c r="MW37" s="119">
        <v>0</v>
      </c>
      <c r="MX37" s="119">
        <v>495504</v>
      </c>
      <c r="MY37" s="119">
        <v>0</v>
      </c>
      <c r="MZ37" s="120">
        <v>495504</v>
      </c>
      <c r="NA37" s="143">
        <v>495504</v>
      </c>
      <c r="NB37" s="142">
        <v>0</v>
      </c>
      <c r="NC37" s="119">
        <v>0</v>
      </c>
      <c r="ND37" s="120">
        <v>0</v>
      </c>
      <c r="NE37" s="145"/>
      <c r="NF37" s="119">
        <v>0</v>
      </c>
      <c r="NG37" s="119">
        <v>0</v>
      </c>
      <c r="NH37" s="119">
        <v>570527</v>
      </c>
      <c r="NI37" s="119">
        <v>262816</v>
      </c>
      <c r="NJ37" s="119">
        <v>0</v>
      </c>
      <c r="NK37" s="120">
        <v>833343</v>
      </c>
      <c r="NL37" s="320">
        <v>833343</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24688</v>
      </c>
      <c r="OK37" s="141">
        <v>24688</v>
      </c>
      <c r="OL37" s="118">
        <v>0</v>
      </c>
      <c r="OM37" s="119">
        <v>333768</v>
      </c>
      <c r="ON37" s="119">
        <v>742099</v>
      </c>
      <c r="OO37" s="119">
        <v>1699454</v>
      </c>
      <c r="OP37" s="119">
        <v>1519072</v>
      </c>
      <c r="OQ37" s="119">
        <v>576822</v>
      </c>
      <c r="OR37" s="120">
        <v>4871215</v>
      </c>
      <c r="OS37" s="143">
        <v>4895903</v>
      </c>
    </row>
    <row r="38" spans="2:409" ht="21" customHeight="1" x14ac:dyDescent="0.2">
      <c r="B38" s="126" t="s">
        <v>33</v>
      </c>
      <c r="C38" s="110">
        <v>54013</v>
      </c>
      <c r="D38" s="114">
        <v>23895</v>
      </c>
      <c r="E38" s="113">
        <v>77908</v>
      </c>
      <c r="F38" s="109">
        <v>0</v>
      </c>
      <c r="G38" s="114">
        <v>181948</v>
      </c>
      <c r="H38" s="114">
        <v>257736</v>
      </c>
      <c r="I38" s="114">
        <v>180244</v>
      </c>
      <c r="J38" s="114">
        <v>358202</v>
      </c>
      <c r="K38" s="114">
        <v>88838</v>
      </c>
      <c r="L38" s="173">
        <v>1066968</v>
      </c>
      <c r="M38" s="116">
        <v>1144876</v>
      </c>
      <c r="N38" s="110">
        <v>31046</v>
      </c>
      <c r="O38" s="114">
        <v>23895</v>
      </c>
      <c r="P38" s="113">
        <v>54941</v>
      </c>
      <c r="Q38" s="110">
        <v>0</v>
      </c>
      <c r="R38" s="114">
        <v>90154</v>
      </c>
      <c r="S38" s="114">
        <v>26891</v>
      </c>
      <c r="T38" s="114">
        <v>8712</v>
      </c>
      <c r="U38" s="114">
        <v>139564</v>
      </c>
      <c r="V38" s="114">
        <v>88838</v>
      </c>
      <c r="W38" s="113">
        <v>354159</v>
      </c>
      <c r="X38" s="116">
        <v>409100</v>
      </c>
      <c r="Y38" s="110">
        <v>0</v>
      </c>
      <c r="Z38" s="114">
        <v>0</v>
      </c>
      <c r="AA38" s="113">
        <v>0</v>
      </c>
      <c r="AB38" s="110">
        <v>0</v>
      </c>
      <c r="AC38" s="114">
        <v>19439</v>
      </c>
      <c r="AD38" s="114">
        <v>0</v>
      </c>
      <c r="AE38" s="114">
        <v>0</v>
      </c>
      <c r="AF38" s="114">
        <v>0</v>
      </c>
      <c r="AG38" s="114">
        <v>0</v>
      </c>
      <c r="AH38" s="113">
        <v>19439</v>
      </c>
      <c r="AI38" s="116">
        <v>19439</v>
      </c>
      <c r="AJ38" s="110">
        <v>0</v>
      </c>
      <c r="AK38" s="114">
        <v>0</v>
      </c>
      <c r="AL38" s="113">
        <v>0</v>
      </c>
      <c r="AM38" s="110">
        <v>0</v>
      </c>
      <c r="AN38" s="114">
        <v>0</v>
      </c>
      <c r="AO38" s="114">
        <v>0</v>
      </c>
      <c r="AP38" s="114">
        <v>0</v>
      </c>
      <c r="AQ38" s="114">
        <v>56280</v>
      </c>
      <c r="AR38" s="114">
        <v>0</v>
      </c>
      <c r="AS38" s="113">
        <v>56280</v>
      </c>
      <c r="AT38" s="116">
        <v>56280</v>
      </c>
      <c r="AU38" s="110">
        <v>0</v>
      </c>
      <c r="AV38" s="114">
        <v>0</v>
      </c>
      <c r="AW38" s="113">
        <v>0</v>
      </c>
      <c r="AX38" s="110">
        <v>0</v>
      </c>
      <c r="AY38" s="114">
        <v>27117</v>
      </c>
      <c r="AZ38" s="114">
        <v>17291</v>
      </c>
      <c r="BA38" s="114">
        <v>0</v>
      </c>
      <c r="BB38" s="114">
        <v>0</v>
      </c>
      <c r="BC38" s="114">
        <v>27721</v>
      </c>
      <c r="BD38" s="113">
        <v>72129</v>
      </c>
      <c r="BE38" s="116">
        <v>72129</v>
      </c>
      <c r="BF38" s="110">
        <v>31046</v>
      </c>
      <c r="BG38" s="114">
        <v>23895</v>
      </c>
      <c r="BH38" s="112">
        <v>54941</v>
      </c>
      <c r="BI38" s="111">
        <v>0</v>
      </c>
      <c r="BJ38" s="114">
        <v>30558</v>
      </c>
      <c r="BK38" s="114">
        <v>0</v>
      </c>
      <c r="BL38" s="114">
        <v>0</v>
      </c>
      <c r="BM38" s="114">
        <v>68756</v>
      </c>
      <c r="BN38" s="114">
        <v>61117</v>
      </c>
      <c r="BO38" s="113">
        <v>160431</v>
      </c>
      <c r="BP38" s="116">
        <v>215372</v>
      </c>
      <c r="BQ38" s="110">
        <v>0</v>
      </c>
      <c r="BR38" s="114">
        <v>0</v>
      </c>
      <c r="BS38" s="113">
        <v>0</v>
      </c>
      <c r="BT38" s="110">
        <v>0</v>
      </c>
      <c r="BU38" s="114">
        <v>13040</v>
      </c>
      <c r="BV38" s="114">
        <v>9600</v>
      </c>
      <c r="BW38" s="114">
        <v>8712</v>
      </c>
      <c r="BX38" s="114">
        <v>14528</v>
      </c>
      <c r="BY38" s="114">
        <v>0</v>
      </c>
      <c r="BZ38" s="113">
        <v>45880</v>
      </c>
      <c r="CA38" s="116">
        <v>45880</v>
      </c>
      <c r="CB38" s="110">
        <v>20567</v>
      </c>
      <c r="CC38" s="114">
        <v>0</v>
      </c>
      <c r="CD38" s="113">
        <v>20567</v>
      </c>
      <c r="CE38" s="110">
        <v>0</v>
      </c>
      <c r="CF38" s="114">
        <v>55394</v>
      </c>
      <c r="CG38" s="114">
        <v>50765</v>
      </c>
      <c r="CH38" s="114">
        <v>69236</v>
      </c>
      <c r="CI38" s="114">
        <v>0</v>
      </c>
      <c r="CJ38" s="114">
        <v>0</v>
      </c>
      <c r="CK38" s="113">
        <v>175395</v>
      </c>
      <c r="CL38" s="116">
        <v>195962</v>
      </c>
      <c r="CM38" s="110">
        <v>0</v>
      </c>
      <c r="CN38" s="114">
        <v>0</v>
      </c>
      <c r="CO38" s="113">
        <v>0</v>
      </c>
      <c r="CP38" s="111">
        <v>0</v>
      </c>
      <c r="CQ38" s="114">
        <v>25155</v>
      </c>
      <c r="CR38" s="114">
        <v>0</v>
      </c>
      <c r="CS38" s="114">
        <v>0</v>
      </c>
      <c r="CT38" s="114">
        <v>0</v>
      </c>
      <c r="CU38" s="114">
        <v>0</v>
      </c>
      <c r="CV38" s="113">
        <v>25155</v>
      </c>
      <c r="CW38" s="116">
        <v>25155</v>
      </c>
      <c r="CX38" s="110">
        <v>20567</v>
      </c>
      <c r="CY38" s="114">
        <v>0</v>
      </c>
      <c r="CZ38" s="113">
        <v>20567</v>
      </c>
      <c r="DA38" s="110">
        <v>0</v>
      </c>
      <c r="DB38" s="114">
        <v>30239</v>
      </c>
      <c r="DC38" s="114">
        <v>50765</v>
      </c>
      <c r="DD38" s="114">
        <v>69236</v>
      </c>
      <c r="DE38" s="114">
        <v>0</v>
      </c>
      <c r="DF38" s="114">
        <v>0</v>
      </c>
      <c r="DG38" s="113">
        <v>150240</v>
      </c>
      <c r="DH38" s="116">
        <v>170807</v>
      </c>
      <c r="DI38" s="110">
        <v>0</v>
      </c>
      <c r="DJ38" s="114">
        <v>0</v>
      </c>
      <c r="DK38" s="112">
        <v>0</v>
      </c>
      <c r="DL38" s="111">
        <v>0</v>
      </c>
      <c r="DM38" s="114">
        <v>0</v>
      </c>
      <c r="DN38" s="114">
        <v>0</v>
      </c>
      <c r="DO38" s="114">
        <v>69064</v>
      </c>
      <c r="DP38" s="114">
        <v>0</v>
      </c>
      <c r="DQ38" s="114">
        <v>0</v>
      </c>
      <c r="DR38" s="113">
        <v>69064</v>
      </c>
      <c r="DS38" s="116">
        <v>69064</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69064</v>
      </c>
      <c r="EL38" s="114">
        <v>0</v>
      </c>
      <c r="EM38" s="114">
        <v>0</v>
      </c>
      <c r="EN38" s="112">
        <v>69064</v>
      </c>
      <c r="EO38" s="116">
        <v>69064</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2400</v>
      </c>
      <c r="FM38" s="114">
        <v>0</v>
      </c>
      <c r="FN38" s="113">
        <v>2400</v>
      </c>
      <c r="FO38" s="110">
        <v>0</v>
      </c>
      <c r="FP38" s="114">
        <v>36400</v>
      </c>
      <c r="FQ38" s="114">
        <v>8592</v>
      </c>
      <c r="FR38" s="114">
        <v>33232</v>
      </c>
      <c r="FS38" s="114">
        <v>2800</v>
      </c>
      <c r="FT38" s="114">
        <v>0</v>
      </c>
      <c r="FU38" s="113">
        <v>81024</v>
      </c>
      <c r="FV38" s="116">
        <v>83424</v>
      </c>
      <c r="FW38" s="115">
        <v>2400</v>
      </c>
      <c r="FX38" s="114">
        <v>0</v>
      </c>
      <c r="FY38" s="112">
        <v>2400</v>
      </c>
      <c r="FZ38" s="111">
        <v>0</v>
      </c>
      <c r="GA38" s="114">
        <v>36400</v>
      </c>
      <c r="GB38" s="114">
        <v>8592</v>
      </c>
      <c r="GC38" s="114">
        <v>33232</v>
      </c>
      <c r="GD38" s="114">
        <v>2800</v>
      </c>
      <c r="GE38" s="114">
        <v>0</v>
      </c>
      <c r="GF38" s="113">
        <v>81024</v>
      </c>
      <c r="GG38" s="318">
        <v>8342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171488</v>
      </c>
      <c r="HJ38" s="114">
        <v>0</v>
      </c>
      <c r="HK38" s="114">
        <v>215838</v>
      </c>
      <c r="HL38" s="114">
        <v>0</v>
      </c>
      <c r="HM38" s="113">
        <v>387326</v>
      </c>
      <c r="HN38" s="109">
        <v>387326</v>
      </c>
      <c r="HO38" s="328"/>
      <c r="HP38" s="329"/>
      <c r="HQ38" s="330"/>
      <c r="HR38" s="331"/>
      <c r="HS38" s="329"/>
      <c r="HT38" s="329"/>
      <c r="HU38" s="329"/>
      <c r="HV38" s="329"/>
      <c r="HW38" s="329"/>
      <c r="HX38" s="332"/>
      <c r="HY38" s="333"/>
      <c r="HZ38" s="150">
        <v>0</v>
      </c>
      <c r="IA38" s="135">
        <v>0</v>
      </c>
      <c r="IB38" s="150">
        <v>0</v>
      </c>
      <c r="IC38" s="146">
        <v>0</v>
      </c>
      <c r="ID38" s="132">
        <v>160600</v>
      </c>
      <c r="IE38" s="147">
        <v>0</v>
      </c>
      <c r="IF38" s="133">
        <v>241439</v>
      </c>
      <c r="IG38" s="132">
        <v>0</v>
      </c>
      <c r="IH38" s="133">
        <v>0</v>
      </c>
      <c r="II38" s="148">
        <v>402039</v>
      </c>
      <c r="IJ38" s="150">
        <v>402039</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7789</v>
      </c>
      <c r="JL38" s="119">
        <v>0</v>
      </c>
      <c r="JM38" s="119">
        <v>9466</v>
      </c>
      <c r="JN38" s="119">
        <v>0</v>
      </c>
      <c r="JO38" s="119">
        <v>0</v>
      </c>
      <c r="JP38" s="120">
        <v>27255</v>
      </c>
      <c r="JQ38" s="320">
        <v>27255</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213345</v>
      </c>
      <c r="ML38" s="119">
        <v>0</v>
      </c>
      <c r="MM38" s="119">
        <v>0</v>
      </c>
      <c r="MN38" s="119">
        <v>0</v>
      </c>
      <c r="MO38" s="120">
        <v>213345</v>
      </c>
      <c r="MP38" s="143">
        <v>213345</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20">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213345</v>
      </c>
      <c r="OD38" s="119">
        <v>0</v>
      </c>
      <c r="OE38" s="119">
        <v>0</v>
      </c>
      <c r="OF38" s="119">
        <v>0</v>
      </c>
      <c r="OG38" s="120">
        <v>213345</v>
      </c>
      <c r="OH38" s="121">
        <v>213345</v>
      </c>
      <c r="OI38" s="142">
        <v>54013</v>
      </c>
      <c r="OJ38" s="119">
        <v>23895</v>
      </c>
      <c r="OK38" s="141">
        <v>77908</v>
      </c>
      <c r="OL38" s="118">
        <v>0</v>
      </c>
      <c r="OM38" s="119">
        <v>342548</v>
      </c>
      <c r="ON38" s="119">
        <v>471081</v>
      </c>
      <c r="OO38" s="119">
        <v>421683</v>
      </c>
      <c r="OP38" s="119">
        <v>358202</v>
      </c>
      <c r="OQ38" s="119">
        <v>88838</v>
      </c>
      <c r="OR38" s="120">
        <v>1682352</v>
      </c>
      <c r="OS38" s="143">
        <v>1760260</v>
      </c>
    </row>
    <row r="39" spans="2:409" ht="21" customHeight="1" x14ac:dyDescent="0.2">
      <c r="B39" s="126" t="s">
        <v>34</v>
      </c>
      <c r="C39" s="110">
        <v>0</v>
      </c>
      <c r="D39" s="114">
        <v>0</v>
      </c>
      <c r="E39" s="174">
        <v>0</v>
      </c>
      <c r="F39" s="175">
        <v>0</v>
      </c>
      <c r="G39" s="176">
        <v>86288</v>
      </c>
      <c r="H39" s="176">
        <v>353039</v>
      </c>
      <c r="I39" s="176">
        <v>38448</v>
      </c>
      <c r="J39" s="176">
        <v>0</v>
      </c>
      <c r="K39" s="176">
        <v>234528</v>
      </c>
      <c r="L39" s="177">
        <v>712303</v>
      </c>
      <c r="M39" s="116">
        <v>712303</v>
      </c>
      <c r="N39" s="110">
        <v>0</v>
      </c>
      <c r="O39" s="114">
        <v>0</v>
      </c>
      <c r="P39" s="113">
        <v>0</v>
      </c>
      <c r="Q39" s="110">
        <v>0</v>
      </c>
      <c r="R39" s="114">
        <v>20968</v>
      </c>
      <c r="S39" s="114">
        <v>120312</v>
      </c>
      <c r="T39" s="114">
        <v>16464</v>
      </c>
      <c r="U39" s="114">
        <v>0</v>
      </c>
      <c r="V39" s="114">
        <v>4144</v>
      </c>
      <c r="W39" s="113">
        <v>161888</v>
      </c>
      <c r="X39" s="116">
        <v>161888</v>
      </c>
      <c r="Y39" s="110">
        <v>0</v>
      </c>
      <c r="Z39" s="114">
        <v>0</v>
      </c>
      <c r="AA39" s="113">
        <v>0</v>
      </c>
      <c r="AB39" s="110">
        <v>0</v>
      </c>
      <c r="AC39" s="114">
        <v>16200</v>
      </c>
      <c r="AD39" s="114">
        <v>0</v>
      </c>
      <c r="AE39" s="114">
        <v>0</v>
      </c>
      <c r="AF39" s="114">
        <v>0</v>
      </c>
      <c r="AG39" s="114">
        <v>0</v>
      </c>
      <c r="AH39" s="113">
        <v>16200</v>
      </c>
      <c r="AI39" s="116">
        <v>1620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7520</v>
      </c>
      <c r="BA39" s="114">
        <v>0</v>
      </c>
      <c r="BB39" s="114">
        <v>0</v>
      </c>
      <c r="BC39" s="114">
        <v>0</v>
      </c>
      <c r="BD39" s="113">
        <v>7520</v>
      </c>
      <c r="BE39" s="116">
        <v>7520</v>
      </c>
      <c r="BF39" s="110">
        <v>0</v>
      </c>
      <c r="BG39" s="114">
        <v>0</v>
      </c>
      <c r="BH39" s="112">
        <v>0</v>
      </c>
      <c r="BI39" s="111">
        <v>0</v>
      </c>
      <c r="BJ39" s="114">
        <v>0</v>
      </c>
      <c r="BK39" s="114">
        <v>65104</v>
      </c>
      <c r="BL39" s="114">
        <v>16464</v>
      </c>
      <c r="BM39" s="114">
        <v>0</v>
      </c>
      <c r="BN39" s="114">
        <v>0</v>
      </c>
      <c r="BO39" s="113">
        <v>81568</v>
      </c>
      <c r="BP39" s="116">
        <v>81568</v>
      </c>
      <c r="BQ39" s="110">
        <v>0</v>
      </c>
      <c r="BR39" s="114">
        <v>0</v>
      </c>
      <c r="BS39" s="113">
        <v>0</v>
      </c>
      <c r="BT39" s="110">
        <v>0</v>
      </c>
      <c r="BU39" s="114">
        <v>4768</v>
      </c>
      <c r="BV39" s="114">
        <v>47688</v>
      </c>
      <c r="BW39" s="114">
        <v>0</v>
      </c>
      <c r="BX39" s="114">
        <v>0</v>
      </c>
      <c r="BY39" s="114">
        <v>4144</v>
      </c>
      <c r="BZ39" s="113">
        <v>56600</v>
      </c>
      <c r="CA39" s="116">
        <v>56600</v>
      </c>
      <c r="CB39" s="110">
        <v>0</v>
      </c>
      <c r="CC39" s="114">
        <v>0</v>
      </c>
      <c r="CD39" s="113">
        <v>0</v>
      </c>
      <c r="CE39" s="110">
        <v>0</v>
      </c>
      <c r="CF39" s="114">
        <v>54120</v>
      </c>
      <c r="CG39" s="114">
        <v>60880</v>
      </c>
      <c r="CH39" s="114">
        <v>0</v>
      </c>
      <c r="CI39" s="114">
        <v>0</v>
      </c>
      <c r="CJ39" s="114">
        <v>0</v>
      </c>
      <c r="CK39" s="113">
        <v>115000</v>
      </c>
      <c r="CL39" s="116">
        <v>115000</v>
      </c>
      <c r="CM39" s="110">
        <v>0</v>
      </c>
      <c r="CN39" s="114">
        <v>0</v>
      </c>
      <c r="CO39" s="113">
        <v>0</v>
      </c>
      <c r="CP39" s="111">
        <v>0</v>
      </c>
      <c r="CQ39" s="114">
        <v>0</v>
      </c>
      <c r="CR39" s="114">
        <v>0</v>
      </c>
      <c r="CS39" s="114">
        <v>0</v>
      </c>
      <c r="CT39" s="114">
        <v>0</v>
      </c>
      <c r="CU39" s="114">
        <v>0</v>
      </c>
      <c r="CV39" s="113">
        <v>0</v>
      </c>
      <c r="CW39" s="116">
        <v>0</v>
      </c>
      <c r="CX39" s="110">
        <v>0</v>
      </c>
      <c r="CY39" s="114">
        <v>0</v>
      </c>
      <c r="CZ39" s="113">
        <v>0</v>
      </c>
      <c r="DA39" s="110">
        <v>0</v>
      </c>
      <c r="DB39" s="114">
        <v>54120</v>
      </c>
      <c r="DC39" s="114">
        <v>60880</v>
      </c>
      <c r="DD39" s="114">
        <v>0</v>
      </c>
      <c r="DE39" s="114">
        <v>0</v>
      </c>
      <c r="DF39" s="114">
        <v>0</v>
      </c>
      <c r="DG39" s="113">
        <v>115000</v>
      </c>
      <c r="DH39" s="116">
        <v>11500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0</v>
      </c>
      <c r="FN39" s="113">
        <v>0</v>
      </c>
      <c r="FO39" s="110">
        <v>0</v>
      </c>
      <c r="FP39" s="114">
        <v>11200</v>
      </c>
      <c r="FQ39" s="114">
        <v>5400</v>
      </c>
      <c r="FR39" s="114">
        <v>21984</v>
      </c>
      <c r="FS39" s="114">
        <v>0</v>
      </c>
      <c r="FT39" s="114">
        <v>0</v>
      </c>
      <c r="FU39" s="113">
        <v>38584</v>
      </c>
      <c r="FV39" s="116">
        <v>38584</v>
      </c>
      <c r="FW39" s="115">
        <v>0</v>
      </c>
      <c r="FX39" s="114">
        <v>0</v>
      </c>
      <c r="FY39" s="112">
        <v>0</v>
      </c>
      <c r="FZ39" s="111">
        <v>0</v>
      </c>
      <c r="GA39" s="114">
        <v>11200</v>
      </c>
      <c r="GB39" s="114">
        <v>5400</v>
      </c>
      <c r="GC39" s="114">
        <v>21984</v>
      </c>
      <c r="GD39" s="114">
        <v>0</v>
      </c>
      <c r="GE39" s="114">
        <v>0</v>
      </c>
      <c r="GF39" s="113">
        <v>38584</v>
      </c>
      <c r="GG39" s="318">
        <v>38584</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66447</v>
      </c>
      <c r="HJ39" s="114">
        <v>0</v>
      </c>
      <c r="HK39" s="114">
        <v>0</v>
      </c>
      <c r="HL39" s="114">
        <v>230384</v>
      </c>
      <c r="HM39" s="113">
        <v>396831</v>
      </c>
      <c r="HN39" s="109">
        <v>396831</v>
      </c>
      <c r="HO39" s="328"/>
      <c r="HP39" s="329"/>
      <c r="HQ39" s="330"/>
      <c r="HR39" s="331"/>
      <c r="HS39" s="329"/>
      <c r="HT39" s="329"/>
      <c r="HU39" s="329"/>
      <c r="HV39" s="329"/>
      <c r="HW39" s="329"/>
      <c r="HX39" s="332"/>
      <c r="HY39" s="333"/>
      <c r="HZ39" s="131">
        <v>0</v>
      </c>
      <c r="IA39" s="132">
        <v>0</v>
      </c>
      <c r="IB39" s="133">
        <v>0</v>
      </c>
      <c r="IC39" s="146">
        <v>0</v>
      </c>
      <c r="ID39" s="132">
        <v>250280</v>
      </c>
      <c r="IE39" s="147">
        <v>0</v>
      </c>
      <c r="IF39" s="133">
        <v>0</v>
      </c>
      <c r="IG39" s="132">
        <v>0</v>
      </c>
      <c r="IH39" s="133">
        <v>0</v>
      </c>
      <c r="II39" s="148">
        <v>250280</v>
      </c>
      <c r="IJ39" s="139">
        <v>250280</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39568</v>
      </c>
      <c r="JL39" s="119">
        <v>0</v>
      </c>
      <c r="JM39" s="119">
        <v>0</v>
      </c>
      <c r="JN39" s="119">
        <v>0</v>
      </c>
      <c r="JO39" s="119">
        <v>0</v>
      </c>
      <c r="JP39" s="120">
        <v>139568</v>
      </c>
      <c r="JQ39" s="320">
        <v>139568</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110712</v>
      </c>
      <c r="KH39" s="119">
        <v>0</v>
      </c>
      <c r="KI39" s="119">
        <v>0</v>
      </c>
      <c r="KJ39" s="119">
        <v>0</v>
      </c>
      <c r="KK39" s="119">
        <v>0</v>
      </c>
      <c r="KL39" s="120">
        <v>110712</v>
      </c>
      <c r="KM39" s="143">
        <v>110712</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0</v>
      </c>
      <c r="MA39" s="119">
        <v>0</v>
      </c>
      <c r="MB39" s="119">
        <v>0</v>
      </c>
      <c r="MC39" s="119">
        <v>0</v>
      </c>
      <c r="MD39" s="120">
        <v>0</v>
      </c>
      <c r="ME39" s="121">
        <v>0</v>
      </c>
      <c r="MF39" s="142">
        <v>0</v>
      </c>
      <c r="MG39" s="119">
        <v>0</v>
      </c>
      <c r="MH39" s="120">
        <v>0</v>
      </c>
      <c r="MI39" s="145"/>
      <c r="MJ39" s="119">
        <v>0</v>
      </c>
      <c r="MK39" s="119">
        <v>0</v>
      </c>
      <c r="ML39" s="119">
        <v>468096</v>
      </c>
      <c r="MM39" s="119">
        <v>0</v>
      </c>
      <c r="MN39" s="119">
        <v>0</v>
      </c>
      <c r="MO39" s="120">
        <v>468096</v>
      </c>
      <c r="MP39" s="143">
        <v>468096</v>
      </c>
      <c r="MQ39" s="142">
        <v>0</v>
      </c>
      <c r="MR39" s="119">
        <v>0</v>
      </c>
      <c r="MS39" s="120">
        <v>0</v>
      </c>
      <c r="MT39" s="145"/>
      <c r="MU39" s="119">
        <v>0</v>
      </c>
      <c r="MV39" s="119">
        <v>0</v>
      </c>
      <c r="MW39" s="119">
        <v>208320</v>
      </c>
      <c r="MX39" s="119">
        <v>0</v>
      </c>
      <c r="MY39" s="119">
        <v>0</v>
      </c>
      <c r="MZ39" s="120">
        <v>208320</v>
      </c>
      <c r="NA39" s="143">
        <v>208320</v>
      </c>
      <c r="NB39" s="142">
        <v>0</v>
      </c>
      <c r="NC39" s="119">
        <v>0</v>
      </c>
      <c r="ND39" s="120">
        <v>0</v>
      </c>
      <c r="NE39" s="145"/>
      <c r="NF39" s="119">
        <v>0</v>
      </c>
      <c r="NG39" s="119">
        <v>0</v>
      </c>
      <c r="NH39" s="119">
        <v>259776</v>
      </c>
      <c r="NI39" s="119">
        <v>0</v>
      </c>
      <c r="NJ39" s="119">
        <v>0</v>
      </c>
      <c r="NK39" s="120">
        <v>259776</v>
      </c>
      <c r="NL39" s="320">
        <v>259776</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336568</v>
      </c>
      <c r="ON39" s="119">
        <v>353039</v>
      </c>
      <c r="OO39" s="119">
        <v>506544</v>
      </c>
      <c r="OP39" s="119">
        <v>0</v>
      </c>
      <c r="OQ39" s="119">
        <v>234528</v>
      </c>
      <c r="OR39" s="120">
        <v>1430679</v>
      </c>
      <c r="OS39" s="143">
        <v>1430679</v>
      </c>
    </row>
    <row r="40" spans="2:409" ht="21" customHeight="1" x14ac:dyDescent="0.2">
      <c r="B40" s="126" t="s">
        <v>35</v>
      </c>
      <c r="C40" s="110">
        <v>193200</v>
      </c>
      <c r="D40" s="114">
        <v>115416</v>
      </c>
      <c r="E40" s="113">
        <v>308616</v>
      </c>
      <c r="F40" s="109">
        <v>0</v>
      </c>
      <c r="G40" s="114">
        <v>1183388</v>
      </c>
      <c r="H40" s="114">
        <v>824920</v>
      </c>
      <c r="I40" s="114">
        <v>862355</v>
      </c>
      <c r="J40" s="114">
        <v>1350575</v>
      </c>
      <c r="K40" s="114">
        <v>575340</v>
      </c>
      <c r="L40" s="173">
        <v>4796578</v>
      </c>
      <c r="M40" s="116">
        <v>5105194</v>
      </c>
      <c r="N40" s="110">
        <v>31976</v>
      </c>
      <c r="O40" s="114">
        <v>26048</v>
      </c>
      <c r="P40" s="113">
        <v>58024</v>
      </c>
      <c r="Q40" s="110">
        <v>0</v>
      </c>
      <c r="R40" s="114">
        <v>331060</v>
      </c>
      <c r="S40" s="114">
        <v>235064</v>
      </c>
      <c r="T40" s="114">
        <v>178243</v>
      </c>
      <c r="U40" s="114">
        <v>292348</v>
      </c>
      <c r="V40" s="114">
        <v>332176</v>
      </c>
      <c r="W40" s="113">
        <v>1368891</v>
      </c>
      <c r="X40" s="116">
        <v>1426915</v>
      </c>
      <c r="Y40" s="110">
        <v>0</v>
      </c>
      <c r="Z40" s="114">
        <v>0</v>
      </c>
      <c r="AA40" s="113">
        <v>0</v>
      </c>
      <c r="AB40" s="110">
        <v>0</v>
      </c>
      <c r="AC40" s="114">
        <v>218108</v>
      </c>
      <c r="AD40" s="114">
        <v>44640</v>
      </c>
      <c r="AE40" s="114">
        <v>83243</v>
      </c>
      <c r="AF40" s="114">
        <v>225940</v>
      </c>
      <c r="AG40" s="114">
        <v>207416</v>
      </c>
      <c r="AH40" s="113">
        <v>779347</v>
      </c>
      <c r="AI40" s="116">
        <v>779347</v>
      </c>
      <c r="AJ40" s="110">
        <v>0</v>
      </c>
      <c r="AK40" s="114">
        <v>0</v>
      </c>
      <c r="AL40" s="113">
        <v>0</v>
      </c>
      <c r="AM40" s="110">
        <v>0</v>
      </c>
      <c r="AN40" s="114">
        <v>0</v>
      </c>
      <c r="AO40" s="114">
        <v>0</v>
      </c>
      <c r="AP40" s="114">
        <v>0</v>
      </c>
      <c r="AQ40" s="114">
        <v>0</v>
      </c>
      <c r="AR40" s="114">
        <v>97344</v>
      </c>
      <c r="AS40" s="113">
        <v>97344</v>
      </c>
      <c r="AT40" s="116">
        <v>97344</v>
      </c>
      <c r="AU40" s="110">
        <v>0</v>
      </c>
      <c r="AV40" s="114">
        <v>0</v>
      </c>
      <c r="AW40" s="113">
        <v>0</v>
      </c>
      <c r="AX40" s="110">
        <v>0</v>
      </c>
      <c r="AY40" s="114">
        <v>32840</v>
      </c>
      <c r="AZ40" s="114">
        <v>90904</v>
      </c>
      <c r="BA40" s="114">
        <v>0</v>
      </c>
      <c r="BB40" s="114">
        <v>0</v>
      </c>
      <c r="BC40" s="114">
        <v>0</v>
      </c>
      <c r="BD40" s="113">
        <v>123744</v>
      </c>
      <c r="BE40" s="116">
        <v>123744</v>
      </c>
      <c r="BF40" s="110">
        <v>0</v>
      </c>
      <c r="BG40" s="114">
        <v>0</v>
      </c>
      <c r="BH40" s="112">
        <v>0</v>
      </c>
      <c r="BI40" s="111">
        <v>0</v>
      </c>
      <c r="BJ40" s="114">
        <v>29760</v>
      </c>
      <c r="BK40" s="114">
        <v>30592</v>
      </c>
      <c r="BL40" s="114">
        <v>45760</v>
      </c>
      <c r="BM40" s="114">
        <v>0</v>
      </c>
      <c r="BN40" s="114">
        <v>0</v>
      </c>
      <c r="BO40" s="113">
        <v>106112</v>
      </c>
      <c r="BP40" s="116">
        <v>106112</v>
      </c>
      <c r="BQ40" s="110">
        <v>31976</v>
      </c>
      <c r="BR40" s="114">
        <v>26048</v>
      </c>
      <c r="BS40" s="113">
        <v>58024</v>
      </c>
      <c r="BT40" s="110">
        <v>0</v>
      </c>
      <c r="BU40" s="114">
        <v>50352</v>
      </c>
      <c r="BV40" s="114">
        <v>68928</v>
      </c>
      <c r="BW40" s="114">
        <v>49240</v>
      </c>
      <c r="BX40" s="114">
        <v>66408</v>
      </c>
      <c r="BY40" s="114">
        <v>27416</v>
      </c>
      <c r="BZ40" s="113">
        <v>262344</v>
      </c>
      <c r="CA40" s="116">
        <v>320368</v>
      </c>
      <c r="CB40" s="110">
        <v>0</v>
      </c>
      <c r="CC40" s="114">
        <v>0</v>
      </c>
      <c r="CD40" s="113">
        <v>0</v>
      </c>
      <c r="CE40" s="110">
        <v>0</v>
      </c>
      <c r="CF40" s="114">
        <v>386400</v>
      </c>
      <c r="CG40" s="114">
        <v>150504</v>
      </c>
      <c r="CH40" s="114">
        <v>276112</v>
      </c>
      <c r="CI40" s="114">
        <v>0</v>
      </c>
      <c r="CJ40" s="114">
        <v>0</v>
      </c>
      <c r="CK40" s="113">
        <v>813016</v>
      </c>
      <c r="CL40" s="116">
        <v>813016</v>
      </c>
      <c r="CM40" s="110">
        <v>0</v>
      </c>
      <c r="CN40" s="114">
        <v>0</v>
      </c>
      <c r="CO40" s="113">
        <v>0</v>
      </c>
      <c r="CP40" s="111">
        <v>0</v>
      </c>
      <c r="CQ40" s="114">
        <v>334376</v>
      </c>
      <c r="CR40" s="114">
        <v>150504</v>
      </c>
      <c r="CS40" s="114">
        <v>189032</v>
      </c>
      <c r="CT40" s="114">
        <v>0</v>
      </c>
      <c r="CU40" s="114">
        <v>0</v>
      </c>
      <c r="CV40" s="113">
        <v>673912</v>
      </c>
      <c r="CW40" s="116">
        <v>673912</v>
      </c>
      <c r="CX40" s="110">
        <v>0</v>
      </c>
      <c r="CY40" s="114">
        <v>0</v>
      </c>
      <c r="CZ40" s="113">
        <v>0</v>
      </c>
      <c r="DA40" s="110">
        <v>0</v>
      </c>
      <c r="DB40" s="114">
        <v>52024</v>
      </c>
      <c r="DC40" s="114">
        <v>0</v>
      </c>
      <c r="DD40" s="114">
        <v>87080</v>
      </c>
      <c r="DE40" s="114">
        <v>0</v>
      </c>
      <c r="DF40" s="114">
        <v>0</v>
      </c>
      <c r="DG40" s="113">
        <v>139104</v>
      </c>
      <c r="DH40" s="116">
        <v>139104</v>
      </c>
      <c r="DI40" s="110">
        <v>0</v>
      </c>
      <c r="DJ40" s="114">
        <v>0</v>
      </c>
      <c r="DK40" s="112">
        <v>0</v>
      </c>
      <c r="DL40" s="111">
        <v>0</v>
      </c>
      <c r="DM40" s="114">
        <v>0</v>
      </c>
      <c r="DN40" s="114">
        <v>24904</v>
      </c>
      <c r="DO40" s="114">
        <v>0</v>
      </c>
      <c r="DP40" s="114">
        <v>0</v>
      </c>
      <c r="DQ40" s="114">
        <v>0</v>
      </c>
      <c r="DR40" s="113">
        <v>24904</v>
      </c>
      <c r="DS40" s="116">
        <v>24904</v>
      </c>
      <c r="DT40" s="110">
        <v>0</v>
      </c>
      <c r="DU40" s="114">
        <v>0</v>
      </c>
      <c r="DV40" s="113">
        <v>0</v>
      </c>
      <c r="DW40" s="110">
        <v>0</v>
      </c>
      <c r="DX40" s="114">
        <v>0</v>
      </c>
      <c r="DY40" s="114">
        <v>24904</v>
      </c>
      <c r="DZ40" s="114">
        <v>0</v>
      </c>
      <c r="EA40" s="114">
        <v>0</v>
      </c>
      <c r="EB40" s="114">
        <v>0</v>
      </c>
      <c r="EC40" s="113">
        <v>24904</v>
      </c>
      <c r="ED40" s="116">
        <v>24904</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4000</v>
      </c>
      <c r="FM40" s="114">
        <v>6400</v>
      </c>
      <c r="FN40" s="113">
        <v>10400</v>
      </c>
      <c r="FO40" s="110">
        <v>0</v>
      </c>
      <c r="FP40" s="114">
        <v>17120</v>
      </c>
      <c r="FQ40" s="114">
        <v>88000</v>
      </c>
      <c r="FR40" s="114">
        <v>35120</v>
      </c>
      <c r="FS40" s="114">
        <v>21840</v>
      </c>
      <c r="FT40" s="114">
        <v>8800</v>
      </c>
      <c r="FU40" s="113">
        <v>170880</v>
      </c>
      <c r="FV40" s="116">
        <v>181280</v>
      </c>
      <c r="FW40" s="115">
        <v>4000</v>
      </c>
      <c r="FX40" s="114">
        <v>6400</v>
      </c>
      <c r="FY40" s="112">
        <v>10400</v>
      </c>
      <c r="FZ40" s="111">
        <v>0</v>
      </c>
      <c r="GA40" s="114">
        <v>17120</v>
      </c>
      <c r="GB40" s="114">
        <v>88000</v>
      </c>
      <c r="GC40" s="114">
        <v>35120</v>
      </c>
      <c r="GD40" s="114">
        <v>21840</v>
      </c>
      <c r="GE40" s="114">
        <v>8800</v>
      </c>
      <c r="GF40" s="113">
        <v>170880</v>
      </c>
      <c r="GG40" s="318">
        <v>181280</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157224</v>
      </c>
      <c r="HE40" s="114">
        <v>82968</v>
      </c>
      <c r="HF40" s="112">
        <v>240192</v>
      </c>
      <c r="HG40" s="111">
        <v>0</v>
      </c>
      <c r="HH40" s="114">
        <v>448808</v>
      </c>
      <c r="HI40" s="114">
        <v>326448</v>
      </c>
      <c r="HJ40" s="114">
        <v>372880</v>
      </c>
      <c r="HK40" s="114">
        <v>1036387</v>
      </c>
      <c r="HL40" s="114">
        <v>234364</v>
      </c>
      <c r="HM40" s="113">
        <v>2418887</v>
      </c>
      <c r="HN40" s="109">
        <v>2659079</v>
      </c>
      <c r="HO40" s="328"/>
      <c r="HP40" s="329"/>
      <c r="HQ40" s="330"/>
      <c r="HR40" s="331"/>
      <c r="HS40" s="329"/>
      <c r="HT40" s="329"/>
      <c r="HU40" s="329"/>
      <c r="HV40" s="329"/>
      <c r="HW40" s="329"/>
      <c r="HX40" s="332"/>
      <c r="HY40" s="333"/>
      <c r="HZ40" s="150">
        <v>0</v>
      </c>
      <c r="IA40" s="135">
        <v>0</v>
      </c>
      <c r="IB40" s="150">
        <v>0</v>
      </c>
      <c r="IC40" s="146">
        <v>0</v>
      </c>
      <c r="ID40" s="132">
        <v>0</v>
      </c>
      <c r="IE40" s="147">
        <v>456320</v>
      </c>
      <c r="IF40" s="133">
        <v>209704</v>
      </c>
      <c r="IG40" s="132">
        <v>0</v>
      </c>
      <c r="IH40" s="133">
        <v>0</v>
      </c>
      <c r="II40" s="148">
        <v>666024</v>
      </c>
      <c r="IJ40" s="150">
        <v>666024</v>
      </c>
      <c r="IK40" s="232">
        <v>0</v>
      </c>
      <c r="IL40" s="236">
        <v>0</v>
      </c>
      <c r="IM40" s="237">
        <v>0</v>
      </c>
      <c r="IN40" s="140"/>
      <c r="IO40" s="119">
        <v>0</v>
      </c>
      <c r="IP40" s="119">
        <v>63360</v>
      </c>
      <c r="IQ40" s="119">
        <v>0</v>
      </c>
      <c r="IR40" s="119">
        <v>0</v>
      </c>
      <c r="IS40" s="119">
        <v>0</v>
      </c>
      <c r="IT40" s="141">
        <v>63360</v>
      </c>
      <c r="IU40" s="320">
        <v>6336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20">
        <v>0</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162712</v>
      </c>
      <c r="KI40" s="119">
        <v>209704</v>
      </c>
      <c r="KJ40" s="119">
        <v>0</v>
      </c>
      <c r="KK40" s="119">
        <v>0</v>
      </c>
      <c r="KL40" s="120">
        <v>372416</v>
      </c>
      <c r="KM40" s="143">
        <v>372416</v>
      </c>
      <c r="KN40" s="232">
        <v>0</v>
      </c>
      <c r="KO40" s="236">
        <v>0</v>
      </c>
      <c r="KP40" s="237">
        <v>0</v>
      </c>
      <c r="KQ40" s="140"/>
      <c r="KR40" s="119">
        <v>0</v>
      </c>
      <c r="KS40" s="119">
        <v>230248</v>
      </c>
      <c r="KT40" s="119">
        <v>0</v>
      </c>
      <c r="KU40" s="119">
        <v>0</v>
      </c>
      <c r="KV40" s="119">
        <v>0</v>
      </c>
      <c r="KW40" s="120">
        <v>230248</v>
      </c>
      <c r="KX40" s="320">
        <v>230248</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208080</v>
      </c>
      <c r="MK40" s="119">
        <v>0</v>
      </c>
      <c r="ML40" s="119">
        <v>444608</v>
      </c>
      <c r="MM40" s="119">
        <v>502064</v>
      </c>
      <c r="MN40" s="119">
        <v>270480</v>
      </c>
      <c r="MO40" s="120">
        <v>1425232</v>
      </c>
      <c r="MP40" s="143">
        <v>1425232</v>
      </c>
      <c r="MQ40" s="142">
        <v>0</v>
      </c>
      <c r="MR40" s="119">
        <v>0</v>
      </c>
      <c r="MS40" s="120">
        <v>0</v>
      </c>
      <c r="MT40" s="145"/>
      <c r="MU40" s="119">
        <v>0</v>
      </c>
      <c r="MV40" s="119">
        <v>0</v>
      </c>
      <c r="MW40" s="119">
        <v>0</v>
      </c>
      <c r="MX40" s="119">
        <v>502064</v>
      </c>
      <c r="MY40" s="119">
        <v>270480</v>
      </c>
      <c r="MZ40" s="120">
        <v>772544</v>
      </c>
      <c r="NA40" s="143">
        <v>772544</v>
      </c>
      <c r="NB40" s="142">
        <v>0</v>
      </c>
      <c r="NC40" s="119">
        <v>0</v>
      </c>
      <c r="ND40" s="120">
        <v>0</v>
      </c>
      <c r="NE40" s="145"/>
      <c r="NF40" s="119">
        <v>208080</v>
      </c>
      <c r="NG40" s="119">
        <v>0</v>
      </c>
      <c r="NH40" s="119">
        <v>444608</v>
      </c>
      <c r="NI40" s="119">
        <v>0</v>
      </c>
      <c r="NJ40" s="119">
        <v>0</v>
      </c>
      <c r="NK40" s="120">
        <v>652688</v>
      </c>
      <c r="NL40" s="320">
        <v>652688</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193200</v>
      </c>
      <c r="OJ40" s="119">
        <v>115416</v>
      </c>
      <c r="OK40" s="141">
        <v>308616</v>
      </c>
      <c r="OL40" s="118">
        <v>0</v>
      </c>
      <c r="OM40" s="119">
        <v>1391468</v>
      </c>
      <c r="ON40" s="119">
        <v>1281240</v>
      </c>
      <c r="OO40" s="119">
        <v>1516667</v>
      </c>
      <c r="OP40" s="119">
        <v>1852639</v>
      </c>
      <c r="OQ40" s="119">
        <v>845820</v>
      </c>
      <c r="OR40" s="120">
        <v>6887834</v>
      </c>
      <c r="OS40" s="143">
        <v>7196450</v>
      </c>
    </row>
    <row r="41" spans="2:409" ht="21" customHeight="1" x14ac:dyDescent="0.2">
      <c r="B41" s="126" t="s">
        <v>36</v>
      </c>
      <c r="C41" s="110">
        <v>37348</v>
      </c>
      <c r="D41" s="114">
        <v>57140</v>
      </c>
      <c r="E41" s="113">
        <v>94488</v>
      </c>
      <c r="F41" s="109">
        <v>0</v>
      </c>
      <c r="G41" s="114">
        <v>447554</v>
      </c>
      <c r="H41" s="114">
        <v>703952</v>
      </c>
      <c r="I41" s="114">
        <v>618124</v>
      </c>
      <c r="J41" s="114">
        <v>221734</v>
      </c>
      <c r="K41" s="114">
        <v>321653</v>
      </c>
      <c r="L41" s="173">
        <v>2313017</v>
      </c>
      <c r="M41" s="116">
        <v>2407505</v>
      </c>
      <c r="N41" s="110">
        <v>37348</v>
      </c>
      <c r="O41" s="114">
        <v>10465</v>
      </c>
      <c r="P41" s="113">
        <v>47813</v>
      </c>
      <c r="Q41" s="110">
        <v>0</v>
      </c>
      <c r="R41" s="114">
        <v>220482</v>
      </c>
      <c r="S41" s="114">
        <v>131098</v>
      </c>
      <c r="T41" s="114">
        <v>275147</v>
      </c>
      <c r="U41" s="114">
        <v>16448</v>
      </c>
      <c r="V41" s="114">
        <v>26387</v>
      </c>
      <c r="W41" s="113">
        <v>669562</v>
      </c>
      <c r="X41" s="116">
        <v>717375</v>
      </c>
      <c r="Y41" s="110">
        <v>0</v>
      </c>
      <c r="Z41" s="114">
        <v>0</v>
      </c>
      <c r="AA41" s="113">
        <v>0</v>
      </c>
      <c r="AB41" s="110">
        <v>0</v>
      </c>
      <c r="AC41" s="114">
        <v>111797</v>
      </c>
      <c r="AD41" s="114">
        <v>96152</v>
      </c>
      <c r="AE41" s="114">
        <v>122283</v>
      </c>
      <c r="AF41" s="114">
        <v>0</v>
      </c>
      <c r="AG41" s="114">
        <v>6531</v>
      </c>
      <c r="AH41" s="113">
        <v>336763</v>
      </c>
      <c r="AI41" s="116">
        <v>336763</v>
      </c>
      <c r="AJ41" s="110">
        <v>0</v>
      </c>
      <c r="AK41" s="114">
        <v>0</v>
      </c>
      <c r="AL41" s="113">
        <v>0</v>
      </c>
      <c r="AM41" s="110">
        <v>0</v>
      </c>
      <c r="AN41" s="114">
        <v>0</v>
      </c>
      <c r="AO41" s="114">
        <v>0</v>
      </c>
      <c r="AP41" s="114">
        <v>0</v>
      </c>
      <c r="AQ41" s="114">
        <v>0</v>
      </c>
      <c r="AR41" s="114">
        <v>0</v>
      </c>
      <c r="AS41" s="113">
        <v>0</v>
      </c>
      <c r="AT41" s="116">
        <v>0</v>
      </c>
      <c r="AU41" s="110">
        <v>28444</v>
      </c>
      <c r="AV41" s="114">
        <v>0</v>
      </c>
      <c r="AW41" s="113">
        <v>28444</v>
      </c>
      <c r="AX41" s="110">
        <v>0</v>
      </c>
      <c r="AY41" s="114">
        <v>66893</v>
      </c>
      <c r="AZ41" s="114">
        <v>0</v>
      </c>
      <c r="BA41" s="114">
        <v>61935</v>
      </c>
      <c r="BB41" s="114">
        <v>0</v>
      </c>
      <c r="BC41" s="114">
        <v>0</v>
      </c>
      <c r="BD41" s="113">
        <v>128828</v>
      </c>
      <c r="BE41" s="116">
        <v>157272</v>
      </c>
      <c r="BF41" s="110">
        <v>0</v>
      </c>
      <c r="BG41" s="114">
        <v>10465</v>
      </c>
      <c r="BH41" s="112">
        <v>10465</v>
      </c>
      <c r="BI41" s="111">
        <v>0</v>
      </c>
      <c r="BJ41" s="114">
        <v>0</v>
      </c>
      <c r="BK41" s="114">
        <v>16450</v>
      </c>
      <c r="BL41" s="114">
        <v>41881</v>
      </c>
      <c r="BM41" s="114">
        <v>0</v>
      </c>
      <c r="BN41" s="114">
        <v>0</v>
      </c>
      <c r="BO41" s="113">
        <v>58331</v>
      </c>
      <c r="BP41" s="116">
        <v>68796</v>
      </c>
      <c r="BQ41" s="110">
        <v>8904</v>
      </c>
      <c r="BR41" s="114">
        <v>0</v>
      </c>
      <c r="BS41" s="113">
        <v>8904</v>
      </c>
      <c r="BT41" s="110">
        <v>0</v>
      </c>
      <c r="BU41" s="114">
        <v>41792</v>
      </c>
      <c r="BV41" s="114">
        <v>18496</v>
      </c>
      <c r="BW41" s="114">
        <v>49048</v>
      </c>
      <c r="BX41" s="114">
        <v>16448</v>
      </c>
      <c r="BY41" s="114">
        <v>19856</v>
      </c>
      <c r="BZ41" s="113">
        <v>145640</v>
      </c>
      <c r="CA41" s="116">
        <v>154544</v>
      </c>
      <c r="CB41" s="110">
        <v>0</v>
      </c>
      <c r="CC41" s="114">
        <v>25075</v>
      </c>
      <c r="CD41" s="113">
        <v>25075</v>
      </c>
      <c r="CE41" s="110">
        <v>0</v>
      </c>
      <c r="CF41" s="114">
        <v>43396</v>
      </c>
      <c r="CG41" s="114">
        <v>315850</v>
      </c>
      <c r="CH41" s="114">
        <v>121740</v>
      </c>
      <c r="CI41" s="114">
        <v>0</v>
      </c>
      <c r="CJ41" s="114">
        <v>0</v>
      </c>
      <c r="CK41" s="113">
        <v>480986</v>
      </c>
      <c r="CL41" s="116">
        <v>506061</v>
      </c>
      <c r="CM41" s="110">
        <v>0</v>
      </c>
      <c r="CN41" s="114">
        <v>0</v>
      </c>
      <c r="CO41" s="113">
        <v>0</v>
      </c>
      <c r="CP41" s="111">
        <v>0</v>
      </c>
      <c r="CQ41" s="114">
        <v>43396</v>
      </c>
      <c r="CR41" s="114">
        <v>202131</v>
      </c>
      <c r="CS41" s="114">
        <v>121740</v>
      </c>
      <c r="CT41" s="114">
        <v>0</v>
      </c>
      <c r="CU41" s="114">
        <v>0</v>
      </c>
      <c r="CV41" s="113">
        <v>367267</v>
      </c>
      <c r="CW41" s="116">
        <v>367267</v>
      </c>
      <c r="CX41" s="110">
        <v>0</v>
      </c>
      <c r="CY41" s="114">
        <v>25075</v>
      </c>
      <c r="CZ41" s="113">
        <v>25075</v>
      </c>
      <c r="DA41" s="110">
        <v>0</v>
      </c>
      <c r="DB41" s="114">
        <v>0</v>
      </c>
      <c r="DC41" s="114">
        <v>113719</v>
      </c>
      <c r="DD41" s="114">
        <v>0</v>
      </c>
      <c r="DE41" s="114">
        <v>0</v>
      </c>
      <c r="DF41" s="114">
        <v>0</v>
      </c>
      <c r="DG41" s="113">
        <v>113719</v>
      </c>
      <c r="DH41" s="116">
        <v>138794</v>
      </c>
      <c r="DI41" s="110">
        <v>0</v>
      </c>
      <c r="DJ41" s="114">
        <v>0</v>
      </c>
      <c r="DK41" s="112">
        <v>0</v>
      </c>
      <c r="DL41" s="111">
        <v>0</v>
      </c>
      <c r="DM41" s="114">
        <v>0</v>
      </c>
      <c r="DN41" s="114">
        <v>0</v>
      </c>
      <c r="DO41" s="114">
        <v>0</v>
      </c>
      <c r="DP41" s="114">
        <v>0</v>
      </c>
      <c r="DQ41" s="114">
        <v>0</v>
      </c>
      <c r="DR41" s="113">
        <v>0</v>
      </c>
      <c r="DS41" s="116">
        <v>0</v>
      </c>
      <c r="DT41" s="110">
        <v>0</v>
      </c>
      <c r="DU41" s="114">
        <v>0</v>
      </c>
      <c r="DV41" s="113">
        <v>0</v>
      </c>
      <c r="DW41" s="110">
        <v>0</v>
      </c>
      <c r="DX41" s="114">
        <v>0</v>
      </c>
      <c r="DY41" s="114">
        <v>0</v>
      </c>
      <c r="DZ41" s="114">
        <v>0</v>
      </c>
      <c r="EA41" s="114">
        <v>0</v>
      </c>
      <c r="EB41" s="114">
        <v>0</v>
      </c>
      <c r="EC41" s="113">
        <v>0</v>
      </c>
      <c r="ED41" s="116">
        <v>0</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21600</v>
      </c>
      <c r="FN41" s="113">
        <v>21600</v>
      </c>
      <c r="FO41" s="110">
        <v>0</v>
      </c>
      <c r="FP41" s="114">
        <v>26032</v>
      </c>
      <c r="FQ41" s="114">
        <v>89736</v>
      </c>
      <c r="FR41" s="114">
        <v>34944</v>
      </c>
      <c r="FS41" s="114">
        <v>2064</v>
      </c>
      <c r="FT41" s="114">
        <v>35536</v>
      </c>
      <c r="FU41" s="113">
        <v>188312</v>
      </c>
      <c r="FV41" s="116">
        <v>209912</v>
      </c>
      <c r="FW41" s="115">
        <v>0</v>
      </c>
      <c r="FX41" s="114">
        <v>21600</v>
      </c>
      <c r="FY41" s="112">
        <v>21600</v>
      </c>
      <c r="FZ41" s="111">
        <v>0</v>
      </c>
      <c r="GA41" s="114">
        <v>26032</v>
      </c>
      <c r="GB41" s="114">
        <v>89736</v>
      </c>
      <c r="GC41" s="114">
        <v>34944</v>
      </c>
      <c r="GD41" s="114">
        <v>2064</v>
      </c>
      <c r="GE41" s="114">
        <v>35536</v>
      </c>
      <c r="GF41" s="113">
        <v>188312</v>
      </c>
      <c r="GG41" s="318">
        <v>209912</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157644</v>
      </c>
      <c r="HI41" s="114">
        <v>167268</v>
      </c>
      <c r="HJ41" s="114">
        <v>186293</v>
      </c>
      <c r="HK41" s="114">
        <v>203222</v>
      </c>
      <c r="HL41" s="114">
        <v>259730</v>
      </c>
      <c r="HM41" s="113">
        <v>974157</v>
      </c>
      <c r="HN41" s="109">
        <v>974157</v>
      </c>
      <c r="HO41" s="328"/>
      <c r="HP41" s="329"/>
      <c r="HQ41" s="330"/>
      <c r="HR41" s="331"/>
      <c r="HS41" s="329"/>
      <c r="HT41" s="329"/>
      <c r="HU41" s="329"/>
      <c r="HV41" s="329"/>
      <c r="HW41" s="329"/>
      <c r="HX41" s="332"/>
      <c r="HY41" s="333"/>
      <c r="HZ41" s="131">
        <v>0</v>
      </c>
      <c r="IA41" s="132">
        <v>0</v>
      </c>
      <c r="IB41" s="133">
        <v>0</v>
      </c>
      <c r="IC41" s="146">
        <v>0</v>
      </c>
      <c r="ID41" s="132">
        <v>151514</v>
      </c>
      <c r="IE41" s="147">
        <v>340416</v>
      </c>
      <c r="IF41" s="133">
        <v>0</v>
      </c>
      <c r="IG41" s="132">
        <v>0</v>
      </c>
      <c r="IH41" s="133">
        <v>33609</v>
      </c>
      <c r="II41" s="148">
        <v>525539</v>
      </c>
      <c r="IJ41" s="139">
        <v>525539</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51514</v>
      </c>
      <c r="JL41" s="119">
        <v>105492</v>
      </c>
      <c r="JM41" s="119">
        <v>0</v>
      </c>
      <c r="JN41" s="119">
        <v>0</v>
      </c>
      <c r="JO41" s="119">
        <v>33609</v>
      </c>
      <c r="JP41" s="120">
        <v>290615</v>
      </c>
      <c r="JQ41" s="320">
        <v>290615</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34924</v>
      </c>
      <c r="KT41" s="119">
        <v>0</v>
      </c>
      <c r="KU41" s="119">
        <v>0</v>
      </c>
      <c r="KV41" s="119">
        <v>0</v>
      </c>
      <c r="KW41" s="120">
        <v>234924</v>
      </c>
      <c r="KX41" s="320">
        <v>234924</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221480</v>
      </c>
      <c r="MK41" s="119">
        <v>0</v>
      </c>
      <c r="ML41" s="119">
        <v>255497</v>
      </c>
      <c r="MM41" s="119">
        <v>532280</v>
      </c>
      <c r="MN41" s="119">
        <v>554973</v>
      </c>
      <c r="MO41" s="120">
        <v>1564230</v>
      </c>
      <c r="MP41" s="143">
        <v>1564230</v>
      </c>
      <c r="MQ41" s="142">
        <v>0</v>
      </c>
      <c r="MR41" s="119">
        <v>0</v>
      </c>
      <c r="MS41" s="120">
        <v>0</v>
      </c>
      <c r="MT41" s="145"/>
      <c r="MU41" s="119">
        <v>0</v>
      </c>
      <c r="MV41" s="119">
        <v>0</v>
      </c>
      <c r="MW41" s="119">
        <v>0</v>
      </c>
      <c r="MX41" s="119">
        <v>532280</v>
      </c>
      <c r="MY41" s="119">
        <v>554973</v>
      </c>
      <c r="MZ41" s="120">
        <v>1087253</v>
      </c>
      <c r="NA41" s="143">
        <v>1087253</v>
      </c>
      <c r="NB41" s="142">
        <v>0</v>
      </c>
      <c r="NC41" s="119">
        <v>0</v>
      </c>
      <c r="ND41" s="120">
        <v>0</v>
      </c>
      <c r="NE41" s="145"/>
      <c r="NF41" s="119">
        <v>221480</v>
      </c>
      <c r="NG41" s="119">
        <v>0</v>
      </c>
      <c r="NH41" s="119">
        <v>255497</v>
      </c>
      <c r="NI41" s="119">
        <v>0</v>
      </c>
      <c r="NJ41" s="119">
        <v>0</v>
      </c>
      <c r="NK41" s="120">
        <v>476977</v>
      </c>
      <c r="NL41" s="320">
        <v>476977</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37348</v>
      </c>
      <c r="OJ41" s="119">
        <v>57140</v>
      </c>
      <c r="OK41" s="141">
        <v>94488</v>
      </c>
      <c r="OL41" s="118">
        <v>0</v>
      </c>
      <c r="OM41" s="119">
        <v>820548</v>
      </c>
      <c r="ON41" s="119">
        <v>1044368</v>
      </c>
      <c r="OO41" s="119">
        <v>873621</v>
      </c>
      <c r="OP41" s="119">
        <v>754014</v>
      </c>
      <c r="OQ41" s="119">
        <v>910235</v>
      </c>
      <c r="OR41" s="120">
        <v>4402786</v>
      </c>
      <c r="OS41" s="143">
        <v>4497274</v>
      </c>
    </row>
    <row r="42" spans="2:409" ht="21" customHeight="1" thickBot="1" x14ac:dyDescent="0.25">
      <c r="B42" s="127" t="s">
        <v>37</v>
      </c>
      <c r="C42" s="117">
        <v>0</v>
      </c>
      <c r="D42" s="178">
        <v>0</v>
      </c>
      <c r="E42" s="179">
        <v>0</v>
      </c>
      <c r="F42" s="180">
        <v>0</v>
      </c>
      <c r="G42" s="178">
        <v>0</v>
      </c>
      <c r="H42" s="178">
        <v>189247</v>
      </c>
      <c r="I42" s="178">
        <v>0</v>
      </c>
      <c r="J42" s="178">
        <v>0</v>
      </c>
      <c r="K42" s="178">
        <v>243558</v>
      </c>
      <c r="L42" s="180">
        <v>432805</v>
      </c>
      <c r="M42" s="181">
        <v>432805</v>
      </c>
      <c r="N42" s="117">
        <v>0</v>
      </c>
      <c r="O42" s="178">
        <v>0</v>
      </c>
      <c r="P42" s="179">
        <v>0</v>
      </c>
      <c r="Q42" s="117">
        <v>0</v>
      </c>
      <c r="R42" s="178">
        <v>0</v>
      </c>
      <c r="S42" s="178">
        <v>41445</v>
      </c>
      <c r="T42" s="178">
        <v>0</v>
      </c>
      <c r="U42" s="178">
        <v>0</v>
      </c>
      <c r="V42" s="178">
        <v>12480</v>
      </c>
      <c r="W42" s="179">
        <v>53925</v>
      </c>
      <c r="X42" s="181">
        <v>53925</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41445</v>
      </c>
      <c r="BL42" s="178">
        <v>0</v>
      </c>
      <c r="BM42" s="178">
        <v>0</v>
      </c>
      <c r="BN42" s="178">
        <v>0</v>
      </c>
      <c r="BO42" s="179">
        <v>41445</v>
      </c>
      <c r="BP42" s="181">
        <v>41445</v>
      </c>
      <c r="BQ42" s="117">
        <v>0</v>
      </c>
      <c r="BR42" s="178">
        <v>0</v>
      </c>
      <c r="BS42" s="179">
        <v>0</v>
      </c>
      <c r="BT42" s="117">
        <v>0</v>
      </c>
      <c r="BU42" s="178">
        <v>0</v>
      </c>
      <c r="BV42" s="178">
        <v>0</v>
      </c>
      <c r="BW42" s="178">
        <v>0</v>
      </c>
      <c r="BX42" s="178">
        <v>0</v>
      </c>
      <c r="BY42" s="178">
        <v>12480</v>
      </c>
      <c r="BZ42" s="179">
        <v>12480</v>
      </c>
      <c r="CA42" s="181">
        <v>12480</v>
      </c>
      <c r="CB42" s="117">
        <v>0</v>
      </c>
      <c r="CC42" s="178">
        <v>0</v>
      </c>
      <c r="CD42" s="179">
        <v>0</v>
      </c>
      <c r="CE42" s="117">
        <v>0</v>
      </c>
      <c r="CF42" s="178">
        <v>0</v>
      </c>
      <c r="CG42" s="178">
        <v>124826</v>
      </c>
      <c r="CH42" s="178">
        <v>0</v>
      </c>
      <c r="CI42" s="178">
        <v>0</v>
      </c>
      <c r="CJ42" s="178">
        <v>0</v>
      </c>
      <c r="CK42" s="179">
        <v>124826</v>
      </c>
      <c r="CL42" s="181">
        <v>124826</v>
      </c>
      <c r="CM42" s="117">
        <v>0</v>
      </c>
      <c r="CN42" s="178">
        <v>0</v>
      </c>
      <c r="CO42" s="179">
        <v>0</v>
      </c>
      <c r="CP42" s="182">
        <v>0</v>
      </c>
      <c r="CQ42" s="178">
        <v>0</v>
      </c>
      <c r="CR42" s="178">
        <v>124826</v>
      </c>
      <c r="CS42" s="178">
        <v>0</v>
      </c>
      <c r="CT42" s="178">
        <v>0</v>
      </c>
      <c r="CU42" s="178">
        <v>0</v>
      </c>
      <c r="CV42" s="179">
        <v>124826</v>
      </c>
      <c r="CW42" s="181">
        <v>124826</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0</v>
      </c>
      <c r="FN42" s="179">
        <v>0</v>
      </c>
      <c r="FO42" s="117">
        <v>0</v>
      </c>
      <c r="FP42" s="178">
        <v>0</v>
      </c>
      <c r="FQ42" s="178">
        <v>22976</v>
      </c>
      <c r="FR42" s="178">
        <v>0</v>
      </c>
      <c r="FS42" s="178">
        <v>0</v>
      </c>
      <c r="FT42" s="178">
        <v>0</v>
      </c>
      <c r="FU42" s="179">
        <v>22976</v>
      </c>
      <c r="FV42" s="181">
        <v>22976</v>
      </c>
      <c r="FW42" s="184">
        <v>0</v>
      </c>
      <c r="FX42" s="178">
        <v>0</v>
      </c>
      <c r="FY42" s="183">
        <v>0</v>
      </c>
      <c r="FZ42" s="182">
        <v>0</v>
      </c>
      <c r="GA42" s="178">
        <v>0</v>
      </c>
      <c r="GB42" s="178">
        <v>22976</v>
      </c>
      <c r="GC42" s="178">
        <v>0</v>
      </c>
      <c r="GD42" s="178">
        <v>0</v>
      </c>
      <c r="GE42" s="178">
        <v>0</v>
      </c>
      <c r="GF42" s="179">
        <v>22976</v>
      </c>
      <c r="GG42" s="319">
        <v>22976</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0</v>
      </c>
      <c r="HL42" s="178">
        <v>231078</v>
      </c>
      <c r="HM42" s="179">
        <v>231078</v>
      </c>
      <c r="HN42" s="180">
        <v>231078</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1">
        <v>0</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22848</v>
      </c>
      <c r="MM42" s="161">
        <v>249055</v>
      </c>
      <c r="MN42" s="161">
        <v>0</v>
      </c>
      <c r="MO42" s="165">
        <v>471903</v>
      </c>
      <c r="MP42" s="167">
        <v>471903</v>
      </c>
      <c r="MQ42" s="163">
        <v>0</v>
      </c>
      <c r="MR42" s="161">
        <v>0</v>
      </c>
      <c r="MS42" s="165">
        <v>0</v>
      </c>
      <c r="MT42" s="169"/>
      <c r="MU42" s="161">
        <v>0</v>
      </c>
      <c r="MV42" s="161">
        <v>0</v>
      </c>
      <c r="MW42" s="161">
        <v>222848</v>
      </c>
      <c r="MX42" s="161">
        <v>249055</v>
      </c>
      <c r="MY42" s="161">
        <v>0</v>
      </c>
      <c r="MZ42" s="165">
        <v>471903</v>
      </c>
      <c r="NA42" s="167">
        <v>471903</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0</v>
      </c>
      <c r="OK42" s="162">
        <v>0</v>
      </c>
      <c r="OL42" s="164">
        <v>0</v>
      </c>
      <c r="OM42" s="161">
        <v>0</v>
      </c>
      <c r="ON42" s="161">
        <v>189247</v>
      </c>
      <c r="OO42" s="161">
        <v>222848</v>
      </c>
      <c r="OP42" s="161">
        <v>249055</v>
      </c>
      <c r="OQ42" s="161">
        <v>243558</v>
      </c>
      <c r="OR42" s="165">
        <v>904708</v>
      </c>
      <c r="OS42" s="167">
        <v>904708</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8.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4</v>
      </c>
      <c r="F1" s="246">
        <f>第１表!G2</f>
        <v>11</v>
      </c>
      <c r="G1" s="679">
        <f>IF(F1&lt;3,F1-2+12,F1-2)</f>
        <v>9</v>
      </c>
      <c r="H1" s="679"/>
      <c r="IB1" s="367"/>
      <c r="IC1" s="252"/>
      <c r="ID1" s="649"/>
      <c r="IE1" s="649"/>
    </row>
    <row r="2" spans="1:409" ht="24" customHeight="1" x14ac:dyDescent="0.2">
      <c r="B2" s="20" t="s">
        <v>147</v>
      </c>
      <c r="E2" s="249"/>
      <c r="F2" s="250"/>
      <c r="G2" s="354"/>
      <c r="H2" s="354"/>
      <c r="IB2" s="251"/>
      <c r="IC2" s="252"/>
      <c r="ID2" s="370"/>
      <c r="IE2" s="370"/>
    </row>
    <row r="3" spans="1:409" ht="24" customHeight="1" thickBot="1" x14ac:dyDescent="0.25">
      <c r="B3" s="20" t="s">
        <v>156</v>
      </c>
    </row>
    <row r="4" spans="1:409" ht="21" customHeight="1" thickBot="1" x14ac:dyDescent="0.25">
      <c r="B4" s="709" t="s">
        <v>42</v>
      </c>
      <c r="C4" s="712" t="s">
        <v>63</v>
      </c>
      <c r="D4" s="712"/>
      <c r="E4" s="712"/>
      <c r="F4" s="712"/>
      <c r="G4" s="712"/>
      <c r="H4" s="712"/>
      <c r="I4" s="712"/>
      <c r="J4" s="712"/>
      <c r="K4" s="712"/>
      <c r="L4" s="712"/>
      <c r="M4" s="712"/>
      <c r="N4" s="715"/>
      <c r="O4" s="715"/>
      <c r="P4" s="715"/>
      <c r="Q4" s="715"/>
      <c r="R4" s="715"/>
      <c r="S4" s="715"/>
      <c r="T4" s="715"/>
      <c r="U4" s="715"/>
      <c r="V4" s="715"/>
      <c r="W4" s="715"/>
      <c r="X4" s="715"/>
      <c r="Y4" s="715"/>
      <c r="Z4" s="715"/>
      <c r="AA4" s="715"/>
      <c r="AB4" s="715"/>
      <c r="AC4" s="715"/>
      <c r="AD4" s="715"/>
      <c r="AE4" s="715"/>
      <c r="AF4" s="715"/>
      <c r="AG4" s="715"/>
      <c r="AH4" s="715"/>
      <c r="AI4" s="715"/>
      <c r="AJ4" s="715"/>
      <c r="AK4" s="715"/>
      <c r="AL4" s="715"/>
      <c r="AM4" s="715"/>
      <c r="AN4" s="715"/>
      <c r="AO4" s="715"/>
      <c r="AP4" s="715"/>
      <c r="AQ4" s="715"/>
      <c r="AR4" s="715"/>
      <c r="AS4" s="715"/>
      <c r="AT4" s="715"/>
      <c r="AU4" s="715"/>
      <c r="AV4" s="715"/>
      <c r="AW4" s="715"/>
      <c r="AX4" s="715"/>
      <c r="AY4" s="715"/>
      <c r="AZ4" s="715"/>
      <c r="BA4" s="715"/>
      <c r="BB4" s="715"/>
      <c r="BC4" s="715"/>
      <c r="BD4" s="715"/>
      <c r="BE4" s="715"/>
      <c r="BF4" s="715"/>
      <c r="BG4" s="715"/>
      <c r="BH4" s="715"/>
      <c r="BI4" s="715"/>
      <c r="BJ4" s="715"/>
      <c r="BK4" s="715"/>
      <c r="BL4" s="715"/>
      <c r="BM4" s="715"/>
      <c r="BN4" s="715"/>
      <c r="BO4" s="715"/>
      <c r="BP4" s="715"/>
      <c r="BQ4" s="715"/>
      <c r="BR4" s="715"/>
      <c r="BS4" s="715"/>
      <c r="BT4" s="715"/>
      <c r="BU4" s="715"/>
      <c r="BV4" s="715"/>
      <c r="BW4" s="715"/>
      <c r="BX4" s="715"/>
      <c r="BY4" s="715"/>
      <c r="BZ4" s="715"/>
      <c r="CA4" s="715"/>
      <c r="CB4" s="715"/>
      <c r="CC4" s="715"/>
      <c r="CD4" s="715"/>
      <c r="CE4" s="715"/>
      <c r="CF4" s="715"/>
      <c r="CG4" s="715"/>
      <c r="CH4" s="715"/>
      <c r="CI4" s="715"/>
      <c r="CJ4" s="715"/>
      <c r="CK4" s="715"/>
      <c r="CL4" s="715"/>
      <c r="CM4" s="715"/>
      <c r="CN4" s="715"/>
      <c r="CO4" s="715"/>
      <c r="CP4" s="715"/>
      <c r="CQ4" s="715"/>
      <c r="CR4" s="715"/>
      <c r="CS4" s="715"/>
      <c r="CT4" s="715"/>
      <c r="CU4" s="715"/>
      <c r="CV4" s="715"/>
      <c r="CW4" s="715"/>
      <c r="CX4" s="715"/>
      <c r="CY4" s="715"/>
      <c r="CZ4" s="715"/>
      <c r="DA4" s="715"/>
      <c r="DB4" s="715"/>
      <c r="DC4" s="715"/>
      <c r="DD4" s="715"/>
      <c r="DE4" s="715"/>
      <c r="DF4" s="715"/>
      <c r="DG4" s="715"/>
      <c r="DH4" s="715"/>
      <c r="DI4" s="715"/>
      <c r="DJ4" s="715"/>
      <c r="DK4" s="715"/>
      <c r="DL4" s="715"/>
      <c r="DM4" s="715"/>
      <c r="DN4" s="715"/>
      <c r="DO4" s="715"/>
      <c r="DP4" s="715"/>
      <c r="DQ4" s="715"/>
      <c r="DR4" s="715"/>
      <c r="DS4" s="715"/>
      <c r="DT4" s="715"/>
      <c r="DU4" s="715"/>
      <c r="DV4" s="715"/>
      <c r="DW4" s="715"/>
      <c r="DX4" s="715"/>
      <c r="DY4" s="715"/>
      <c r="DZ4" s="715"/>
      <c r="EA4" s="715"/>
      <c r="EB4" s="715"/>
      <c r="EC4" s="715"/>
      <c r="ED4" s="715"/>
      <c r="EE4" s="715"/>
      <c r="EF4" s="715"/>
      <c r="EG4" s="715"/>
      <c r="EH4" s="715"/>
      <c r="EI4" s="715"/>
      <c r="EJ4" s="715"/>
      <c r="EK4" s="715"/>
      <c r="EL4" s="715"/>
      <c r="EM4" s="715"/>
      <c r="EN4" s="715"/>
      <c r="EO4" s="715"/>
      <c r="EP4" s="715"/>
      <c r="EQ4" s="715"/>
      <c r="ER4" s="715"/>
      <c r="ES4" s="715"/>
      <c r="ET4" s="715"/>
      <c r="EU4" s="715"/>
      <c r="EV4" s="715"/>
      <c r="EW4" s="715"/>
      <c r="EX4" s="715"/>
      <c r="EY4" s="715"/>
      <c r="EZ4" s="715"/>
      <c r="FA4" s="715"/>
      <c r="FB4" s="715"/>
      <c r="FC4" s="715"/>
      <c r="FD4" s="715"/>
      <c r="FE4" s="715"/>
      <c r="FF4" s="715"/>
      <c r="FG4" s="715"/>
      <c r="FH4" s="715"/>
      <c r="FI4" s="715"/>
      <c r="FJ4" s="715"/>
      <c r="FK4" s="715"/>
      <c r="FL4" s="715"/>
      <c r="FM4" s="715"/>
      <c r="FN4" s="715"/>
      <c r="FO4" s="715"/>
      <c r="FP4" s="715"/>
      <c r="FQ4" s="715"/>
      <c r="FR4" s="715"/>
      <c r="FS4" s="715"/>
      <c r="FT4" s="715"/>
      <c r="FU4" s="715"/>
      <c r="FV4" s="715"/>
      <c r="FW4" s="715"/>
      <c r="FX4" s="715"/>
      <c r="FY4" s="715"/>
      <c r="FZ4" s="715"/>
      <c r="GA4" s="715"/>
      <c r="GB4" s="715"/>
      <c r="GC4" s="715"/>
      <c r="GD4" s="715"/>
      <c r="GE4" s="715"/>
      <c r="GF4" s="715"/>
      <c r="GG4" s="715"/>
      <c r="GH4" s="715"/>
      <c r="GI4" s="715"/>
      <c r="GJ4" s="715"/>
      <c r="GK4" s="715"/>
      <c r="GL4" s="715"/>
      <c r="GM4" s="715"/>
      <c r="GN4" s="715"/>
      <c r="GO4" s="715"/>
      <c r="GP4" s="715"/>
      <c r="GQ4" s="715"/>
      <c r="GR4" s="715"/>
      <c r="GS4" s="715"/>
      <c r="GT4" s="715"/>
      <c r="GU4" s="715"/>
      <c r="GV4" s="715"/>
      <c r="GW4" s="715"/>
      <c r="GX4" s="715"/>
      <c r="GY4" s="715"/>
      <c r="GZ4" s="715"/>
      <c r="HA4" s="715"/>
      <c r="HB4" s="715"/>
      <c r="HC4" s="715"/>
      <c r="HD4" s="715"/>
      <c r="HE4" s="715"/>
      <c r="HF4" s="715"/>
      <c r="HG4" s="715"/>
      <c r="HH4" s="715"/>
      <c r="HI4" s="715"/>
      <c r="HJ4" s="715"/>
      <c r="HK4" s="715"/>
      <c r="HL4" s="715"/>
      <c r="HM4" s="715"/>
      <c r="HN4" s="715"/>
      <c r="HO4" s="715"/>
      <c r="HP4" s="715"/>
      <c r="HQ4" s="715"/>
      <c r="HR4" s="715"/>
      <c r="HS4" s="715"/>
      <c r="HT4" s="715"/>
      <c r="HU4" s="715"/>
      <c r="HV4" s="715"/>
      <c r="HW4" s="715"/>
      <c r="HX4" s="715"/>
      <c r="HY4" s="716"/>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710"/>
      <c r="C5" s="713"/>
      <c r="D5" s="713"/>
      <c r="E5" s="713"/>
      <c r="F5" s="713"/>
      <c r="G5" s="713"/>
      <c r="H5" s="713"/>
      <c r="I5" s="713"/>
      <c r="J5" s="713"/>
      <c r="K5" s="713"/>
      <c r="L5" s="713"/>
      <c r="M5" s="713"/>
      <c r="N5" s="717" t="s">
        <v>64</v>
      </c>
      <c r="O5" s="718"/>
      <c r="P5" s="718"/>
      <c r="Q5" s="718"/>
      <c r="R5" s="718"/>
      <c r="S5" s="718"/>
      <c r="T5" s="718"/>
      <c r="U5" s="718"/>
      <c r="V5" s="718"/>
      <c r="W5" s="718"/>
      <c r="X5" s="718"/>
      <c r="Y5" s="718"/>
      <c r="Z5" s="718"/>
      <c r="AA5" s="718"/>
      <c r="AB5" s="718"/>
      <c r="AC5" s="718"/>
      <c r="AD5" s="718"/>
      <c r="AE5" s="718"/>
      <c r="AF5" s="718"/>
      <c r="AG5" s="718"/>
      <c r="AH5" s="718"/>
      <c r="AI5" s="718"/>
      <c r="AJ5" s="718"/>
      <c r="AK5" s="718"/>
      <c r="AL5" s="718"/>
      <c r="AM5" s="718"/>
      <c r="AN5" s="718"/>
      <c r="AO5" s="718"/>
      <c r="AP5" s="718"/>
      <c r="AQ5" s="718"/>
      <c r="AR5" s="718"/>
      <c r="AS5" s="718"/>
      <c r="AT5" s="718"/>
      <c r="AU5" s="718"/>
      <c r="AV5" s="718"/>
      <c r="AW5" s="718"/>
      <c r="AX5" s="718"/>
      <c r="AY5" s="718"/>
      <c r="AZ5" s="718"/>
      <c r="BA5" s="718"/>
      <c r="BB5" s="718"/>
      <c r="BC5" s="718"/>
      <c r="BD5" s="718"/>
      <c r="BE5" s="718"/>
      <c r="BF5" s="718"/>
      <c r="BG5" s="718"/>
      <c r="BH5" s="718"/>
      <c r="BI5" s="718"/>
      <c r="BJ5" s="718"/>
      <c r="BK5" s="718"/>
      <c r="BL5" s="718"/>
      <c r="BM5" s="718"/>
      <c r="BN5" s="718"/>
      <c r="BO5" s="718"/>
      <c r="BP5" s="718"/>
      <c r="BQ5" s="718"/>
      <c r="BR5" s="718"/>
      <c r="BS5" s="718"/>
      <c r="BT5" s="718"/>
      <c r="BU5" s="718"/>
      <c r="BV5" s="718"/>
      <c r="BW5" s="718"/>
      <c r="BX5" s="718"/>
      <c r="BY5" s="718"/>
      <c r="BZ5" s="718"/>
      <c r="CA5" s="719"/>
      <c r="CB5" s="717" t="s">
        <v>65</v>
      </c>
      <c r="CC5" s="718"/>
      <c r="CD5" s="718"/>
      <c r="CE5" s="718"/>
      <c r="CF5" s="718"/>
      <c r="CG5" s="718"/>
      <c r="CH5" s="718"/>
      <c r="CI5" s="718"/>
      <c r="CJ5" s="718"/>
      <c r="CK5" s="718"/>
      <c r="CL5" s="718"/>
      <c r="CM5" s="718"/>
      <c r="CN5" s="718"/>
      <c r="CO5" s="718"/>
      <c r="CP5" s="718"/>
      <c r="CQ5" s="718"/>
      <c r="CR5" s="718"/>
      <c r="CS5" s="718"/>
      <c r="CT5" s="718"/>
      <c r="CU5" s="718"/>
      <c r="CV5" s="718"/>
      <c r="CW5" s="718"/>
      <c r="CX5" s="718"/>
      <c r="CY5" s="718"/>
      <c r="CZ5" s="718"/>
      <c r="DA5" s="718"/>
      <c r="DB5" s="718"/>
      <c r="DC5" s="718"/>
      <c r="DD5" s="718"/>
      <c r="DE5" s="718"/>
      <c r="DF5" s="718"/>
      <c r="DG5" s="718"/>
      <c r="DH5" s="719"/>
      <c r="DI5" s="521" t="s">
        <v>66</v>
      </c>
      <c r="DJ5" s="522"/>
      <c r="DK5" s="522"/>
      <c r="DL5" s="522"/>
      <c r="DM5" s="522"/>
      <c r="DN5" s="522"/>
      <c r="DO5" s="522"/>
      <c r="DP5" s="522"/>
      <c r="DQ5" s="522"/>
      <c r="DR5" s="522"/>
      <c r="DS5" s="522"/>
      <c r="DT5" s="522"/>
      <c r="DU5" s="522"/>
      <c r="DV5" s="522"/>
      <c r="DW5" s="522"/>
      <c r="DX5" s="522"/>
      <c r="DY5" s="522"/>
      <c r="DZ5" s="522"/>
      <c r="EA5" s="522"/>
      <c r="EB5" s="522"/>
      <c r="EC5" s="522"/>
      <c r="ED5" s="522"/>
      <c r="EE5" s="522"/>
      <c r="EF5" s="522"/>
      <c r="EG5" s="522"/>
      <c r="EH5" s="522"/>
      <c r="EI5" s="522"/>
      <c r="EJ5" s="522"/>
      <c r="EK5" s="522"/>
      <c r="EL5" s="522"/>
      <c r="EM5" s="522"/>
      <c r="EN5" s="522"/>
      <c r="EO5" s="522"/>
      <c r="EP5" s="522"/>
      <c r="EQ5" s="522"/>
      <c r="ER5" s="522"/>
      <c r="ES5" s="522"/>
      <c r="ET5" s="522"/>
      <c r="EU5" s="522"/>
      <c r="EV5" s="522"/>
      <c r="EW5" s="522"/>
      <c r="EX5" s="522"/>
      <c r="EY5" s="522"/>
      <c r="EZ5" s="522"/>
      <c r="FA5" s="522"/>
      <c r="FB5" s="522"/>
      <c r="FC5" s="522"/>
      <c r="FD5" s="522"/>
      <c r="FE5" s="522"/>
      <c r="FF5" s="522"/>
      <c r="FG5" s="522"/>
      <c r="FH5" s="522"/>
      <c r="FI5" s="522"/>
      <c r="FJ5" s="522"/>
      <c r="FK5" s="523"/>
      <c r="FL5" s="717" t="s">
        <v>67</v>
      </c>
      <c r="FM5" s="718"/>
      <c r="FN5" s="718"/>
      <c r="FO5" s="718"/>
      <c r="FP5" s="718"/>
      <c r="FQ5" s="718"/>
      <c r="FR5" s="718"/>
      <c r="FS5" s="718"/>
      <c r="FT5" s="718"/>
      <c r="FU5" s="718"/>
      <c r="FV5" s="718"/>
      <c r="FW5" s="718"/>
      <c r="FX5" s="718"/>
      <c r="FY5" s="718"/>
      <c r="FZ5" s="718"/>
      <c r="GA5" s="718"/>
      <c r="GB5" s="718"/>
      <c r="GC5" s="718"/>
      <c r="GD5" s="718"/>
      <c r="GE5" s="718"/>
      <c r="GF5" s="718"/>
      <c r="GG5" s="718"/>
      <c r="GH5" s="718"/>
      <c r="GI5" s="718"/>
      <c r="GJ5" s="718"/>
      <c r="GK5" s="718"/>
      <c r="GL5" s="718"/>
      <c r="GM5" s="718"/>
      <c r="GN5" s="718"/>
      <c r="GO5" s="718"/>
      <c r="GP5" s="718"/>
      <c r="GQ5" s="718"/>
      <c r="GR5" s="718"/>
      <c r="GS5" s="718"/>
      <c r="GT5" s="718"/>
      <c r="GU5" s="718"/>
      <c r="GV5" s="718"/>
      <c r="GW5" s="718"/>
      <c r="GX5" s="718"/>
      <c r="GY5" s="718"/>
      <c r="GZ5" s="718"/>
      <c r="HA5" s="718"/>
      <c r="HB5" s="718"/>
      <c r="HC5" s="719"/>
      <c r="HD5" s="720" t="s">
        <v>68</v>
      </c>
      <c r="HE5" s="721"/>
      <c r="HF5" s="721"/>
      <c r="HG5" s="721"/>
      <c r="HH5" s="721"/>
      <c r="HI5" s="721"/>
      <c r="HJ5" s="721"/>
      <c r="HK5" s="721"/>
      <c r="HL5" s="721"/>
      <c r="HM5" s="721"/>
      <c r="HN5" s="722"/>
      <c r="HO5" s="720" t="s">
        <v>69</v>
      </c>
      <c r="HP5" s="721"/>
      <c r="HQ5" s="721"/>
      <c r="HR5" s="721"/>
      <c r="HS5" s="721"/>
      <c r="HT5" s="721"/>
      <c r="HU5" s="721"/>
      <c r="HV5" s="721"/>
      <c r="HW5" s="721"/>
      <c r="HX5" s="721"/>
      <c r="HY5" s="7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710"/>
      <c r="C6" s="714"/>
      <c r="D6" s="714"/>
      <c r="E6" s="714"/>
      <c r="F6" s="714"/>
      <c r="G6" s="714"/>
      <c r="H6" s="714"/>
      <c r="I6" s="714"/>
      <c r="J6" s="714"/>
      <c r="K6" s="714"/>
      <c r="L6" s="714"/>
      <c r="M6" s="714"/>
      <c r="N6" s="513"/>
      <c r="O6" s="514"/>
      <c r="P6" s="514"/>
      <c r="Q6" s="514"/>
      <c r="R6" s="514"/>
      <c r="S6" s="514"/>
      <c r="T6" s="514"/>
      <c r="U6" s="514"/>
      <c r="V6" s="514"/>
      <c r="W6" s="514"/>
      <c r="X6" s="515"/>
      <c r="Y6" s="702" t="s">
        <v>70</v>
      </c>
      <c r="Z6" s="517"/>
      <c r="AA6" s="517"/>
      <c r="AB6" s="517"/>
      <c r="AC6" s="517"/>
      <c r="AD6" s="517"/>
      <c r="AE6" s="517"/>
      <c r="AF6" s="517"/>
      <c r="AG6" s="517"/>
      <c r="AH6" s="517"/>
      <c r="AI6" s="518"/>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0"/>
      <c r="CC6" s="701"/>
      <c r="CD6" s="701"/>
      <c r="CE6" s="701"/>
      <c r="CF6" s="701"/>
      <c r="CG6" s="701"/>
      <c r="CH6" s="701"/>
      <c r="CI6" s="701"/>
      <c r="CJ6" s="701"/>
      <c r="CK6" s="701"/>
      <c r="CL6" s="726"/>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0"/>
      <c r="DJ6" s="701"/>
      <c r="DK6" s="701"/>
      <c r="DL6" s="701"/>
      <c r="DM6" s="701"/>
      <c r="DN6" s="701"/>
      <c r="DO6" s="701"/>
      <c r="DP6" s="701"/>
      <c r="DQ6" s="701"/>
      <c r="DR6" s="701"/>
      <c r="DS6" s="701"/>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19" t="s">
        <v>152</v>
      </c>
      <c r="FB6" s="698"/>
      <c r="FC6" s="698"/>
      <c r="FD6" s="698"/>
      <c r="FE6" s="698"/>
      <c r="FF6" s="698"/>
      <c r="FG6" s="698"/>
      <c r="FH6" s="698"/>
      <c r="FI6" s="698"/>
      <c r="FJ6" s="698"/>
      <c r="FK6" s="699"/>
      <c r="FL6" s="700"/>
      <c r="FM6" s="701"/>
      <c r="FN6" s="701"/>
      <c r="FO6" s="701"/>
      <c r="FP6" s="701"/>
      <c r="FQ6" s="701"/>
      <c r="FR6" s="701"/>
      <c r="FS6" s="701"/>
      <c r="FT6" s="701"/>
      <c r="FU6" s="701"/>
      <c r="FV6" s="701"/>
      <c r="FW6" s="697" t="s">
        <v>80</v>
      </c>
      <c r="FX6" s="698"/>
      <c r="FY6" s="698"/>
      <c r="FZ6" s="698"/>
      <c r="GA6" s="698"/>
      <c r="GB6" s="698"/>
      <c r="GC6" s="698"/>
      <c r="GD6" s="698"/>
      <c r="GE6" s="698"/>
      <c r="GF6" s="698"/>
      <c r="GG6" s="699"/>
      <c r="GH6" s="702" t="s">
        <v>81</v>
      </c>
      <c r="GI6" s="517"/>
      <c r="GJ6" s="517"/>
      <c r="GK6" s="517"/>
      <c r="GL6" s="517"/>
      <c r="GM6" s="517"/>
      <c r="GN6" s="517"/>
      <c r="GO6" s="517"/>
      <c r="GP6" s="517"/>
      <c r="GQ6" s="517"/>
      <c r="GR6" s="518"/>
      <c r="GS6" s="702" t="s">
        <v>82</v>
      </c>
      <c r="GT6" s="517"/>
      <c r="GU6" s="517"/>
      <c r="GV6" s="517"/>
      <c r="GW6" s="517"/>
      <c r="GX6" s="517"/>
      <c r="GY6" s="517"/>
      <c r="GZ6" s="517"/>
      <c r="HA6" s="517"/>
      <c r="HB6" s="517"/>
      <c r="HC6" s="518"/>
      <c r="HD6" s="723"/>
      <c r="HE6" s="724"/>
      <c r="HF6" s="724"/>
      <c r="HG6" s="724"/>
      <c r="HH6" s="724"/>
      <c r="HI6" s="724"/>
      <c r="HJ6" s="724"/>
      <c r="HK6" s="724"/>
      <c r="HL6" s="724"/>
      <c r="HM6" s="724"/>
      <c r="HN6" s="725"/>
      <c r="HO6" s="723"/>
      <c r="HP6" s="724"/>
      <c r="HQ6" s="724"/>
      <c r="HR6" s="724"/>
      <c r="HS6" s="724"/>
      <c r="HT6" s="724"/>
      <c r="HU6" s="724"/>
      <c r="HV6" s="724"/>
      <c r="HW6" s="724"/>
      <c r="HX6" s="724"/>
      <c r="HY6" s="725"/>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710"/>
      <c r="C7" s="695" t="s">
        <v>61</v>
      </c>
      <c r="D7" s="695"/>
      <c r="E7" s="695"/>
      <c r="F7" s="707" t="s">
        <v>62</v>
      </c>
      <c r="G7" s="695"/>
      <c r="H7" s="695"/>
      <c r="I7" s="695"/>
      <c r="J7" s="695"/>
      <c r="K7" s="695"/>
      <c r="L7" s="695"/>
      <c r="M7" s="707" t="s">
        <v>52</v>
      </c>
      <c r="N7" s="706" t="s">
        <v>61</v>
      </c>
      <c r="O7" s="695"/>
      <c r="P7" s="695"/>
      <c r="Q7" s="707" t="s">
        <v>62</v>
      </c>
      <c r="R7" s="695"/>
      <c r="S7" s="695"/>
      <c r="T7" s="695"/>
      <c r="U7" s="695"/>
      <c r="V7" s="695"/>
      <c r="W7" s="708"/>
      <c r="X7" s="703" t="s">
        <v>52</v>
      </c>
      <c r="Y7" s="513" t="s">
        <v>61</v>
      </c>
      <c r="Z7" s="514"/>
      <c r="AA7" s="689"/>
      <c r="AB7" s="688" t="s">
        <v>62</v>
      </c>
      <c r="AC7" s="514"/>
      <c r="AD7" s="514"/>
      <c r="AE7" s="514"/>
      <c r="AF7" s="514"/>
      <c r="AG7" s="514"/>
      <c r="AH7" s="689"/>
      <c r="AI7" s="515" t="s">
        <v>52</v>
      </c>
      <c r="AJ7" s="683" t="s">
        <v>61</v>
      </c>
      <c r="AK7" s="684"/>
      <c r="AL7" s="685"/>
      <c r="AM7" s="686" t="s">
        <v>62</v>
      </c>
      <c r="AN7" s="684"/>
      <c r="AO7" s="684"/>
      <c r="AP7" s="684"/>
      <c r="AQ7" s="684"/>
      <c r="AR7" s="684"/>
      <c r="AS7" s="687"/>
      <c r="AT7" s="515" t="s">
        <v>52</v>
      </c>
      <c r="AU7" s="683" t="s">
        <v>61</v>
      </c>
      <c r="AV7" s="684"/>
      <c r="AW7" s="685"/>
      <c r="AX7" s="686" t="s">
        <v>62</v>
      </c>
      <c r="AY7" s="684"/>
      <c r="AZ7" s="684"/>
      <c r="BA7" s="684"/>
      <c r="BB7" s="684"/>
      <c r="BC7" s="684"/>
      <c r="BD7" s="687"/>
      <c r="BE7" s="515" t="s">
        <v>52</v>
      </c>
      <c r="BF7" s="683" t="s">
        <v>61</v>
      </c>
      <c r="BG7" s="684"/>
      <c r="BH7" s="685"/>
      <c r="BI7" s="686" t="s">
        <v>62</v>
      </c>
      <c r="BJ7" s="684"/>
      <c r="BK7" s="684"/>
      <c r="BL7" s="684"/>
      <c r="BM7" s="684"/>
      <c r="BN7" s="684"/>
      <c r="BO7" s="687"/>
      <c r="BP7" s="515" t="s">
        <v>52</v>
      </c>
      <c r="BQ7" s="683" t="s">
        <v>61</v>
      </c>
      <c r="BR7" s="684"/>
      <c r="BS7" s="685"/>
      <c r="BT7" s="686" t="s">
        <v>62</v>
      </c>
      <c r="BU7" s="684"/>
      <c r="BV7" s="684"/>
      <c r="BW7" s="684"/>
      <c r="BX7" s="684"/>
      <c r="BY7" s="684"/>
      <c r="BZ7" s="687"/>
      <c r="CA7" s="515" t="s">
        <v>52</v>
      </c>
      <c r="CB7" s="690" t="s">
        <v>61</v>
      </c>
      <c r="CC7" s="691"/>
      <c r="CD7" s="692"/>
      <c r="CE7" s="693" t="s">
        <v>62</v>
      </c>
      <c r="CF7" s="691"/>
      <c r="CG7" s="691"/>
      <c r="CH7" s="691"/>
      <c r="CI7" s="691"/>
      <c r="CJ7" s="691"/>
      <c r="CK7" s="694"/>
      <c r="CL7" s="703" t="s">
        <v>52</v>
      </c>
      <c r="CM7" s="683" t="s">
        <v>61</v>
      </c>
      <c r="CN7" s="684"/>
      <c r="CO7" s="687"/>
      <c r="CP7" s="686" t="s">
        <v>62</v>
      </c>
      <c r="CQ7" s="684"/>
      <c r="CR7" s="684"/>
      <c r="CS7" s="684"/>
      <c r="CT7" s="684"/>
      <c r="CU7" s="684"/>
      <c r="CV7" s="687"/>
      <c r="CW7" s="705" t="s">
        <v>52</v>
      </c>
      <c r="CX7" s="683" t="s">
        <v>61</v>
      </c>
      <c r="CY7" s="684"/>
      <c r="CZ7" s="687"/>
      <c r="DA7" s="686" t="s">
        <v>62</v>
      </c>
      <c r="DB7" s="684"/>
      <c r="DC7" s="684"/>
      <c r="DD7" s="684"/>
      <c r="DE7" s="684"/>
      <c r="DF7" s="684"/>
      <c r="DG7" s="687"/>
      <c r="DH7" s="705" t="s">
        <v>52</v>
      </c>
      <c r="DI7" s="690" t="s">
        <v>61</v>
      </c>
      <c r="DJ7" s="691"/>
      <c r="DK7" s="694"/>
      <c r="DL7" s="693" t="s">
        <v>62</v>
      </c>
      <c r="DM7" s="691"/>
      <c r="DN7" s="691"/>
      <c r="DO7" s="691"/>
      <c r="DP7" s="691"/>
      <c r="DQ7" s="691"/>
      <c r="DR7" s="694"/>
      <c r="DS7" s="703" t="s">
        <v>52</v>
      </c>
      <c r="DT7" s="683" t="s">
        <v>61</v>
      </c>
      <c r="DU7" s="684"/>
      <c r="DV7" s="685"/>
      <c r="DW7" s="686" t="s">
        <v>62</v>
      </c>
      <c r="DX7" s="684"/>
      <c r="DY7" s="684"/>
      <c r="DZ7" s="684"/>
      <c r="EA7" s="684"/>
      <c r="EB7" s="684"/>
      <c r="EC7" s="687"/>
      <c r="ED7" s="515" t="s">
        <v>52</v>
      </c>
      <c r="EE7" s="683" t="s">
        <v>61</v>
      </c>
      <c r="EF7" s="684"/>
      <c r="EG7" s="685"/>
      <c r="EH7" s="686" t="s">
        <v>62</v>
      </c>
      <c r="EI7" s="684"/>
      <c r="EJ7" s="684"/>
      <c r="EK7" s="684"/>
      <c r="EL7" s="684"/>
      <c r="EM7" s="684"/>
      <c r="EN7" s="687"/>
      <c r="EO7" s="515" t="s">
        <v>52</v>
      </c>
      <c r="EP7" s="683" t="s">
        <v>61</v>
      </c>
      <c r="EQ7" s="684"/>
      <c r="ER7" s="685"/>
      <c r="ES7" s="686" t="s">
        <v>62</v>
      </c>
      <c r="ET7" s="684"/>
      <c r="EU7" s="684"/>
      <c r="EV7" s="684"/>
      <c r="EW7" s="684"/>
      <c r="EX7" s="684"/>
      <c r="EY7" s="687"/>
      <c r="EZ7" s="515" t="s">
        <v>52</v>
      </c>
      <c r="FA7" s="683" t="s">
        <v>61</v>
      </c>
      <c r="FB7" s="684"/>
      <c r="FC7" s="685"/>
      <c r="FD7" s="686" t="s">
        <v>62</v>
      </c>
      <c r="FE7" s="684"/>
      <c r="FF7" s="684"/>
      <c r="FG7" s="684"/>
      <c r="FH7" s="684"/>
      <c r="FI7" s="684"/>
      <c r="FJ7" s="687"/>
      <c r="FK7" s="515" t="s">
        <v>52</v>
      </c>
      <c r="FL7" s="690" t="s">
        <v>61</v>
      </c>
      <c r="FM7" s="691"/>
      <c r="FN7" s="692"/>
      <c r="FO7" s="693" t="s">
        <v>62</v>
      </c>
      <c r="FP7" s="691"/>
      <c r="FQ7" s="691"/>
      <c r="FR7" s="691"/>
      <c r="FS7" s="691"/>
      <c r="FT7" s="691"/>
      <c r="FU7" s="694"/>
      <c r="FV7" s="695" t="s">
        <v>52</v>
      </c>
      <c r="FW7" s="683" t="s">
        <v>61</v>
      </c>
      <c r="FX7" s="684"/>
      <c r="FY7" s="685"/>
      <c r="FZ7" s="686" t="s">
        <v>62</v>
      </c>
      <c r="GA7" s="684"/>
      <c r="GB7" s="684"/>
      <c r="GC7" s="684"/>
      <c r="GD7" s="684"/>
      <c r="GE7" s="684"/>
      <c r="GF7" s="687"/>
      <c r="GG7" s="515" t="s">
        <v>52</v>
      </c>
      <c r="GH7" s="513" t="s">
        <v>61</v>
      </c>
      <c r="GI7" s="514"/>
      <c r="GJ7" s="514"/>
      <c r="GK7" s="688" t="s">
        <v>62</v>
      </c>
      <c r="GL7" s="514"/>
      <c r="GM7" s="514"/>
      <c r="GN7" s="514"/>
      <c r="GO7" s="514"/>
      <c r="GP7" s="514"/>
      <c r="GQ7" s="689"/>
      <c r="GR7" s="681" t="s">
        <v>52</v>
      </c>
      <c r="GS7" s="513" t="s">
        <v>61</v>
      </c>
      <c r="GT7" s="514"/>
      <c r="GU7" s="689"/>
      <c r="GV7" s="688" t="s">
        <v>62</v>
      </c>
      <c r="GW7" s="514"/>
      <c r="GX7" s="514"/>
      <c r="GY7" s="514"/>
      <c r="GZ7" s="514"/>
      <c r="HA7" s="514"/>
      <c r="HB7" s="689"/>
      <c r="HC7" s="681" t="s">
        <v>52</v>
      </c>
      <c r="HD7" s="683" t="s">
        <v>61</v>
      </c>
      <c r="HE7" s="684"/>
      <c r="HF7" s="685"/>
      <c r="HG7" s="686" t="s">
        <v>62</v>
      </c>
      <c r="HH7" s="684"/>
      <c r="HI7" s="684"/>
      <c r="HJ7" s="684"/>
      <c r="HK7" s="684"/>
      <c r="HL7" s="684"/>
      <c r="HM7" s="687"/>
      <c r="HN7" s="515" t="s">
        <v>52</v>
      </c>
      <c r="HO7" s="683" t="s">
        <v>61</v>
      </c>
      <c r="HP7" s="684"/>
      <c r="HQ7" s="685"/>
      <c r="HR7" s="686" t="s">
        <v>62</v>
      </c>
      <c r="HS7" s="684"/>
      <c r="HT7" s="684"/>
      <c r="HU7" s="684"/>
      <c r="HV7" s="684"/>
      <c r="HW7" s="684"/>
      <c r="HX7" s="687"/>
      <c r="HY7" s="515"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711"/>
      <c r="C8" s="325" t="s">
        <v>43</v>
      </c>
      <c r="D8" s="47" t="s">
        <v>44</v>
      </c>
      <c r="E8" s="326" t="s">
        <v>45</v>
      </c>
      <c r="F8" s="52" t="s">
        <v>83</v>
      </c>
      <c r="G8" s="47" t="s">
        <v>47</v>
      </c>
      <c r="H8" s="47" t="s">
        <v>48</v>
      </c>
      <c r="I8" s="47" t="s">
        <v>49</v>
      </c>
      <c r="J8" s="47" t="s">
        <v>50</v>
      </c>
      <c r="K8" s="47" t="s">
        <v>51</v>
      </c>
      <c r="L8" s="48" t="s">
        <v>45</v>
      </c>
      <c r="M8" s="727"/>
      <c r="N8" s="51" t="s">
        <v>43</v>
      </c>
      <c r="O8" s="47" t="s">
        <v>44</v>
      </c>
      <c r="P8" s="48" t="s">
        <v>45</v>
      </c>
      <c r="Q8" s="52" t="s">
        <v>83</v>
      </c>
      <c r="R8" s="47" t="s">
        <v>47</v>
      </c>
      <c r="S8" s="47" t="s">
        <v>48</v>
      </c>
      <c r="T8" s="47" t="s">
        <v>49</v>
      </c>
      <c r="U8" s="47" t="s">
        <v>50</v>
      </c>
      <c r="V8" s="47" t="s">
        <v>51</v>
      </c>
      <c r="W8" s="48" t="s">
        <v>45</v>
      </c>
      <c r="X8" s="704"/>
      <c r="Y8" s="51" t="s">
        <v>43</v>
      </c>
      <c r="Z8" s="47" t="s">
        <v>44</v>
      </c>
      <c r="AA8" s="48" t="s">
        <v>45</v>
      </c>
      <c r="AB8" s="52" t="s">
        <v>83</v>
      </c>
      <c r="AC8" s="47" t="s">
        <v>47</v>
      </c>
      <c r="AD8" s="47" t="s">
        <v>48</v>
      </c>
      <c r="AE8" s="47" t="s">
        <v>49</v>
      </c>
      <c r="AF8" s="47" t="s">
        <v>50</v>
      </c>
      <c r="AG8" s="47" t="s">
        <v>51</v>
      </c>
      <c r="AH8" s="48" t="s">
        <v>45</v>
      </c>
      <c r="AI8" s="680"/>
      <c r="AJ8" s="51" t="s">
        <v>43</v>
      </c>
      <c r="AK8" s="47" t="s">
        <v>44</v>
      </c>
      <c r="AL8" s="326" t="s">
        <v>45</v>
      </c>
      <c r="AM8" s="52" t="s">
        <v>83</v>
      </c>
      <c r="AN8" s="47" t="s">
        <v>47</v>
      </c>
      <c r="AO8" s="47" t="s">
        <v>48</v>
      </c>
      <c r="AP8" s="47" t="s">
        <v>49</v>
      </c>
      <c r="AQ8" s="47" t="s">
        <v>50</v>
      </c>
      <c r="AR8" s="47" t="s">
        <v>51</v>
      </c>
      <c r="AS8" s="48" t="s">
        <v>45</v>
      </c>
      <c r="AT8" s="680"/>
      <c r="AU8" s="51" t="s">
        <v>43</v>
      </c>
      <c r="AV8" s="47" t="s">
        <v>44</v>
      </c>
      <c r="AW8" s="326" t="s">
        <v>45</v>
      </c>
      <c r="AX8" s="52" t="s">
        <v>83</v>
      </c>
      <c r="AY8" s="47" t="s">
        <v>47</v>
      </c>
      <c r="AZ8" s="47" t="s">
        <v>48</v>
      </c>
      <c r="BA8" s="47" t="s">
        <v>49</v>
      </c>
      <c r="BB8" s="47" t="s">
        <v>50</v>
      </c>
      <c r="BC8" s="47" t="s">
        <v>51</v>
      </c>
      <c r="BD8" s="48" t="s">
        <v>45</v>
      </c>
      <c r="BE8" s="680"/>
      <c r="BF8" s="327" t="s">
        <v>43</v>
      </c>
      <c r="BG8" s="47" t="s">
        <v>44</v>
      </c>
      <c r="BH8" s="326" t="s">
        <v>45</v>
      </c>
      <c r="BI8" s="52" t="s">
        <v>83</v>
      </c>
      <c r="BJ8" s="47" t="s">
        <v>47</v>
      </c>
      <c r="BK8" s="47" t="s">
        <v>48</v>
      </c>
      <c r="BL8" s="47" t="s">
        <v>49</v>
      </c>
      <c r="BM8" s="47" t="s">
        <v>50</v>
      </c>
      <c r="BN8" s="47" t="s">
        <v>51</v>
      </c>
      <c r="BO8" s="48" t="s">
        <v>45</v>
      </c>
      <c r="BP8" s="680"/>
      <c r="BQ8" s="51" t="s">
        <v>43</v>
      </c>
      <c r="BR8" s="47" t="s">
        <v>44</v>
      </c>
      <c r="BS8" s="326" t="s">
        <v>45</v>
      </c>
      <c r="BT8" s="52" t="s">
        <v>83</v>
      </c>
      <c r="BU8" s="47" t="s">
        <v>47</v>
      </c>
      <c r="BV8" s="47" t="s">
        <v>48</v>
      </c>
      <c r="BW8" s="47" t="s">
        <v>49</v>
      </c>
      <c r="BX8" s="47" t="s">
        <v>50</v>
      </c>
      <c r="BY8" s="47" t="s">
        <v>51</v>
      </c>
      <c r="BZ8" s="48" t="s">
        <v>45</v>
      </c>
      <c r="CA8" s="680"/>
      <c r="CB8" s="51" t="s">
        <v>43</v>
      </c>
      <c r="CC8" s="47" t="s">
        <v>44</v>
      </c>
      <c r="CD8" s="326" t="s">
        <v>45</v>
      </c>
      <c r="CE8" s="52" t="s">
        <v>83</v>
      </c>
      <c r="CF8" s="47" t="s">
        <v>47</v>
      </c>
      <c r="CG8" s="47" t="s">
        <v>48</v>
      </c>
      <c r="CH8" s="47" t="s">
        <v>49</v>
      </c>
      <c r="CI8" s="47" t="s">
        <v>50</v>
      </c>
      <c r="CJ8" s="47" t="s">
        <v>51</v>
      </c>
      <c r="CK8" s="48" t="s">
        <v>45</v>
      </c>
      <c r="CL8" s="704"/>
      <c r="CM8" s="51" t="s">
        <v>43</v>
      </c>
      <c r="CN8" s="47" t="s">
        <v>44</v>
      </c>
      <c r="CO8" s="48" t="s">
        <v>45</v>
      </c>
      <c r="CP8" s="52" t="s">
        <v>83</v>
      </c>
      <c r="CQ8" s="47" t="s">
        <v>47</v>
      </c>
      <c r="CR8" s="47" t="s">
        <v>48</v>
      </c>
      <c r="CS8" s="47" t="s">
        <v>49</v>
      </c>
      <c r="CT8" s="47" t="s">
        <v>50</v>
      </c>
      <c r="CU8" s="47" t="s">
        <v>51</v>
      </c>
      <c r="CV8" s="48" t="s">
        <v>45</v>
      </c>
      <c r="CW8" s="704"/>
      <c r="CX8" s="51" t="s">
        <v>43</v>
      </c>
      <c r="CY8" s="47" t="s">
        <v>44</v>
      </c>
      <c r="CZ8" s="48" t="s">
        <v>45</v>
      </c>
      <c r="DA8" s="52" t="s">
        <v>83</v>
      </c>
      <c r="DB8" s="47" t="s">
        <v>47</v>
      </c>
      <c r="DC8" s="47" t="s">
        <v>48</v>
      </c>
      <c r="DD8" s="47" t="s">
        <v>49</v>
      </c>
      <c r="DE8" s="47" t="s">
        <v>50</v>
      </c>
      <c r="DF8" s="47" t="s">
        <v>51</v>
      </c>
      <c r="DG8" s="48" t="s">
        <v>45</v>
      </c>
      <c r="DH8" s="704"/>
      <c r="DI8" s="51" t="s">
        <v>43</v>
      </c>
      <c r="DJ8" s="47" t="s">
        <v>44</v>
      </c>
      <c r="DK8" s="48" t="s">
        <v>45</v>
      </c>
      <c r="DL8" s="52" t="s">
        <v>83</v>
      </c>
      <c r="DM8" s="47" t="s">
        <v>47</v>
      </c>
      <c r="DN8" s="47" t="s">
        <v>48</v>
      </c>
      <c r="DO8" s="47" t="s">
        <v>49</v>
      </c>
      <c r="DP8" s="47" t="s">
        <v>50</v>
      </c>
      <c r="DQ8" s="47" t="s">
        <v>51</v>
      </c>
      <c r="DR8" s="48" t="s">
        <v>45</v>
      </c>
      <c r="DS8" s="704"/>
      <c r="DT8" s="51" t="s">
        <v>43</v>
      </c>
      <c r="DU8" s="47" t="s">
        <v>44</v>
      </c>
      <c r="DV8" s="326" t="s">
        <v>45</v>
      </c>
      <c r="DW8" s="52" t="s">
        <v>83</v>
      </c>
      <c r="DX8" s="47" t="s">
        <v>47</v>
      </c>
      <c r="DY8" s="47" t="s">
        <v>48</v>
      </c>
      <c r="DZ8" s="47" t="s">
        <v>49</v>
      </c>
      <c r="EA8" s="47" t="s">
        <v>50</v>
      </c>
      <c r="EB8" s="47" t="s">
        <v>51</v>
      </c>
      <c r="EC8" s="48" t="s">
        <v>45</v>
      </c>
      <c r="ED8" s="680"/>
      <c r="EE8" s="51" t="s">
        <v>43</v>
      </c>
      <c r="EF8" s="47" t="s">
        <v>44</v>
      </c>
      <c r="EG8" s="326" t="s">
        <v>45</v>
      </c>
      <c r="EH8" s="52" t="s">
        <v>83</v>
      </c>
      <c r="EI8" s="47" t="s">
        <v>47</v>
      </c>
      <c r="EJ8" s="47" t="s">
        <v>48</v>
      </c>
      <c r="EK8" s="47" t="s">
        <v>49</v>
      </c>
      <c r="EL8" s="47" t="s">
        <v>50</v>
      </c>
      <c r="EM8" s="47" t="s">
        <v>51</v>
      </c>
      <c r="EN8" s="48" t="s">
        <v>45</v>
      </c>
      <c r="EO8" s="680"/>
      <c r="EP8" s="51" t="s">
        <v>43</v>
      </c>
      <c r="EQ8" s="47" t="s">
        <v>44</v>
      </c>
      <c r="ER8" s="326" t="s">
        <v>45</v>
      </c>
      <c r="ES8" s="52" t="s">
        <v>83</v>
      </c>
      <c r="ET8" s="47" t="s">
        <v>47</v>
      </c>
      <c r="EU8" s="47" t="s">
        <v>48</v>
      </c>
      <c r="EV8" s="47" t="s">
        <v>49</v>
      </c>
      <c r="EW8" s="47" t="s">
        <v>50</v>
      </c>
      <c r="EX8" s="47" t="s">
        <v>51</v>
      </c>
      <c r="EY8" s="48" t="s">
        <v>45</v>
      </c>
      <c r="EZ8" s="680"/>
      <c r="FA8" s="51" t="s">
        <v>43</v>
      </c>
      <c r="FB8" s="47" t="s">
        <v>44</v>
      </c>
      <c r="FC8" s="326" t="s">
        <v>45</v>
      </c>
      <c r="FD8" s="52" t="s">
        <v>83</v>
      </c>
      <c r="FE8" s="47" t="s">
        <v>47</v>
      </c>
      <c r="FF8" s="47" t="s">
        <v>48</v>
      </c>
      <c r="FG8" s="47" t="s">
        <v>49</v>
      </c>
      <c r="FH8" s="47" t="s">
        <v>50</v>
      </c>
      <c r="FI8" s="47" t="s">
        <v>51</v>
      </c>
      <c r="FJ8" s="48" t="s">
        <v>45</v>
      </c>
      <c r="FK8" s="680"/>
      <c r="FL8" s="51" t="s">
        <v>43</v>
      </c>
      <c r="FM8" s="47" t="s">
        <v>44</v>
      </c>
      <c r="FN8" s="326" t="s">
        <v>45</v>
      </c>
      <c r="FO8" s="52" t="s">
        <v>83</v>
      </c>
      <c r="FP8" s="47" t="s">
        <v>47</v>
      </c>
      <c r="FQ8" s="47" t="s">
        <v>48</v>
      </c>
      <c r="FR8" s="47" t="s">
        <v>49</v>
      </c>
      <c r="FS8" s="47" t="s">
        <v>50</v>
      </c>
      <c r="FT8" s="47" t="s">
        <v>51</v>
      </c>
      <c r="FU8" s="48" t="s">
        <v>45</v>
      </c>
      <c r="FV8" s="696"/>
      <c r="FW8" s="51" t="s">
        <v>43</v>
      </c>
      <c r="FX8" s="47" t="s">
        <v>44</v>
      </c>
      <c r="FY8" s="326" t="s">
        <v>45</v>
      </c>
      <c r="FZ8" s="52" t="s">
        <v>83</v>
      </c>
      <c r="GA8" s="47" t="s">
        <v>47</v>
      </c>
      <c r="GB8" s="47" t="s">
        <v>48</v>
      </c>
      <c r="GC8" s="47" t="s">
        <v>49</v>
      </c>
      <c r="GD8" s="47" t="s">
        <v>50</v>
      </c>
      <c r="GE8" s="47" t="s">
        <v>51</v>
      </c>
      <c r="GF8" s="48" t="s">
        <v>45</v>
      </c>
      <c r="GG8" s="680"/>
      <c r="GH8" s="51" t="s">
        <v>43</v>
      </c>
      <c r="GI8" s="47" t="s">
        <v>44</v>
      </c>
      <c r="GJ8" s="326" t="s">
        <v>45</v>
      </c>
      <c r="GK8" s="52" t="s">
        <v>83</v>
      </c>
      <c r="GL8" s="47" t="s">
        <v>47</v>
      </c>
      <c r="GM8" s="47" t="s">
        <v>48</v>
      </c>
      <c r="GN8" s="47" t="s">
        <v>49</v>
      </c>
      <c r="GO8" s="47" t="s">
        <v>50</v>
      </c>
      <c r="GP8" s="47" t="s">
        <v>51</v>
      </c>
      <c r="GQ8" s="48" t="s">
        <v>45</v>
      </c>
      <c r="GR8" s="682"/>
      <c r="GS8" s="51" t="s">
        <v>43</v>
      </c>
      <c r="GT8" s="47" t="s">
        <v>44</v>
      </c>
      <c r="GU8" s="326" t="s">
        <v>45</v>
      </c>
      <c r="GV8" s="52" t="s">
        <v>83</v>
      </c>
      <c r="GW8" s="47" t="s">
        <v>47</v>
      </c>
      <c r="GX8" s="47" t="s">
        <v>48</v>
      </c>
      <c r="GY8" s="47" t="s">
        <v>49</v>
      </c>
      <c r="GZ8" s="47" t="s">
        <v>50</v>
      </c>
      <c r="HA8" s="47" t="s">
        <v>51</v>
      </c>
      <c r="HB8" s="48" t="s">
        <v>45</v>
      </c>
      <c r="HC8" s="682"/>
      <c r="HD8" s="51" t="s">
        <v>43</v>
      </c>
      <c r="HE8" s="47" t="s">
        <v>44</v>
      </c>
      <c r="HF8" s="326" t="s">
        <v>45</v>
      </c>
      <c r="HG8" s="52" t="s">
        <v>83</v>
      </c>
      <c r="HH8" s="47" t="s">
        <v>47</v>
      </c>
      <c r="HI8" s="47" t="s">
        <v>48</v>
      </c>
      <c r="HJ8" s="47" t="s">
        <v>49</v>
      </c>
      <c r="HK8" s="47" t="s">
        <v>50</v>
      </c>
      <c r="HL8" s="47" t="s">
        <v>51</v>
      </c>
      <c r="HM8" s="48" t="s">
        <v>45</v>
      </c>
      <c r="HN8" s="680"/>
      <c r="HO8" s="51" t="s">
        <v>43</v>
      </c>
      <c r="HP8" s="47" t="s">
        <v>44</v>
      </c>
      <c r="HQ8" s="326" t="s">
        <v>45</v>
      </c>
      <c r="HR8" s="52" t="s">
        <v>83</v>
      </c>
      <c r="HS8" s="47" t="s">
        <v>47</v>
      </c>
      <c r="HT8" s="47" t="s">
        <v>48</v>
      </c>
      <c r="HU8" s="47" t="s">
        <v>49</v>
      </c>
      <c r="HV8" s="47" t="s">
        <v>50</v>
      </c>
      <c r="HW8" s="47" t="s">
        <v>51</v>
      </c>
      <c r="HX8" s="48" t="s">
        <v>45</v>
      </c>
      <c r="HY8" s="680"/>
      <c r="HZ8" s="368" t="s">
        <v>43</v>
      </c>
      <c r="IA8" s="369" t="s">
        <v>44</v>
      </c>
      <c r="IB8" s="41" t="s">
        <v>45</v>
      </c>
      <c r="IC8" s="42" t="s">
        <v>83</v>
      </c>
      <c r="ID8" s="369" t="s">
        <v>47</v>
      </c>
      <c r="IE8" s="369" t="s">
        <v>48</v>
      </c>
      <c r="IF8" s="369" t="s">
        <v>49</v>
      </c>
      <c r="IG8" s="369" t="s">
        <v>50</v>
      </c>
      <c r="IH8" s="369" t="s">
        <v>51</v>
      </c>
      <c r="II8" s="17" t="s">
        <v>45</v>
      </c>
      <c r="IJ8" s="647"/>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73" customFormat="1" ht="21" customHeight="1" x14ac:dyDescent="0.2">
      <c r="A9" s="44"/>
      <c r="B9" s="467" t="s">
        <v>4</v>
      </c>
      <c r="C9" s="387">
        <v>25040807</v>
      </c>
      <c r="D9" s="388">
        <v>40089382</v>
      </c>
      <c r="E9" s="389">
        <v>65130189</v>
      </c>
      <c r="F9" s="390">
        <v>0</v>
      </c>
      <c r="G9" s="388">
        <v>250903645</v>
      </c>
      <c r="H9" s="388">
        <v>333077038</v>
      </c>
      <c r="I9" s="388">
        <v>287118972</v>
      </c>
      <c r="J9" s="388">
        <v>304980681</v>
      </c>
      <c r="K9" s="388">
        <v>226806803</v>
      </c>
      <c r="L9" s="391">
        <v>1402887139</v>
      </c>
      <c r="M9" s="392">
        <v>1468017328</v>
      </c>
      <c r="N9" s="387">
        <v>6992225</v>
      </c>
      <c r="O9" s="388">
        <v>13921053</v>
      </c>
      <c r="P9" s="393">
        <v>20913278</v>
      </c>
      <c r="Q9" s="387">
        <v>0</v>
      </c>
      <c r="R9" s="388">
        <v>80235949</v>
      </c>
      <c r="S9" s="388">
        <v>114339117</v>
      </c>
      <c r="T9" s="388">
        <v>96856563</v>
      </c>
      <c r="U9" s="388">
        <v>104301978</v>
      </c>
      <c r="V9" s="388">
        <v>109181984</v>
      </c>
      <c r="W9" s="393">
        <v>504915591</v>
      </c>
      <c r="X9" s="392">
        <v>525828869</v>
      </c>
      <c r="Y9" s="387">
        <v>0</v>
      </c>
      <c r="Z9" s="388">
        <v>0</v>
      </c>
      <c r="AA9" s="393">
        <v>0</v>
      </c>
      <c r="AB9" s="394">
        <v>0</v>
      </c>
      <c r="AC9" s="395">
        <v>32506424</v>
      </c>
      <c r="AD9" s="395">
        <v>46493131</v>
      </c>
      <c r="AE9" s="395">
        <v>46553622</v>
      </c>
      <c r="AF9" s="395">
        <v>51860771</v>
      </c>
      <c r="AG9" s="395">
        <v>58886179</v>
      </c>
      <c r="AH9" s="393">
        <v>236300127</v>
      </c>
      <c r="AI9" s="392">
        <v>236300127</v>
      </c>
      <c r="AJ9" s="396">
        <v>0</v>
      </c>
      <c r="AK9" s="395">
        <v>28465</v>
      </c>
      <c r="AL9" s="393">
        <v>28465</v>
      </c>
      <c r="AM9" s="394">
        <v>0</v>
      </c>
      <c r="AN9" s="395">
        <v>723883</v>
      </c>
      <c r="AO9" s="391">
        <v>1761278</v>
      </c>
      <c r="AP9" s="395">
        <v>2843319</v>
      </c>
      <c r="AQ9" s="395">
        <v>6613241</v>
      </c>
      <c r="AR9" s="395">
        <v>13567254</v>
      </c>
      <c r="AS9" s="393">
        <v>25508975</v>
      </c>
      <c r="AT9" s="392">
        <v>25537440</v>
      </c>
      <c r="AU9" s="396">
        <v>3661810</v>
      </c>
      <c r="AV9" s="395">
        <v>9539086</v>
      </c>
      <c r="AW9" s="393">
        <v>13200896</v>
      </c>
      <c r="AX9" s="394">
        <v>0</v>
      </c>
      <c r="AY9" s="395">
        <v>29829656</v>
      </c>
      <c r="AZ9" s="395">
        <v>45136688</v>
      </c>
      <c r="BA9" s="395">
        <v>28418324</v>
      </c>
      <c r="BB9" s="395">
        <v>25667270</v>
      </c>
      <c r="BC9" s="395">
        <v>23481666</v>
      </c>
      <c r="BD9" s="393">
        <v>152533604</v>
      </c>
      <c r="BE9" s="397">
        <v>165734500</v>
      </c>
      <c r="BF9" s="396">
        <v>390898</v>
      </c>
      <c r="BG9" s="391">
        <v>1521008</v>
      </c>
      <c r="BH9" s="398">
        <v>1911906</v>
      </c>
      <c r="BI9" s="394">
        <v>0</v>
      </c>
      <c r="BJ9" s="395">
        <v>2932988</v>
      </c>
      <c r="BK9" s="395">
        <v>4532797</v>
      </c>
      <c r="BL9" s="395">
        <v>3392212</v>
      </c>
      <c r="BM9" s="395">
        <v>3289669</v>
      </c>
      <c r="BN9" s="395">
        <v>1339745</v>
      </c>
      <c r="BO9" s="393">
        <v>15487411</v>
      </c>
      <c r="BP9" s="392">
        <v>17399317</v>
      </c>
      <c r="BQ9" s="396">
        <v>2939517</v>
      </c>
      <c r="BR9" s="395">
        <v>2832494</v>
      </c>
      <c r="BS9" s="393">
        <v>5772011</v>
      </c>
      <c r="BT9" s="394">
        <v>0</v>
      </c>
      <c r="BU9" s="395">
        <v>14242998</v>
      </c>
      <c r="BV9" s="395">
        <v>16415223</v>
      </c>
      <c r="BW9" s="395">
        <v>15649086</v>
      </c>
      <c r="BX9" s="395">
        <v>16871027</v>
      </c>
      <c r="BY9" s="395">
        <v>11907140</v>
      </c>
      <c r="BZ9" s="393">
        <v>75085474</v>
      </c>
      <c r="CA9" s="392">
        <v>80857485</v>
      </c>
      <c r="CB9" s="396">
        <v>2007131</v>
      </c>
      <c r="CC9" s="395">
        <v>5176374</v>
      </c>
      <c r="CD9" s="393">
        <v>7183505</v>
      </c>
      <c r="CE9" s="394">
        <v>0</v>
      </c>
      <c r="CF9" s="395">
        <v>65676496</v>
      </c>
      <c r="CG9" s="395">
        <v>80182357</v>
      </c>
      <c r="CH9" s="399">
        <v>55496174</v>
      </c>
      <c r="CI9" s="395">
        <v>41689998</v>
      </c>
      <c r="CJ9" s="395">
        <v>17728585</v>
      </c>
      <c r="CK9" s="393">
        <v>260773610</v>
      </c>
      <c r="CL9" s="392">
        <v>267957115</v>
      </c>
      <c r="CM9" s="387">
        <v>0</v>
      </c>
      <c r="CN9" s="388">
        <v>0</v>
      </c>
      <c r="CO9" s="393">
        <v>0</v>
      </c>
      <c r="CP9" s="394">
        <v>0</v>
      </c>
      <c r="CQ9" s="395">
        <v>53380149</v>
      </c>
      <c r="CR9" s="395">
        <v>57836963</v>
      </c>
      <c r="CS9" s="395">
        <v>37955850</v>
      </c>
      <c r="CT9" s="395">
        <v>27741866</v>
      </c>
      <c r="CU9" s="395">
        <v>12084063</v>
      </c>
      <c r="CV9" s="400">
        <v>188998891</v>
      </c>
      <c r="CW9" s="392">
        <v>188998891</v>
      </c>
      <c r="CX9" s="396">
        <v>2007131</v>
      </c>
      <c r="CY9" s="395">
        <v>5176374</v>
      </c>
      <c r="CZ9" s="393">
        <v>7183505</v>
      </c>
      <c r="DA9" s="394">
        <v>0</v>
      </c>
      <c r="DB9" s="395">
        <v>12296347</v>
      </c>
      <c r="DC9" s="395">
        <v>22345394</v>
      </c>
      <c r="DD9" s="395">
        <v>17540324</v>
      </c>
      <c r="DE9" s="395">
        <v>13948132</v>
      </c>
      <c r="DF9" s="395">
        <v>5644522</v>
      </c>
      <c r="DG9" s="393">
        <v>71774719</v>
      </c>
      <c r="DH9" s="392">
        <v>78958224</v>
      </c>
      <c r="DI9" s="396">
        <v>80166</v>
      </c>
      <c r="DJ9" s="395">
        <v>690525</v>
      </c>
      <c r="DK9" s="398">
        <v>770691</v>
      </c>
      <c r="DL9" s="394">
        <v>0</v>
      </c>
      <c r="DM9" s="395">
        <v>8007502</v>
      </c>
      <c r="DN9" s="395">
        <v>13227381</v>
      </c>
      <c r="DO9" s="395">
        <v>21985048</v>
      </c>
      <c r="DP9" s="395">
        <v>21554774</v>
      </c>
      <c r="DQ9" s="395">
        <v>12000206</v>
      </c>
      <c r="DR9" s="401">
        <v>76774911</v>
      </c>
      <c r="DS9" s="392">
        <v>77545602</v>
      </c>
      <c r="DT9" s="396">
        <v>80166</v>
      </c>
      <c r="DU9" s="395">
        <v>389210</v>
      </c>
      <c r="DV9" s="393">
        <v>469376</v>
      </c>
      <c r="DW9" s="394">
        <v>0</v>
      </c>
      <c r="DX9" s="395">
        <v>6944295</v>
      </c>
      <c r="DY9" s="395">
        <v>11039201</v>
      </c>
      <c r="DZ9" s="395">
        <v>18834860</v>
      </c>
      <c r="EA9" s="395">
        <v>19077869</v>
      </c>
      <c r="EB9" s="395">
        <v>10157416</v>
      </c>
      <c r="EC9" s="393">
        <v>66053641</v>
      </c>
      <c r="ED9" s="392">
        <v>66523017</v>
      </c>
      <c r="EE9" s="396">
        <v>0</v>
      </c>
      <c r="EF9" s="391">
        <v>301315</v>
      </c>
      <c r="EG9" s="393">
        <v>301315</v>
      </c>
      <c r="EH9" s="397">
        <v>0</v>
      </c>
      <c r="EI9" s="395">
        <v>1063207</v>
      </c>
      <c r="EJ9" s="395">
        <v>2188180</v>
      </c>
      <c r="EK9" s="395">
        <v>3150188</v>
      </c>
      <c r="EL9" s="395">
        <v>2476905</v>
      </c>
      <c r="EM9" s="399">
        <v>1842790</v>
      </c>
      <c r="EN9" s="391">
        <v>10721270</v>
      </c>
      <c r="EO9" s="392">
        <v>11022585</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5356878</v>
      </c>
      <c r="FM9" s="395">
        <v>8699659</v>
      </c>
      <c r="FN9" s="393">
        <v>14056537</v>
      </c>
      <c r="FO9" s="394">
        <v>0</v>
      </c>
      <c r="FP9" s="395">
        <v>12196264</v>
      </c>
      <c r="FQ9" s="395">
        <v>30116918</v>
      </c>
      <c r="FR9" s="395">
        <v>23080762</v>
      </c>
      <c r="FS9" s="395">
        <v>20735748</v>
      </c>
      <c r="FT9" s="395">
        <v>15877559</v>
      </c>
      <c r="FU9" s="393">
        <v>102007251</v>
      </c>
      <c r="FV9" s="392">
        <v>116063788</v>
      </c>
      <c r="FW9" s="396">
        <v>2498134</v>
      </c>
      <c r="FX9" s="395">
        <v>5639991</v>
      </c>
      <c r="FY9" s="391">
        <v>8138125</v>
      </c>
      <c r="FZ9" s="397">
        <v>0</v>
      </c>
      <c r="GA9" s="395">
        <v>9229273</v>
      </c>
      <c r="GB9" s="403">
        <v>27542434</v>
      </c>
      <c r="GC9" s="395">
        <v>20868598</v>
      </c>
      <c r="GD9" s="403">
        <v>18888529</v>
      </c>
      <c r="GE9" s="395">
        <v>14956019</v>
      </c>
      <c r="GF9" s="400">
        <v>91484853</v>
      </c>
      <c r="GG9" s="404">
        <v>99622978</v>
      </c>
      <c r="GH9" s="405">
        <v>198182</v>
      </c>
      <c r="GI9" s="395">
        <v>447502</v>
      </c>
      <c r="GJ9" s="403">
        <v>645684</v>
      </c>
      <c r="GK9" s="390">
        <v>0</v>
      </c>
      <c r="GL9" s="395">
        <v>1009721</v>
      </c>
      <c r="GM9" s="391">
        <v>930875</v>
      </c>
      <c r="GN9" s="395">
        <v>589802</v>
      </c>
      <c r="GO9" s="391">
        <v>668531</v>
      </c>
      <c r="GP9" s="395">
        <v>231480</v>
      </c>
      <c r="GQ9" s="401">
        <v>3430409</v>
      </c>
      <c r="GR9" s="392">
        <v>4076093</v>
      </c>
      <c r="GS9" s="391">
        <v>2660562</v>
      </c>
      <c r="GT9" s="395">
        <v>2612166</v>
      </c>
      <c r="GU9" s="393">
        <v>5272728</v>
      </c>
      <c r="GV9" s="391">
        <v>0</v>
      </c>
      <c r="GW9" s="395">
        <v>1957270</v>
      </c>
      <c r="GX9" s="391">
        <v>1643609</v>
      </c>
      <c r="GY9" s="395">
        <v>1622362</v>
      </c>
      <c r="GZ9" s="391">
        <v>1178688</v>
      </c>
      <c r="HA9" s="395">
        <v>690060</v>
      </c>
      <c r="HB9" s="391">
        <v>7091989</v>
      </c>
      <c r="HC9" s="392">
        <v>12364717</v>
      </c>
      <c r="HD9" s="391">
        <v>10604407</v>
      </c>
      <c r="HE9" s="395">
        <v>11601771</v>
      </c>
      <c r="HF9" s="391">
        <v>22206178</v>
      </c>
      <c r="HG9" s="397">
        <v>0</v>
      </c>
      <c r="HH9" s="395">
        <v>84787434</v>
      </c>
      <c r="HI9" s="403">
        <v>95211265</v>
      </c>
      <c r="HJ9" s="395">
        <v>89700425</v>
      </c>
      <c r="HK9" s="403">
        <v>116698183</v>
      </c>
      <c r="HL9" s="395">
        <v>72018469</v>
      </c>
      <c r="HM9" s="400">
        <v>458415776</v>
      </c>
      <c r="HN9" s="391">
        <v>480621954</v>
      </c>
      <c r="HO9" s="468"/>
      <c r="HP9" s="469"/>
      <c r="HQ9" s="470"/>
      <c r="HR9" s="471"/>
      <c r="HS9" s="469"/>
      <c r="HT9" s="471"/>
      <c r="HU9" s="469"/>
      <c r="HV9" s="471"/>
      <c r="HW9" s="469"/>
      <c r="HX9" s="471"/>
      <c r="HY9" s="472"/>
      <c r="HZ9" s="406">
        <v>443475</v>
      </c>
      <c r="IA9" s="407">
        <v>1024396</v>
      </c>
      <c r="IB9" s="408">
        <v>1467871</v>
      </c>
      <c r="IC9" s="409">
        <v>0</v>
      </c>
      <c r="ID9" s="407">
        <v>51474470</v>
      </c>
      <c r="IE9" s="410">
        <v>71938782</v>
      </c>
      <c r="IF9" s="411">
        <v>81430360</v>
      </c>
      <c r="IG9" s="407">
        <v>57802954</v>
      </c>
      <c r="IH9" s="411">
        <v>46398976</v>
      </c>
      <c r="II9" s="412">
        <v>309045542</v>
      </c>
      <c r="IJ9" s="413">
        <v>310513413</v>
      </c>
      <c r="IK9" s="414">
        <v>0</v>
      </c>
      <c r="IL9" s="415">
        <v>0</v>
      </c>
      <c r="IM9" s="416">
        <v>0</v>
      </c>
      <c r="IN9" s="417"/>
      <c r="IO9" s="418">
        <v>1682617</v>
      </c>
      <c r="IP9" s="418">
        <v>3287642</v>
      </c>
      <c r="IQ9" s="418">
        <v>3608468</v>
      </c>
      <c r="IR9" s="418">
        <v>5206128</v>
      </c>
      <c r="IS9" s="418">
        <v>4788294</v>
      </c>
      <c r="IT9" s="419">
        <v>18573149</v>
      </c>
      <c r="IU9" s="420">
        <v>18573149</v>
      </c>
      <c r="IV9" s="421">
        <v>0</v>
      </c>
      <c r="IW9" s="418">
        <v>0</v>
      </c>
      <c r="IX9" s="422">
        <v>0</v>
      </c>
      <c r="IY9" s="423"/>
      <c r="IZ9" s="418">
        <v>135402</v>
      </c>
      <c r="JA9" s="418">
        <v>747140</v>
      </c>
      <c r="JB9" s="418">
        <v>1293587</v>
      </c>
      <c r="JC9" s="418">
        <v>887360</v>
      </c>
      <c r="JD9" s="418">
        <v>885300</v>
      </c>
      <c r="JE9" s="422">
        <v>3948789</v>
      </c>
      <c r="JF9" s="424">
        <v>3948789</v>
      </c>
      <c r="JG9" s="421">
        <v>0</v>
      </c>
      <c r="JH9" s="418">
        <v>9434</v>
      </c>
      <c r="JI9" s="419">
        <v>9434</v>
      </c>
      <c r="JJ9" s="425">
        <v>0</v>
      </c>
      <c r="JK9" s="418">
        <v>25282909</v>
      </c>
      <c r="JL9" s="418">
        <v>28026188</v>
      </c>
      <c r="JM9" s="418">
        <v>20947209</v>
      </c>
      <c r="JN9" s="418">
        <v>10198798</v>
      </c>
      <c r="JO9" s="418">
        <v>4389969</v>
      </c>
      <c r="JP9" s="422">
        <v>88845073</v>
      </c>
      <c r="JQ9" s="420">
        <v>88854507</v>
      </c>
      <c r="JR9" s="421">
        <v>53623</v>
      </c>
      <c r="JS9" s="418">
        <v>0</v>
      </c>
      <c r="JT9" s="419">
        <v>53623</v>
      </c>
      <c r="JU9" s="425">
        <v>0</v>
      </c>
      <c r="JV9" s="418">
        <v>2790502</v>
      </c>
      <c r="JW9" s="418">
        <v>5711972</v>
      </c>
      <c r="JX9" s="418">
        <v>7609016</v>
      </c>
      <c r="JY9" s="418">
        <v>3356716</v>
      </c>
      <c r="JZ9" s="418">
        <v>2953432</v>
      </c>
      <c r="KA9" s="422">
        <v>22421638</v>
      </c>
      <c r="KB9" s="420">
        <v>22475261</v>
      </c>
      <c r="KC9" s="426">
        <v>389852</v>
      </c>
      <c r="KD9" s="427">
        <v>1014962</v>
      </c>
      <c r="KE9" s="422">
        <v>1404814</v>
      </c>
      <c r="KF9" s="425">
        <v>0</v>
      </c>
      <c r="KG9" s="418">
        <v>7068390</v>
      </c>
      <c r="KH9" s="418">
        <v>7678556</v>
      </c>
      <c r="KI9" s="418">
        <v>10497023</v>
      </c>
      <c r="KJ9" s="418">
        <v>7553611</v>
      </c>
      <c r="KK9" s="418">
        <v>4431674</v>
      </c>
      <c r="KL9" s="422">
        <v>37229254</v>
      </c>
      <c r="KM9" s="428">
        <v>38634068</v>
      </c>
      <c r="KN9" s="414">
        <v>0</v>
      </c>
      <c r="KO9" s="415">
        <v>0</v>
      </c>
      <c r="KP9" s="416">
        <v>0</v>
      </c>
      <c r="KQ9" s="417"/>
      <c r="KR9" s="418">
        <v>13052945</v>
      </c>
      <c r="KS9" s="418">
        <v>22263481</v>
      </c>
      <c r="KT9" s="418">
        <v>29439457</v>
      </c>
      <c r="KU9" s="418">
        <v>22139470</v>
      </c>
      <c r="KV9" s="418">
        <v>16208871</v>
      </c>
      <c r="KW9" s="422">
        <v>103104224</v>
      </c>
      <c r="KX9" s="420">
        <v>103104224</v>
      </c>
      <c r="KY9" s="421">
        <v>0</v>
      </c>
      <c r="KZ9" s="418">
        <v>0</v>
      </c>
      <c r="LA9" s="422">
        <v>0</v>
      </c>
      <c r="LB9" s="429"/>
      <c r="LC9" s="418">
        <v>397731</v>
      </c>
      <c r="LD9" s="418">
        <v>1062192</v>
      </c>
      <c r="LE9" s="418">
        <v>1122888</v>
      </c>
      <c r="LF9" s="418">
        <v>923627</v>
      </c>
      <c r="LG9" s="418">
        <v>790772</v>
      </c>
      <c r="LH9" s="422">
        <v>4297210</v>
      </c>
      <c r="LI9" s="424">
        <v>4297210</v>
      </c>
      <c r="LJ9" s="421">
        <v>0</v>
      </c>
      <c r="LK9" s="418">
        <v>0</v>
      </c>
      <c r="LL9" s="422">
        <v>0</v>
      </c>
      <c r="LM9" s="429"/>
      <c r="LN9" s="418">
        <v>186654</v>
      </c>
      <c r="LO9" s="418">
        <v>537592</v>
      </c>
      <c r="LP9" s="418">
        <v>2471799</v>
      </c>
      <c r="LQ9" s="418">
        <v>3593422</v>
      </c>
      <c r="LR9" s="418">
        <v>1697744</v>
      </c>
      <c r="LS9" s="422">
        <v>8487211</v>
      </c>
      <c r="LT9" s="420">
        <v>8487211</v>
      </c>
      <c r="LU9" s="421">
        <v>0</v>
      </c>
      <c r="LV9" s="418">
        <v>0</v>
      </c>
      <c r="LW9" s="422">
        <v>0</v>
      </c>
      <c r="LX9" s="429"/>
      <c r="LY9" s="418">
        <v>877320</v>
      </c>
      <c r="LZ9" s="418">
        <v>2624019</v>
      </c>
      <c r="MA9" s="418">
        <v>4440913</v>
      </c>
      <c r="MB9" s="418">
        <v>3943822</v>
      </c>
      <c r="MC9" s="418">
        <v>10252920</v>
      </c>
      <c r="MD9" s="422">
        <v>22138994</v>
      </c>
      <c r="ME9" s="424">
        <v>22138994</v>
      </c>
      <c r="MF9" s="421">
        <v>0</v>
      </c>
      <c r="MG9" s="418">
        <v>0</v>
      </c>
      <c r="MH9" s="422">
        <v>0</v>
      </c>
      <c r="MI9" s="429"/>
      <c r="MJ9" s="418">
        <v>11209115</v>
      </c>
      <c r="MK9" s="418">
        <v>32709151</v>
      </c>
      <c r="ML9" s="418">
        <v>96558576</v>
      </c>
      <c r="MM9" s="418">
        <v>161710192</v>
      </c>
      <c r="MN9" s="418">
        <v>111237056</v>
      </c>
      <c r="MO9" s="422">
        <v>413424090</v>
      </c>
      <c r="MP9" s="428">
        <v>413424090</v>
      </c>
      <c r="MQ9" s="421">
        <v>0</v>
      </c>
      <c r="MR9" s="418">
        <v>0</v>
      </c>
      <c r="MS9" s="422">
        <v>0</v>
      </c>
      <c r="MT9" s="429"/>
      <c r="MU9" s="418">
        <v>461639</v>
      </c>
      <c r="MV9" s="418">
        <v>5371404</v>
      </c>
      <c r="MW9" s="418">
        <v>49115519</v>
      </c>
      <c r="MX9" s="418">
        <v>85117070</v>
      </c>
      <c r="MY9" s="418">
        <v>69228126</v>
      </c>
      <c r="MZ9" s="422">
        <v>209293758</v>
      </c>
      <c r="NA9" s="428">
        <v>209293758</v>
      </c>
      <c r="NB9" s="421">
        <v>0</v>
      </c>
      <c r="NC9" s="418">
        <v>0</v>
      </c>
      <c r="ND9" s="422">
        <v>0</v>
      </c>
      <c r="NE9" s="429"/>
      <c r="NF9" s="418">
        <v>10747476</v>
      </c>
      <c r="NG9" s="418">
        <v>27117943</v>
      </c>
      <c r="NH9" s="418">
        <v>47021243</v>
      </c>
      <c r="NI9" s="418">
        <v>69687736</v>
      </c>
      <c r="NJ9" s="418">
        <v>32505301</v>
      </c>
      <c r="NK9" s="422">
        <v>187079699</v>
      </c>
      <c r="NL9" s="420">
        <v>187079699</v>
      </c>
      <c r="NM9" s="421">
        <v>0</v>
      </c>
      <c r="NN9" s="418">
        <v>0</v>
      </c>
      <c r="NO9" s="422">
        <v>0</v>
      </c>
      <c r="NP9" s="429"/>
      <c r="NQ9" s="418">
        <v>0</v>
      </c>
      <c r="NR9" s="418">
        <v>0</v>
      </c>
      <c r="NS9" s="418">
        <v>0</v>
      </c>
      <c r="NT9" s="418">
        <v>3232633</v>
      </c>
      <c r="NU9" s="418">
        <v>4873405</v>
      </c>
      <c r="NV9" s="422">
        <v>8106038</v>
      </c>
      <c r="NW9" s="424">
        <v>8106038</v>
      </c>
      <c r="NX9" s="421">
        <v>0</v>
      </c>
      <c r="NY9" s="418">
        <v>0</v>
      </c>
      <c r="NZ9" s="422">
        <v>0</v>
      </c>
      <c r="OA9" s="429"/>
      <c r="OB9" s="418">
        <v>0</v>
      </c>
      <c r="OC9" s="418">
        <v>219804</v>
      </c>
      <c r="OD9" s="418">
        <v>421814</v>
      </c>
      <c r="OE9" s="418">
        <v>3672753</v>
      </c>
      <c r="OF9" s="418">
        <v>4630224</v>
      </c>
      <c r="OG9" s="422">
        <v>8944595</v>
      </c>
      <c r="OH9" s="424">
        <v>8944595</v>
      </c>
      <c r="OI9" s="421">
        <v>25484282</v>
      </c>
      <c r="OJ9" s="418">
        <v>41113778</v>
      </c>
      <c r="OK9" s="419">
        <v>66598060</v>
      </c>
      <c r="OL9" s="425">
        <v>0</v>
      </c>
      <c r="OM9" s="418">
        <v>313587230</v>
      </c>
      <c r="ON9" s="418">
        <v>437724971</v>
      </c>
      <c r="OO9" s="418">
        <v>465107908</v>
      </c>
      <c r="OP9" s="418">
        <v>524493827</v>
      </c>
      <c r="OQ9" s="418">
        <v>384442835</v>
      </c>
      <c r="OR9" s="422">
        <v>2125356771</v>
      </c>
      <c r="OS9" s="428">
        <v>2191954831</v>
      </c>
    </row>
    <row r="10" spans="1:409" s="473" customFormat="1" ht="21" customHeight="1" x14ac:dyDescent="0.2">
      <c r="A10" s="44"/>
      <c r="B10" s="474" t="s">
        <v>5</v>
      </c>
      <c r="C10" s="432">
        <v>11787664</v>
      </c>
      <c r="D10" s="433">
        <v>20488987</v>
      </c>
      <c r="E10" s="434">
        <v>32276651</v>
      </c>
      <c r="F10" s="435">
        <v>0</v>
      </c>
      <c r="G10" s="433">
        <v>94983930</v>
      </c>
      <c r="H10" s="433">
        <v>168807680</v>
      </c>
      <c r="I10" s="433">
        <v>130585434</v>
      </c>
      <c r="J10" s="433">
        <v>136173214</v>
      </c>
      <c r="K10" s="433">
        <v>95963368</v>
      </c>
      <c r="L10" s="435">
        <v>626513626</v>
      </c>
      <c r="M10" s="436">
        <v>658790277</v>
      </c>
      <c r="N10" s="432">
        <v>3268065</v>
      </c>
      <c r="O10" s="433">
        <v>7870592</v>
      </c>
      <c r="P10" s="434">
        <v>11138657</v>
      </c>
      <c r="Q10" s="432">
        <v>0</v>
      </c>
      <c r="R10" s="433">
        <v>30239346</v>
      </c>
      <c r="S10" s="433">
        <v>61319930</v>
      </c>
      <c r="T10" s="433">
        <v>41835068</v>
      </c>
      <c r="U10" s="433">
        <v>45478569</v>
      </c>
      <c r="V10" s="433">
        <v>46019755</v>
      </c>
      <c r="W10" s="434">
        <v>224892668</v>
      </c>
      <c r="X10" s="436">
        <v>236031325</v>
      </c>
      <c r="Y10" s="432">
        <v>0</v>
      </c>
      <c r="Z10" s="433">
        <v>0</v>
      </c>
      <c r="AA10" s="434">
        <v>0</v>
      </c>
      <c r="AB10" s="432">
        <v>0</v>
      </c>
      <c r="AC10" s="433">
        <v>12149041</v>
      </c>
      <c r="AD10" s="433">
        <v>24387363</v>
      </c>
      <c r="AE10" s="433">
        <v>18190353</v>
      </c>
      <c r="AF10" s="433">
        <v>21014070</v>
      </c>
      <c r="AG10" s="433">
        <v>24297068</v>
      </c>
      <c r="AH10" s="434">
        <v>100037895</v>
      </c>
      <c r="AI10" s="436">
        <v>100037895</v>
      </c>
      <c r="AJ10" s="432">
        <v>0</v>
      </c>
      <c r="AK10" s="433">
        <v>28465</v>
      </c>
      <c r="AL10" s="434">
        <v>28465</v>
      </c>
      <c r="AM10" s="432">
        <v>0</v>
      </c>
      <c r="AN10" s="433">
        <v>224346</v>
      </c>
      <c r="AO10" s="433">
        <v>638250</v>
      </c>
      <c r="AP10" s="433">
        <v>1393284</v>
      </c>
      <c r="AQ10" s="433">
        <v>2916346</v>
      </c>
      <c r="AR10" s="433">
        <v>5641060</v>
      </c>
      <c r="AS10" s="434">
        <v>10813286</v>
      </c>
      <c r="AT10" s="436">
        <v>10841751</v>
      </c>
      <c r="AU10" s="432">
        <v>1769534</v>
      </c>
      <c r="AV10" s="433">
        <v>5262617</v>
      </c>
      <c r="AW10" s="434">
        <v>7032151</v>
      </c>
      <c r="AX10" s="432">
        <v>0</v>
      </c>
      <c r="AY10" s="433">
        <v>11450477</v>
      </c>
      <c r="AZ10" s="433">
        <v>25926807</v>
      </c>
      <c r="BA10" s="433">
        <v>13734317</v>
      </c>
      <c r="BB10" s="433">
        <v>12412560</v>
      </c>
      <c r="BC10" s="433">
        <v>10633377</v>
      </c>
      <c r="BD10" s="434">
        <v>74157538</v>
      </c>
      <c r="BE10" s="436">
        <v>81189689</v>
      </c>
      <c r="BF10" s="432">
        <v>192786</v>
      </c>
      <c r="BG10" s="433">
        <v>992470</v>
      </c>
      <c r="BH10" s="437">
        <v>1185256</v>
      </c>
      <c r="BI10" s="438">
        <v>0</v>
      </c>
      <c r="BJ10" s="433">
        <v>661041</v>
      </c>
      <c r="BK10" s="433">
        <v>2170719</v>
      </c>
      <c r="BL10" s="433">
        <v>1450586</v>
      </c>
      <c r="BM10" s="433">
        <v>1576517</v>
      </c>
      <c r="BN10" s="433">
        <v>618243</v>
      </c>
      <c r="BO10" s="434">
        <v>6477106</v>
      </c>
      <c r="BP10" s="436">
        <v>7662362</v>
      </c>
      <c r="BQ10" s="432">
        <v>1305745</v>
      </c>
      <c r="BR10" s="433">
        <v>1587040</v>
      </c>
      <c r="BS10" s="434">
        <v>2892785</v>
      </c>
      <c r="BT10" s="432">
        <v>0</v>
      </c>
      <c r="BU10" s="433">
        <v>5754441</v>
      </c>
      <c r="BV10" s="433">
        <v>8196791</v>
      </c>
      <c r="BW10" s="433">
        <v>7066528</v>
      </c>
      <c r="BX10" s="433">
        <v>7559076</v>
      </c>
      <c r="BY10" s="433">
        <v>4830007</v>
      </c>
      <c r="BZ10" s="434">
        <v>33406843</v>
      </c>
      <c r="CA10" s="436">
        <v>36299628</v>
      </c>
      <c r="CB10" s="432">
        <v>879566</v>
      </c>
      <c r="CC10" s="433">
        <v>2365780</v>
      </c>
      <c r="CD10" s="434">
        <v>3245346</v>
      </c>
      <c r="CE10" s="432">
        <v>0</v>
      </c>
      <c r="CF10" s="433">
        <v>21862293</v>
      </c>
      <c r="CG10" s="433">
        <v>36689420</v>
      </c>
      <c r="CH10" s="433">
        <v>25095879</v>
      </c>
      <c r="CI10" s="433">
        <v>17434667</v>
      </c>
      <c r="CJ10" s="433">
        <v>7362730</v>
      </c>
      <c r="CK10" s="434">
        <v>108444989</v>
      </c>
      <c r="CL10" s="436">
        <v>111690335</v>
      </c>
      <c r="CM10" s="432">
        <v>0</v>
      </c>
      <c r="CN10" s="433">
        <v>0</v>
      </c>
      <c r="CO10" s="434">
        <v>0</v>
      </c>
      <c r="CP10" s="438">
        <v>0</v>
      </c>
      <c r="CQ10" s="433">
        <v>17782357</v>
      </c>
      <c r="CR10" s="433">
        <v>25111573</v>
      </c>
      <c r="CS10" s="433">
        <v>16004106</v>
      </c>
      <c r="CT10" s="433">
        <v>10597994</v>
      </c>
      <c r="CU10" s="433">
        <v>4235739</v>
      </c>
      <c r="CV10" s="434">
        <v>73731769</v>
      </c>
      <c r="CW10" s="436">
        <v>73731769</v>
      </c>
      <c r="CX10" s="432">
        <v>879566</v>
      </c>
      <c r="CY10" s="433">
        <v>2365780</v>
      </c>
      <c r="CZ10" s="434">
        <v>3245346</v>
      </c>
      <c r="DA10" s="432">
        <v>0</v>
      </c>
      <c r="DB10" s="433">
        <v>4079936</v>
      </c>
      <c r="DC10" s="433">
        <v>11577847</v>
      </c>
      <c r="DD10" s="433">
        <v>9091773</v>
      </c>
      <c r="DE10" s="433">
        <v>6836673</v>
      </c>
      <c r="DF10" s="433">
        <v>3126991</v>
      </c>
      <c r="DG10" s="434">
        <v>34713220</v>
      </c>
      <c r="DH10" s="436">
        <v>37958566</v>
      </c>
      <c r="DI10" s="432">
        <v>38506</v>
      </c>
      <c r="DJ10" s="433">
        <v>453947</v>
      </c>
      <c r="DK10" s="437">
        <v>492453</v>
      </c>
      <c r="DL10" s="438">
        <v>0</v>
      </c>
      <c r="DM10" s="433">
        <v>3926025</v>
      </c>
      <c r="DN10" s="433">
        <v>7203362</v>
      </c>
      <c r="DO10" s="433">
        <v>8700155</v>
      </c>
      <c r="DP10" s="433">
        <v>9577885</v>
      </c>
      <c r="DQ10" s="433">
        <v>4826629</v>
      </c>
      <c r="DR10" s="434">
        <v>34234056</v>
      </c>
      <c r="DS10" s="436">
        <v>34726509</v>
      </c>
      <c r="DT10" s="432">
        <v>38506</v>
      </c>
      <c r="DU10" s="433">
        <v>232365</v>
      </c>
      <c r="DV10" s="434">
        <v>270871</v>
      </c>
      <c r="DW10" s="432">
        <v>0</v>
      </c>
      <c r="DX10" s="433">
        <v>3204572</v>
      </c>
      <c r="DY10" s="433">
        <v>5877019</v>
      </c>
      <c r="DZ10" s="433">
        <v>6959830</v>
      </c>
      <c r="EA10" s="433">
        <v>7805173</v>
      </c>
      <c r="EB10" s="433">
        <v>3957552</v>
      </c>
      <c r="EC10" s="434">
        <v>27804146</v>
      </c>
      <c r="ED10" s="436">
        <v>28075017</v>
      </c>
      <c r="EE10" s="432">
        <v>0</v>
      </c>
      <c r="EF10" s="437">
        <v>221582</v>
      </c>
      <c r="EG10" s="434">
        <v>221582</v>
      </c>
      <c r="EH10" s="432">
        <v>0</v>
      </c>
      <c r="EI10" s="433">
        <v>721453</v>
      </c>
      <c r="EJ10" s="433">
        <v>1326343</v>
      </c>
      <c r="EK10" s="433">
        <v>1740325</v>
      </c>
      <c r="EL10" s="433">
        <v>1772712</v>
      </c>
      <c r="EM10" s="433">
        <v>869077</v>
      </c>
      <c r="EN10" s="437">
        <v>6429910</v>
      </c>
      <c r="EO10" s="436">
        <v>6651492</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2897727</v>
      </c>
      <c r="FM10" s="433">
        <v>3861731</v>
      </c>
      <c r="FN10" s="434">
        <v>6759458</v>
      </c>
      <c r="FO10" s="432">
        <v>0</v>
      </c>
      <c r="FP10" s="433">
        <v>3492824</v>
      </c>
      <c r="FQ10" s="433">
        <v>14747702</v>
      </c>
      <c r="FR10" s="433">
        <v>10282254</v>
      </c>
      <c r="FS10" s="433">
        <v>8713874</v>
      </c>
      <c r="FT10" s="433">
        <v>6611452</v>
      </c>
      <c r="FU10" s="434">
        <v>43848106</v>
      </c>
      <c r="FV10" s="436">
        <v>50607564</v>
      </c>
      <c r="FW10" s="440">
        <v>861007</v>
      </c>
      <c r="FX10" s="433">
        <v>2410275</v>
      </c>
      <c r="FY10" s="437">
        <v>3271282</v>
      </c>
      <c r="FZ10" s="438">
        <v>0</v>
      </c>
      <c r="GA10" s="433">
        <v>2602793</v>
      </c>
      <c r="GB10" s="433">
        <v>13231183</v>
      </c>
      <c r="GC10" s="433">
        <v>9166330</v>
      </c>
      <c r="GD10" s="433">
        <v>7913029</v>
      </c>
      <c r="GE10" s="433">
        <v>6117262</v>
      </c>
      <c r="GF10" s="434">
        <v>39030597</v>
      </c>
      <c r="GG10" s="441">
        <v>42301879</v>
      </c>
      <c r="GH10" s="440">
        <v>83522</v>
      </c>
      <c r="GI10" s="433">
        <v>264431</v>
      </c>
      <c r="GJ10" s="437">
        <v>347953</v>
      </c>
      <c r="GK10" s="438">
        <v>0</v>
      </c>
      <c r="GL10" s="433">
        <v>309871</v>
      </c>
      <c r="GM10" s="433">
        <v>375803</v>
      </c>
      <c r="GN10" s="433">
        <v>328191</v>
      </c>
      <c r="GO10" s="433">
        <v>248965</v>
      </c>
      <c r="GP10" s="433">
        <v>104430</v>
      </c>
      <c r="GQ10" s="434">
        <v>1367260</v>
      </c>
      <c r="GR10" s="436">
        <v>1715213</v>
      </c>
      <c r="GS10" s="432">
        <v>1953198</v>
      </c>
      <c r="GT10" s="433">
        <v>1187025</v>
      </c>
      <c r="GU10" s="434">
        <v>3140223</v>
      </c>
      <c r="GV10" s="432">
        <v>0</v>
      </c>
      <c r="GW10" s="433">
        <v>580160</v>
      </c>
      <c r="GX10" s="433">
        <v>1140716</v>
      </c>
      <c r="GY10" s="433">
        <v>787733</v>
      </c>
      <c r="GZ10" s="433">
        <v>551880</v>
      </c>
      <c r="HA10" s="433">
        <v>389760</v>
      </c>
      <c r="HB10" s="437">
        <v>3450249</v>
      </c>
      <c r="HC10" s="436">
        <v>6590472</v>
      </c>
      <c r="HD10" s="432">
        <v>4703800</v>
      </c>
      <c r="HE10" s="433">
        <v>5936937</v>
      </c>
      <c r="HF10" s="437">
        <v>10640737</v>
      </c>
      <c r="HG10" s="438">
        <v>0</v>
      </c>
      <c r="HH10" s="433">
        <v>35463442</v>
      </c>
      <c r="HI10" s="433">
        <v>48847266</v>
      </c>
      <c r="HJ10" s="433">
        <v>44672078</v>
      </c>
      <c r="HK10" s="433">
        <v>54968219</v>
      </c>
      <c r="HL10" s="433">
        <v>31142802</v>
      </c>
      <c r="HM10" s="434">
        <v>215093807</v>
      </c>
      <c r="HN10" s="435">
        <v>225734544</v>
      </c>
      <c r="HO10" s="475"/>
      <c r="HP10" s="476"/>
      <c r="HQ10" s="477"/>
      <c r="HR10" s="478"/>
      <c r="HS10" s="476"/>
      <c r="HT10" s="476"/>
      <c r="HU10" s="476"/>
      <c r="HV10" s="476"/>
      <c r="HW10" s="476"/>
      <c r="HX10" s="479"/>
      <c r="HY10" s="480"/>
      <c r="HZ10" s="442">
        <v>250281</v>
      </c>
      <c r="IA10" s="443">
        <v>298505</v>
      </c>
      <c r="IB10" s="444">
        <v>548786</v>
      </c>
      <c r="IC10" s="445">
        <v>0</v>
      </c>
      <c r="ID10" s="446">
        <v>20411300</v>
      </c>
      <c r="IE10" s="447">
        <v>33951514</v>
      </c>
      <c r="IF10" s="448">
        <v>34727787</v>
      </c>
      <c r="IG10" s="446">
        <v>23794969</v>
      </c>
      <c r="IH10" s="448">
        <v>19217636</v>
      </c>
      <c r="II10" s="449">
        <v>132103206</v>
      </c>
      <c r="IJ10" s="450">
        <v>132651992</v>
      </c>
      <c r="IK10" s="451">
        <v>0</v>
      </c>
      <c r="IL10" s="452">
        <v>0</v>
      </c>
      <c r="IM10" s="453">
        <v>0</v>
      </c>
      <c r="IN10" s="454"/>
      <c r="IO10" s="455">
        <v>594104</v>
      </c>
      <c r="IP10" s="455">
        <v>1830587</v>
      </c>
      <c r="IQ10" s="455">
        <v>1484580</v>
      </c>
      <c r="IR10" s="455">
        <v>1636625</v>
      </c>
      <c r="IS10" s="455">
        <v>2091732</v>
      </c>
      <c r="IT10" s="456">
        <v>7637628</v>
      </c>
      <c r="IU10" s="457">
        <v>7637628</v>
      </c>
      <c r="IV10" s="458">
        <v>0</v>
      </c>
      <c r="IW10" s="455">
        <v>0</v>
      </c>
      <c r="IX10" s="459">
        <v>0</v>
      </c>
      <c r="IY10" s="460"/>
      <c r="IZ10" s="455">
        <v>85861</v>
      </c>
      <c r="JA10" s="455">
        <v>600427</v>
      </c>
      <c r="JB10" s="455">
        <v>1149166</v>
      </c>
      <c r="JC10" s="455">
        <v>569962</v>
      </c>
      <c r="JD10" s="455">
        <v>681092</v>
      </c>
      <c r="JE10" s="459">
        <v>3086508</v>
      </c>
      <c r="JF10" s="461">
        <v>3086508</v>
      </c>
      <c r="JG10" s="458">
        <v>0</v>
      </c>
      <c r="JH10" s="455">
        <v>0</v>
      </c>
      <c r="JI10" s="456">
        <v>0</v>
      </c>
      <c r="JJ10" s="462">
        <v>0</v>
      </c>
      <c r="JK10" s="455">
        <v>9159391</v>
      </c>
      <c r="JL10" s="455">
        <v>15496331</v>
      </c>
      <c r="JM10" s="455">
        <v>8997056</v>
      </c>
      <c r="JN10" s="455">
        <v>5881043</v>
      </c>
      <c r="JO10" s="455">
        <v>2474444</v>
      </c>
      <c r="JP10" s="459">
        <v>42008265</v>
      </c>
      <c r="JQ10" s="457">
        <v>42008265</v>
      </c>
      <c r="JR10" s="458">
        <v>53623</v>
      </c>
      <c r="JS10" s="455">
        <v>0</v>
      </c>
      <c r="JT10" s="456">
        <v>53623</v>
      </c>
      <c r="JU10" s="462">
        <v>0</v>
      </c>
      <c r="JV10" s="455">
        <v>1740185</v>
      </c>
      <c r="JW10" s="455">
        <v>3257089</v>
      </c>
      <c r="JX10" s="455">
        <v>4024432</v>
      </c>
      <c r="JY10" s="455">
        <v>1764552</v>
      </c>
      <c r="JZ10" s="455">
        <v>2058858</v>
      </c>
      <c r="KA10" s="459">
        <v>12845116</v>
      </c>
      <c r="KB10" s="457">
        <v>12898739</v>
      </c>
      <c r="KC10" s="463">
        <v>196658</v>
      </c>
      <c r="KD10" s="464">
        <v>298505</v>
      </c>
      <c r="KE10" s="459">
        <v>495163</v>
      </c>
      <c r="KF10" s="462">
        <v>0</v>
      </c>
      <c r="KG10" s="455">
        <v>2945956</v>
      </c>
      <c r="KH10" s="455">
        <v>2943850</v>
      </c>
      <c r="KI10" s="455">
        <v>4844929</v>
      </c>
      <c r="KJ10" s="455">
        <v>3880633</v>
      </c>
      <c r="KK10" s="455">
        <v>1752072</v>
      </c>
      <c r="KL10" s="459">
        <v>16367440</v>
      </c>
      <c r="KM10" s="465">
        <v>16862603</v>
      </c>
      <c r="KN10" s="451">
        <v>0</v>
      </c>
      <c r="KO10" s="452">
        <v>0</v>
      </c>
      <c r="KP10" s="453">
        <v>0</v>
      </c>
      <c r="KQ10" s="454"/>
      <c r="KR10" s="455">
        <v>5557342</v>
      </c>
      <c r="KS10" s="455">
        <v>8590391</v>
      </c>
      <c r="KT10" s="455">
        <v>12281028</v>
      </c>
      <c r="KU10" s="455">
        <v>8768118</v>
      </c>
      <c r="KV10" s="455">
        <v>4716878</v>
      </c>
      <c r="KW10" s="459">
        <v>39913757</v>
      </c>
      <c r="KX10" s="457">
        <v>39913757</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208813</v>
      </c>
      <c r="LP10" s="455">
        <v>0</v>
      </c>
      <c r="LQ10" s="455">
        <v>484952</v>
      </c>
      <c r="LR10" s="455">
        <v>269941</v>
      </c>
      <c r="LS10" s="459">
        <v>963706</v>
      </c>
      <c r="LT10" s="457">
        <v>963706</v>
      </c>
      <c r="LU10" s="458">
        <v>0</v>
      </c>
      <c r="LV10" s="455">
        <v>0</v>
      </c>
      <c r="LW10" s="459">
        <v>0</v>
      </c>
      <c r="LX10" s="466"/>
      <c r="LY10" s="455">
        <v>328461</v>
      </c>
      <c r="LZ10" s="455">
        <v>1024026</v>
      </c>
      <c r="MA10" s="455">
        <v>1946596</v>
      </c>
      <c r="MB10" s="455">
        <v>809084</v>
      </c>
      <c r="MC10" s="455">
        <v>5172619</v>
      </c>
      <c r="MD10" s="459">
        <v>9280786</v>
      </c>
      <c r="ME10" s="461">
        <v>9280786</v>
      </c>
      <c r="MF10" s="458">
        <v>0</v>
      </c>
      <c r="MG10" s="455">
        <v>0</v>
      </c>
      <c r="MH10" s="459">
        <v>0</v>
      </c>
      <c r="MI10" s="466"/>
      <c r="MJ10" s="455">
        <v>5472450</v>
      </c>
      <c r="MK10" s="455">
        <v>19025942</v>
      </c>
      <c r="ML10" s="455">
        <v>47970042</v>
      </c>
      <c r="MM10" s="455">
        <v>77420631</v>
      </c>
      <c r="MN10" s="455">
        <v>53518538</v>
      </c>
      <c r="MO10" s="459">
        <v>203407603</v>
      </c>
      <c r="MP10" s="465">
        <v>203407603</v>
      </c>
      <c r="MQ10" s="458">
        <v>0</v>
      </c>
      <c r="MR10" s="455">
        <v>0</v>
      </c>
      <c r="MS10" s="459">
        <v>0</v>
      </c>
      <c r="MT10" s="466"/>
      <c r="MU10" s="455">
        <v>276918</v>
      </c>
      <c r="MV10" s="455">
        <v>3295888</v>
      </c>
      <c r="MW10" s="455">
        <v>24920199</v>
      </c>
      <c r="MX10" s="455">
        <v>38567224</v>
      </c>
      <c r="MY10" s="455">
        <v>32333025</v>
      </c>
      <c r="MZ10" s="459">
        <v>99393254</v>
      </c>
      <c r="NA10" s="465">
        <v>99393254</v>
      </c>
      <c r="NB10" s="458">
        <v>0</v>
      </c>
      <c r="NC10" s="455">
        <v>0</v>
      </c>
      <c r="ND10" s="459">
        <v>0</v>
      </c>
      <c r="NE10" s="466"/>
      <c r="NF10" s="455">
        <v>5195532</v>
      </c>
      <c r="NG10" s="455">
        <v>15510250</v>
      </c>
      <c r="NH10" s="455">
        <v>22745314</v>
      </c>
      <c r="NI10" s="455">
        <v>36509564</v>
      </c>
      <c r="NJ10" s="455">
        <v>17196478</v>
      </c>
      <c r="NK10" s="459">
        <v>97157138</v>
      </c>
      <c r="NL10" s="457">
        <v>97157138</v>
      </c>
      <c r="NM10" s="458">
        <v>0</v>
      </c>
      <c r="NN10" s="455">
        <v>0</v>
      </c>
      <c r="NO10" s="459">
        <v>0</v>
      </c>
      <c r="NP10" s="466"/>
      <c r="NQ10" s="455">
        <v>0</v>
      </c>
      <c r="NR10" s="455">
        <v>0</v>
      </c>
      <c r="NS10" s="455">
        <v>0</v>
      </c>
      <c r="NT10" s="455">
        <v>1100872</v>
      </c>
      <c r="NU10" s="455">
        <v>1742472</v>
      </c>
      <c r="NV10" s="459">
        <v>2843344</v>
      </c>
      <c r="NW10" s="461">
        <v>2843344</v>
      </c>
      <c r="NX10" s="458">
        <v>0</v>
      </c>
      <c r="NY10" s="455">
        <v>0</v>
      </c>
      <c r="NZ10" s="459">
        <v>0</v>
      </c>
      <c r="OA10" s="466"/>
      <c r="OB10" s="455">
        <v>0</v>
      </c>
      <c r="OC10" s="455">
        <v>219804</v>
      </c>
      <c r="OD10" s="455">
        <v>304529</v>
      </c>
      <c r="OE10" s="455">
        <v>1242971</v>
      </c>
      <c r="OF10" s="455">
        <v>2246563</v>
      </c>
      <c r="OG10" s="459">
        <v>4013867</v>
      </c>
      <c r="OH10" s="461">
        <v>4013867</v>
      </c>
      <c r="OI10" s="458">
        <v>12037945</v>
      </c>
      <c r="OJ10" s="455">
        <v>20787492</v>
      </c>
      <c r="OK10" s="456">
        <v>32825437</v>
      </c>
      <c r="OL10" s="462">
        <v>0</v>
      </c>
      <c r="OM10" s="455">
        <v>120867680</v>
      </c>
      <c r="ON10" s="455">
        <v>221785136</v>
      </c>
      <c r="OO10" s="455">
        <v>213283263</v>
      </c>
      <c r="OP10" s="455">
        <v>237388814</v>
      </c>
      <c r="OQ10" s="455">
        <v>168699542</v>
      </c>
      <c r="OR10" s="459">
        <v>962024435</v>
      </c>
      <c r="OS10" s="465">
        <v>994849872</v>
      </c>
    </row>
    <row r="11" spans="1:409" ht="21" customHeight="1" x14ac:dyDescent="0.2">
      <c r="B11" s="126" t="s">
        <v>6</v>
      </c>
      <c r="C11" s="110">
        <v>3651520</v>
      </c>
      <c r="D11" s="114">
        <v>5190047</v>
      </c>
      <c r="E11" s="113">
        <v>8841567</v>
      </c>
      <c r="F11" s="109">
        <v>0</v>
      </c>
      <c r="G11" s="114">
        <v>48038615</v>
      </c>
      <c r="H11" s="114">
        <v>45880074</v>
      </c>
      <c r="I11" s="114">
        <v>44123419</v>
      </c>
      <c r="J11" s="114">
        <v>53071410</v>
      </c>
      <c r="K11" s="114">
        <v>36965598</v>
      </c>
      <c r="L11" s="109">
        <v>228079116</v>
      </c>
      <c r="M11" s="116">
        <v>236920683</v>
      </c>
      <c r="N11" s="110">
        <v>1098884</v>
      </c>
      <c r="O11" s="114">
        <v>1929157</v>
      </c>
      <c r="P11" s="113">
        <v>3028041</v>
      </c>
      <c r="Q11" s="110">
        <v>0</v>
      </c>
      <c r="R11" s="114">
        <v>16558910</v>
      </c>
      <c r="S11" s="114">
        <v>15751205</v>
      </c>
      <c r="T11" s="114">
        <v>14435667</v>
      </c>
      <c r="U11" s="114">
        <v>19139366</v>
      </c>
      <c r="V11" s="114">
        <v>17902684</v>
      </c>
      <c r="W11" s="113">
        <v>83787832</v>
      </c>
      <c r="X11" s="116">
        <v>86815873</v>
      </c>
      <c r="Y11" s="110">
        <v>0</v>
      </c>
      <c r="Z11" s="114">
        <v>0</v>
      </c>
      <c r="AA11" s="113">
        <v>0</v>
      </c>
      <c r="AB11" s="110">
        <v>0</v>
      </c>
      <c r="AC11" s="114">
        <v>6305516</v>
      </c>
      <c r="AD11" s="114">
        <v>6521626</v>
      </c>
      <c r="AE11" s="114">
        <v>6622288</v>
      </c>
      <c r="AF11" s="114">
        <v>10318406</v>
      </c>
      <c r="AG11" s="114">
        <v>10124656</v>
      </c>
      <c r="AH11" s="113">
        <v>39892492</v>
      </c>
      <c r="AI11" s="116">
        <v>39892492</v>
      </c>
      <c r="AJ11" s="110">
        <v>0</v>
      </c>
      <c r="AK11" s="114">
        <v>0</v>
      </c>
      <c r="AL11" s="113">
        <v>0</v>
      </c>
      <c r="AM11" s="110">
        <v>0</v>
      </c>
      <c r="AN11" s="114">
        <v>42492</v>
      </c>
      <c r="AO11" s="114">
        <v>245790</v>
      </c>
      <c r="AP11" s="114">
        <v>294658</v>
      </c>
      <c r="AQ11" s="114">
        <v>1260652</v>
      </c>
      <c r="AR11" s="114">
        <v>1767582</v>
      </c>
      <c r="AS11" s="113">
        <v>3611174</v>
      </c>
      <c r="AT11" s="116">
        <v>3611174</v>
      </c>
      <c r="AU11" s="110">
        <v>614232</v>
      </c>
      <c r="AV11" s="114">
        <v>1399743</v>
      </c>
      <c r="AW11" s="113">
        <v>2013975</v>
      </c>
      <c r="AX11" s="110">
        <v>0</v>
      </c>
      <c r="AY11" s="114">
        <v>6762320</v>
      </c>
      <c r="AZ11" s="114">
        <v>5741835</v>
      </c>
      <c r="BA11" s="114">
        <v>4082217</v>
      </c>
      <c r="BB11" s="114">
        <v>4293562</v>
      </c>
      <c r="BC11" s="114">
        <v>3478481</v>
      </c>
      <c r="BD11" s="113">
        <v>24358415</v>
      </c>
      <c r="BE11" s="116">
        <v>26372390</v>
      </c>
      <c r="BF11" s="110">
        <v>23457</v>
      </c>
      <c r="BG11" s="114">
        <v>109043</v>
      </c>
      <c r="BH11" s="112">
        <v>132500</v>
      </c>
      <c r="BI11" s="111">
        <v>0</v>
      </c>
      <c r="BJ11" s="114">
        <v>678122</v>
      </c>
      <c r="BK11" s="114">
        <v>515134</v>
      </c>
      <c r="BL11" s="114">
        <v>682011</v>
      </c>
      <c r="BM11" s="114">
        <v>251489</v>
      </c>
      <c r="BN11" s="114">
        <v>145994</v>
      </c>
      <c r="BO11" s="113">
        <v>2272750</v>
      </c>
      <c r="BP11" s="116">
        <v>2405250</v>
      </c>
      <c r="BQ11" s="110">
        <v>461195</v>
      </c>
      <c r="BR11" s="114">
        <v>420371</v>
      </c>
      <c r="BS11" s="113">
        <v>881566</v>
      </c>
      <c r="BT11" s="110">
        <v>0</v>
      </c>
      <c r="BU11" s="114">
        <v>2770460</v>
      </c>
      <c r="BV11" s="114">
        <v>2726820</v>
      </c>
      <c r="BW11" s="114">
        <v>2754493</v>
      </c>
      <c r="BX11" s="114">
        <v>3015257</v>
      </c>
      <c r="BY11" s="114">
        <v>2385971</v>
      </c>
      <c r="BZ11" s="113">
        <v>13653001</v>
      </c>
      <c r="CA11" s="116">
        <v>14534567</v>
      </c>
      <c r="CB11" s="110">
        <v>188849</v>
      </c>
      <c r="CC11" s="114">
        <v>488920</v>
      </c>
      <c r="CD11" s="113">
        <v>677769</v>
      </c>
      <c r="CE11" s="110">
        <v>0</v>
      </c>
      <c r="CF11" s="114">
        <v>12326767</v>
      </c>
      <c r="CG11" s="114">
        <v>10623696</v>
      </c>
      <c r="CH11" s="114">
        <v>8208938</v>
      </c>
      <c r="CI11" s="114">
        <v>7827610</v>
      </c>
      <c r="CJ11" s="114">
        <v>2650387</v>
      </c>
      <c r="CK11" s="113">
        <v>41637398</v>
      </c>
      <c r="CL11" s="116">
        <v>42315167</v>
      </c>
      <c r="CM11" s="110">
        <v>0</v>
      </c>
      <c r="CN11" s="114">
        <v>0</v>
      </c>
      <c r="CO11" s="113">
        <v>0</v>
      </c>
      <c r="CP11" s="111">
        <v>0</v>
      </c>
      <c r="CQ11" s="114">
        <v>10437606</v>
      </c>
      <c r="CR11" s="114">
        <v>7878199</v>
      </c>
      <c r="CS11" s="114">
        <v>5916409</v>
      </c>
      <c r="CT11" s="114">
        <v>5169633</v>
      </c>
      <c r="CU11" s="114">
        <v>2099375</v>
      </c>
      <c r="CV11" s="113">
        <v>31501222</v>
      </c>
      <c r="CW11" s="116">
        <v>31501222</v>
      </c>
      <c r="CX11" s="110">
        <v>188849</v>
      </c>
      <c r="CY11" s="114">
        <v>488920</v>
      </c>
      <c r="CZ11" s="113">
        <v>677769</v>
      </c>
      <c r="DA11" s="110">
        <v>0</v>
      </c>
      <c r="DB11" s="114">
        <v>1889161</v>
      </c>
      <c r="DC11" s="114">
        <v>2745497</v>
      </c>
      <c r="DD11" s="114">
        <v>2292529</v>
      </c>
      <c r="DE11" s="114">
        <v>2657977</v>
      </c>
      <c r="DF11" s="114">
        <v>551012</v>
      </c>
      <c r="DG11" s="113">
        <v>10136176</v>
      </c>
      <c r="DH11" s="116">
        <v>10813945</v>
      </c>
      <c r="DI11" s="110">
        <v>0</v>
      </c>
      <c r="DJ11" s="114">
        <v>25802</v>
      </c>
      <c r="DK11" s="112">
        <v>25802</v>
      </c>
      <c r="DL11" s="111">
        <v>0</v>
      </c>
      <c r="DM11" s="114">
        <v>1012049</v>
      </c>
      <c r="DN11" s="114">
        <v>1311324</v>
      </c>
      <c r="DO11" s="114">
        <v>2540511</v>
      </c>
      <c r="DP11" s="114">
        <v>2864948</v>
      </c>
      <c r="DQ11" s="114">
        <v>1201349</v>
      </c>
      <c r="DR11" s="113">
        <v>8930181</v>
      </c>
      <c r="DS11" s="116">
        <v>8955983</v>
      </c>
      <c r="DT11" s="110">
        <v>0</v>
      </c>
      <c r="DU11" s="114">
        <v>25802</v>
      </c>
      <c r="DV11" s="113">
        <v>25802</v>
      </c>
      <c r="DW11" s="110">
        <v>0</v>
      </c>
      <c r="DX11" s="114">
        <v>859923</v>
      </c>
      <c r="DY11" s="114">
        <v>1021143</v>
      </c>
      <c r="DZ11" s="114">
        <v>2261897</v>
      </c>
      <c r="EA11" s="114">
        <v>2329380</v>
      </c>
      <c r="EB11" s="114">
        <v>995247</v>
      </c>
      <c r="EC11" s="113">
        <v>7467590</v>
      </c>
      <c r="ED11" s="116">
        <v>7493392</v>
      </c>
      <c r="EE11" s="110">
        <v>0</v>
      </c>
      <c r="EF11" s="112">
        <v>0</v>
      </c>
      <c r="EG11" s="113">
        <v>0</v>
      </c>
      <c r="EH11" s="110">
        <v>0</v>
      </c>
      <c r="EI11" s="114">
        <v>152126</v>
      </c>
      <c r="EJ11" s="114">
        <v>290181</v>
      </c>
      <c r="EK11" s="114">
        <v>278614</v>
      </c>
      <c r="EL11" s="114">
        <v>535568</v>
      </c>
      <c r="EM11" s="114">
        <v>206102</v>
      </c>
      <c r="EN11" s="112">
        <v>1462591</v>
      </c>
      <c r="EO11" s="116">
        <v>1462591</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768282</v>
      </c>
      <c r="FM11" s="114">
        <v>1075167</v>
      </c>
      <c r="FN11" s="113">
        <v>1843449</v>
      </c>
      <c r="FO11" s="110">
        <v>0</v>
      </c>
      <c r="FP11" s="114">
        <v>2808484</v>
      </c>
      <c r="FQ11" s="114">
        <v>4206035</v>
      </c>
      <c r="FR11" s="114">
        <v>3725163</v>
      </c>
      <c r="FS11" s="114">
        <v>3741342</v>
      </c>
      <c r="FT11" s="114">
        <v>2302538</v>
      </c>
      <c r="FU11" s="113">
        <v>16783562</v>
      </c>
      <c r="FV11" s="116">
        <v>18627011</v>
      </c>
      <c r="FW11" s="115">
        <v>381497</v>
      </c>
      <c r="FX11" s="114">
        <v>804930</v>
      </c>
      <c r="FY11" s="112">
        <v>1186427</v>
      </c>
      <c r="FZ11" s="111">
        <v>0</v>
      </c>
      <c r="GA11" s="114">
        <v>2103465</v>
      </c>
      <c r="GB11" s="114">
        <v>3872520</v>
      </c>
      <c r="GC11" s="114">
        <v>3456349</v>
      </c>
      <c r="GD11" s="114">
        <v>3337561</v>
      </c>
      <c r="GE11" s="114">
        <v>2232468</v>
      </c>
      <c r="GF11" s="113">
        <v>15002363</v>
      </c>
      <c r="GG11" s="318">
        <v>16188790</v>
      </c>
      <c r="GH11" s="115">
        <v>36435</v>
      </c>
      <c r="GI11" s="114">
        <v>15400</v>
      </c>
      <c r="GJ11" s="112">
        <v>51835</v>
      </c>
      <c r="GK11" s="111">
        <v>0</v>
      </c>
      <c r="GL11" s="114">
        <v>261079</v>
      </c>
      <c r="GM11" s="114">
        <v>141645</v>
      </c>
      <c r="GN11" s="114">
        <v>67564</v>
      </c>
      <c r="GO11" s="114">
        <v>149681</v>
      </c>
      <c r="GP11" s="114">
        <v>32970</v>
      </c>
      <c r="GQ11" s="113">
        <v>652939</v>
      </c>
      <c r="GR11" s="116">
        <v>704774</v>
      </c>
      <c r="GS11" s="110">
        <v>350350</v>
      </c>
      <c r="GT11" s="114">
        <v>254837</v>
      </c>
      <c r="GU11" s="113">
        <v>605187</v>
      </c>
      <c r="GV11" s="110">
        <v>0</v>
      </c>
      <c r="GW11" s="114">
        <v>443940</v>
      </c>
      <c r="GX11" s="114">
        <v>191870</v>
      </c>
      <c r="GY11" s="114">
        <v>201250</v>
      </c>
      <c r="GZ11" s="114">
        <v>254100</v>
      </c>
      <c r="HA11" s="114">
        <v>37100</v>
      </c>
      <c r="HB11" s="112">
        <v>1128260</v>
      </c>
      <c r="HC11" s="116">
        <v>1733447</v>
      </c>
      <c r="HD11" s="110">
        <v>1595505</v>
      </c>
      <c r="HE11" s="114">
        <v>1671001</v>
      </c>
      <c r="HF11" s="112">
        <v>3266506</v>
      </c>
      <c r="HG11" s="111">
        <v>0</v>
      </c>
      <c r="HH11" s="114">
        <v>15332405</v>
      </c>
      <c r="HI11" s="114">
        <v>13987814</v>
      </c>
      <c r="HJ11" s="114">
        <v>15213140</v>
      </c>
      <c r="HK11" s="114">
        <v>19498144</v>
      </c>
      <c r="HL11" s="114">
        <v>12908640</v>
      </c>
      <c r="HM11" s="113">
        <v>76940143</v>
      </c>
      <c r="HN11" s="109">
        <v>80206649</v>
      </c>
      <c r="HO11" s="328"/>
      <c r="HP11" s="329"/>
      <c r="HQ11" s="330"/>
      <c r="HR11" s="331"/>
      <c r="HS11" s="329"/>
      <c r="HT11" s="329"/>
      <c r="HU11" s="329"/>
      <c r="HV11" s="329"/>
      <c r="HW11" s="329"/>
      <c r="HX11" s="332"/>
      <c r="HY11" s="333"/>
      <c r="HZ11" s="131">
        <v>37996</v>
      </c>
      <c r="IA11" s="132">
        <v>262018</v>
      </c>
      <c r="IB11" s="133">
        <v>300014</v>
      </c>
      <c r="IC11" s="146">
        <v>0</v>
      </c>
      <c r="ID11" s="132">
        <v>9352869</v>
      </c>
      <c r="IE11" s="147">
        <v>11705797</v>
      </c>
      <c r="IF11" s="133">
        <v>16433106</v>
      </c>
      <c r="IG11" s="132">
        <v>10115838</v>
      </c>
      <c r="IH11" s="133">
        <v>9152884</v>
      </c>
      <c r="II11" s="148">
        <v>56760494</v>
      </c>
      <c r="IJ11" s="139">
        <v>57060508</v>
      </c>
      <c r="IK11" s="232">
        <v>0</v>
      </c>
      <c r="IL11" s="236">
        <v>0</v>
      </c>
      <c r="IM11" s="237">
        <v>0</v>
      </c>
      <c r="IN11" s="140"/>
      <c r="IO11" s="119">
        <v>482132</v>
      </c>
      <c r="IP11" s="119">
        <v>766910</v>
      </c>
      <c r="IQ11" s="119">
        <v>1151272</v>
      </c>
      <c r="IR11" s="119">
        <v>1817563</v>
      </c>
      <c r="IS11" s="119">
        <v>1526787</v>
      </c>
      <c r="IT11" s="141">
        <v>5744664</v>
      </c>
      <c r="IU11" s="320">
        <v>5744664</v>
      </c>
      <c r="IV11" s="142">
        <v>0</v>
      </c>
      <c r="IW11" s="119">
        <v>0</v>
      </c>
      <c r="IX11" s="120">
        <v>0</v>
      </c>
      <c r="IY11" s="144"/>
      <c r="IZ11" s="119">
        <v>30542</v>
      </c>
      <c r="JA11" s="119">
        <v>132273</v>
      </c>
      <c r="JB11" s="119">
        <v>88305</v>
      </c>
      <c r="JC11" s="119">
        <v>299834</v>
      </c>
      <c r="JD11" s="119">
        <v>204208</v>
      </c>
      <c r="JE11" s="120">
        <v>755162</v>
      </c>
      <c r="JF11" s="121">
        <v>755162</v>
      </c>
      <c r="JG11" s="142">
        <v>0</v>
      </c>
      <c r="JH11" s="119">
        <v>0</v>
      </c>
      <c r="JI11" s="141">
        <v>0</v>
      </c>
      <c r="JJ11" s="118">
        <v>0</v>
      </c>
      <c r="JK11" s="119">
        <v>4695171</v>
      </c>
      <c r="JL11" s="119">
        <v>3101231</v>
      </c>
      <c r="JM11" s="119">
        <v>3114505</v>
      </c>
      <c r="JN11" s="119">
        <v>1372627</v>
      </c>
      <c r="JO11" s="119">
        <v>587813</v>
      </c>
      <c r="JP11" s="120">
        <v>12871347</v>
      </c>
      <c r="JQ11" s="320">
        <v>12871347</v>
      </c>
      <c r="JR11" s="142">
        <v>0</v>
      </c>
      <c r="JS11" s="119">
        <v>0</v>
      </c>
      <c r="JT11" s="141">
        <v>0</v>
      </c>
      <c r="JU11" s="118">
        <v>0</v>
      </c>
      <c r="JV11" s="119">
        <v>424736</v>
      </c>
      <c r="JW11" s="119">
        <v>1008144</v>
      </c>
      <c r="JX11" s="119">
        <v>1758586</v>
      </c>
      <c r="JY11" s="119">
        <v>440680</v>
      </c>
      <c r="JZ11" s="119">
        <v>378457</v>
      </c>
      <c r="KA11" s="120">
        <v>4010603</v>
      </c>
      <c r="KB11" s="320">
        <v>4010603</v>
      </c>
      <c r="KC11" s="234">
        <v>37996</v>
      </c>
      <c r="KD11" s="230">
        <v>262018</v>
      </c>
      <c r="KE11" s="120">
        <v>300014</v>
      </c>
      <c r="KF11" s="118">
        <v>0</v>
      </c>
      <c r="KG11" s="119">
        <v>897715</v>
      </c>
      <c r="KH11" s="119">
        <v>1296809</v>
      </c>
      <c r="KI11" s="119">
        <v>1842834</v>
      </c>
      <c r="KJ11" s="119">
        <v>-309086</v>
      </c>
      <c r="KK11" s="119">
        <v>241145</v>
      </c>
      <c r="KL11" s="120">
        <v>3969417</v>
      </c>
      <c r="KM11" s="143">
        <v>4269431</v>
      </c>
      <c r="KN11" s="232">
        <v>0</v>
      </c>
      <c r="KO11" s="236">
        <v>0</v>
      </c>
      <c r="KP11" s="237">
        <v>0</v>
      </c>
      <c r="KQ11" s="140"/>
      <c r="KR11" s="119">
        <v>2342408</v>
      </c>
      <c r="KS11" s="119">
        <v>4656747</v>
      </c>
      <c r="KT11" s="119">
        <v>5330899</v>
      </c>
      <c r="KU11" s="119">
        <v>3546090</v>
      </c>
      <c r="KV11" s="119">
        <v>4380775</v>
      </c>
      <c r="KW11" s="120">
        <v>20256919</v>
      </c>
      <c r="KX11" s="320">
        <v>20256919</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86654</v>
      </c>
      <c r="LO11" s="119">
        <v>0</v>
      </c>
      <c r="LP11" s="119">
        <v>1697189</v>
      </c>
      <c r="LQ11" s="119">
        <v>1226240</v>
      </c>
      <c r="LR11" s="119">
        <v>445383</v>
      </c>
      <c r="LS11" s="120">
        <v>3555466</v>
      </c>
      <c r="LT11" s="320">
        <v>3555466</v>
      </c>
      <c r="LU11" s="142">
        <v>0</v>
      </c>
      <c r="LV11" s="119">
        <v>0</v>
      </c>
      <c r="LW11" s="120">
        <v>0</v>
      </c>
      <c r="LX11" s="145"/>
      <c r="LY11" s="119">
        <v>293511</v>
      </c>
      <c r="LZ11" s="119">
        <v>743683</v>
      </c>
      <c r="MA11" s="119">
        <v>1449516</v>
      </c>
      <c r="MB11" s="119">
        <v>1721890</v>
      </c>
      <c r="MC11" s="119">
        <v>1388316</v>
      </c>
      <c r="MD11" s="120">
        <v>5596916</v>
      </c>
      <c r="ME11" s="121">
        <v>5596916</v>
      </c>
      <c r="MF11" s="142">
        <v>0</v>
      </c>
      <c r="MG11" s="119">
        <v>0</v>
      </c>
      <c r="MH11" s="120">
        <v>0</v>
      </c>
      <c r="MI11" s="145"/>
      <c r="MJ11" s="119">
        <v>1583730</v>
      </c>
      <c r="MK11" s="119">
        <v>3412943</v>
      </c>
      <c r="ML11" s="119">
        <v>11859182</v>
      </c>
      <c r="MM11" s="119">
        <v>24560075</v>
      </c>
      <c r="MN11" s="119">
        <v>15549533</v>
      </c>
      <c r="MO11" s="120">
        <v>56965463</v>
      </c>
      <c r="MP11" s="143">
        <v>56965463</v>
      </c>
      <c r="MQ11" s="142">
        <v>0</v>
      </c>
      <c r="MR11" s="119">
        <v>0</v>
      </c>
      <c r="MS11" s="120">
        <v>0</v>
      </c>
      <c r="MT11" s="145"/>
      <c r="MU11" s="119">
        <v>0</v>
      </c>
      <c r="MV11" s="119">
        <v>762644</v>
      </c>
      <c r="MW11" s="119">
        <v>6370242</v>
      </c>
      <c r="MX11" s="119">
        <v>12045113</v>
      </c>
      <c r="MY11" s="119">
        <v>8836349</v>
      </c>
      <c r="MZ11" s="120">
        <v>28014348</v>
      </c>
      <c r="NA11" s="143">
        <v>28014348</v>
      </c>
      <c r="NB11" s="142">
        <v>0</v>
      </c>
      <c r="NC11" s="119">
        <v>0</v>
      </c>
      <c r="ND11" s="120">
        <v>0</v>
      </c>
      <c r="NE11" s="145"/>
      <c r="NF11" s="119">
        <v>1583730</v>
      </c>
      <c r="NG11" s="119">
        <v>2650299</v>
      </c>
      <c r="NH11" s="119">
        <v>5488940</v>
      </c>
      <c r="NI11" s="119">
        <v>10095366</v>
      </c>
      <c r="NJ11" s="119">
        <v>4070550</v>
      </c>
      <c r="NK11" s="120">
        <v>23888885</v>
      </c>
      <c r="NL11" s="320">
        <v>23888885</v>
      </c>
      <c r="NM11" s="142">
        <v>0</v>
      </c>
      <c r="NN11" s="119">
        <v>0</v>
      </c>
      <c r="NO11" s="120">
        <v>0</v>
      </c>
      <c r="NP11" s="145"/>
      <c r="NQ11" s="119">
        <v>0</v>
      </c>
      <c r="NR11" s="119">
        <v>0</v>
      </c>
      <c r="NS11" s="119">
        <v>0</v>
      </c>
      <c r="NT11" s="119">
        <v>2131761</v>
      </c>
      <c r="NU11" s="119">
        <v>2327056</v>
      </c>
      <c r="NV11" s="120">
        <v>4458817</v>
      </c>
      <c r="NW11" s="121">
        <v>4458817</v>
      </c>
      <c r="NX11" s="142">
        <v>0</v>
      </c>
      <c r="NY11" s="119">
        <v>0</v>
      </c>
      <c r="NZ11" s="120">
        <v>0</v>
      </c>
      <c r="OA11" s="145"/>
      <c r="OB11" s="119">
        <v>0</v>
      </c>
      <c r="OC11" s="119">
        <v>0</v>
      </c>
      <c r="OD11" s="119">
        <v>0</v>
      </c>
      <c r="OE11" s="119">
        <v>287835</v>
      </c>
      <c r="OF11" s="119">
        <v>315578</v>
      </c>
      <c r="OG11" s="120">
        <v>603413</v>
      </c>
      <c r="OH11" s="121">
        <v>603413</v>
      </c>
      <c r="OI11" s="142">
        <v>3689516</v>
      </c>
      <c r="OJ11" s="119">
        <v>5452065</v>
      </c>
      <c r="OK11" s="141">
        <v>9141581</v>
      </c>
      <c r="OL11" s="118">
        <v>0</v>
      </c>
      <c r="OM11" s="119">
        <v>58975214</v>
      </c>
      <c r="ON11" s="119">
        <v>60998814</v>
      </c>
      <c r="OO11" s="119">
        <v>72415707</v>
      </c>
      <c r="OP11" s="119">
        <v>87747323</v>
      </c>
      <c r="OQ11" s="119">
        <v>61668015</v>
      </c>
      <c r="OR11" s="120">
        <v>341805073</v>
      </c>
      <c r="OS11" s="143">
        <v>350946654</v>
      </c>
    </row>
    <row r="12" spans="1:409" ht="21" customHeight="1" x14ac:dyDescent="0.2">
      <c r="B12" s="126" t="s">
        <v>14</v>
      </c>
      <c r="C12" s="110">
        <v>1254142</v>
      </c>
      <c r="D12" s="114">
        <v>2644377</v>
      </c>
      <c r="E12" s="113">
        <v>3898519</v>
      </c>
      <c r="F12" s="109">
        <v>0</v>
      </c>
      <c r="G12" s="114">
        <v>12909984</v>
      </c>
      <c r="H12" s="114">
        <v>18918910</v>
      </c>
      <c r="I12" s="114">
        <v>18374474</v>
      </c>
      <c r="J12" s="114">
        <v>16475691</v>
      </c>
      <c r="K12" s="114">
        <v>16681686</v>
      </c>
      <c r="L12" s="112">
        <v>83360745</v>
      </c>
      <c r="M12" s="116">
        <v>87259264</v>
      </c>
      <c r="N12" s="110">
        <v>203651</v>
      </c>
      <c r="O12" s="114">
        <v>1121488</v>
      </c>
      <c r="P12" s="113">
        <v>1325139</v>
      </c>
      <c r="Q12" s="110">
        <v>0</v>
      </c>
      <c r="R12" s="114">
        <v>3572678</v>
      </c>
      <c r="S12" s="114">
        <v>6309401</v>
      </c>
      <c r="T12" s="114">
        <v>6825428</v>
      </c>
      <c r="U12" s="114">
        <v>5842612</v>
      </c>
      <c r="V12" s="114">
        <v>8598379</v>
      </c>
      <c r="W12" s="113">
        <v>31148498</v>
      </c>
      <c r="X12" s="116">
        <v>32473637</v>
      </c>
      <c r="Y12" s="110">
        <v>0</v>
      </c>
      <c r="Z12" s="114">
        <v>0</v>
      </c>
      <c r="AA12" s="113">
        <v>0</v>
      </c>
      <c r="AB12" s="110">
        <v>0</v>
      </c>
      <c r="AC12" s="114">
        <v>1705186</v>
      </c>
      <c r="AD12" s="114">
        <v>2870497</v>
      </c>
      <c r="AE12" s="114">
        <v>3769803</v>
      </c>
      <c r="AF12" s="114">
        <v>2570975</v>
      </c>
      <c r="AG12" s="114">
        <v>4633147</v>
      </c>
      <c r="AH12" s="113">
        <v>15549608</v>
      </c>
      <c r="AI12" s="116">
        <v>15549608</v>
      </c>
      <c r="AJ12" s="110">
        <v>0</v>
      </c>
      <c r="AK12" s="114">
        <v>0</v>
      </c>
      <c r="AL12" s="113">
        <v>0</v>
      </c>
      <c r="AM12" s="110">
        <v>0</v>
      </c>
      <c r="AN12" s="114">
        <v>0</v>
      </c>
      <c r="AO12" s="114">
        <v>0</v>
      </c>
      <c r="AP12" s="114">
        <v>165771</v>
      </c>
      <c r="AQ12" s="114">
        <v>547365</v>
      </c>
      <c r="AR12" s="114">
        <v>1381324</v>
      </c>
      <c r="AS12" s="113">
        <v>2094460</v>
      </c>
      <c r="AT12" s="116">
        <v>2094460</v>
      </c>
      <c r="AU12" s="110">
        <v>70560</v>
      </c>
      <c r="AV12" s="114">
        <v>832582</v>
      </c>
      <c r="AW12" s="113">
        <v>903142</v>
      </c>
      <c r="AX12" s="110">
        <v>0</v>
      </c>
      <c r="AY12" s="114">
        <v>891543</v>
      </c>
      <c r="AZ12" s="114">
        <v>2433835</v>
      </c>
      <c r="BA12" s="114">
        <v>1856942</v>
      </c>
      <c r="BB12" s="114">
        <v>1725643</v>
      </c>
      <c r="BC12" s="114">
        <v>1672123</v>
      </c>
      <c r="BD12" s="113">
        <v>8580086</v>
      </c>
      <c r="BE12" s="116">
        <v>9483228</v>
      </c>
      <c r="BF12" s="110">
        <v>0</v>
      </c>
      <c r="BG12" s="114">
        <v>100375</v>
      </c>
      <c r="BH12" s="112">
        <v>100375</v>
      </c>
      <c r="BI12" s="111">
        <v>0</v>
      </c>
      <c r="BJ12" s="114">
        <v>41988</v>
      </c>
      <c r="BK12" s="114">
        <v>124798</v>
      </c>
      <c r="BL12" s="114">
        <v>132481</v>
      </c>
      <c r="BM12" s="114">
        <v>170949</v>
      </c>
      <c r="BN12" s="114">
        <v>18200</v>
      </c>
      <c r="BO12" s="113">
        <v>488416</v>
      </c>
      <c r="BP12" s="116">
        <v>588791</v>
      </c>
      <c r="BQ12" s="110">
        <v>133091</v>
      </c>
      <c r="BR12" s="114">
        <v>188531</v>
      </c>
      <c r="BS12" s="113">
        <v>321622</v>
      </c>
      <c r="BT12" s="110">
        <v>0</v>
      </c>
      <c r="BU12" s="114">
        <v>933961</v>
      </c>
      <c r="BV12" s="114">
        <v>880271</v>
      </c>
      <c r="BW12" s="114">
        <v>900431</v>
      </c>
      <c r="BX12" s="114">
        <v>827680</v>
      </c>
      <c r="BY12" s="114">
        <v>893585</v>
      </c>
      <c r="BZ12" s="113">
        <v>4435928</v>
      </c>
      <c r="CA12" s="116">
        <v>4757550</v>
      </c>
      <c r="CB12" s="110">
        <v>88575</v>
      </c>
      <c r="CC12" s="114">
        <v>230375</v>
      </c>
      <c r="CD12" s="113">
        <v>318950</v>
      </c>
      <c r="CE12" s="110">
        <v>0</v>
      </c>
      <c r="CF12" s="114">
        <v>4117319</v>
      </c>
      <c r="CG12" s="114">
        <v>4879030</v>
      </c>
      <c r="CH12" s="114">
        <v>4792360</v>
      </c>
      <c r="CI12" s="114">
        <v>2755955</v>
      </c>
      <c r="CJ12" s="114">
        <v>1538447</v>
      </c>
      <c r="CK12" s="113">
        <v>18083111</v>
      </c>
      <c r="CL12" s="116">
        <v>18402061</v>
      </c>
      <c r="CM12" s="110">
        <v>0</v>
      </c>
      <c r="CN12" s="114">
        <v>0</v>
      </c>
      <c r="CO12" s="113">
        <v>0</v>
      </c>
      <c r="CP12" s="111">
        <v>0</v>
      </c>
      <c r="CQ12" s="114">
        <v>3782187</v>
      </c>
      <c r="CR12" s="114">
        <v>4131539</v>
      </c>
      <c r="CS12" s="114">
        <v>4255688</v>
      </c>
      <c r="CT12" s="114">
        <v>2336372</v>
      </c>
      <c r="CU12" s="114">
        <v>1329597</v>
      </c>
      <c r="CV12" s="113">
        <v>15835383</v>
      </c>
      <c r="CW12" s="116">
        <v>15835383</v>
      </c>
      <c r="CX12" s="110">
        <v>88575</v>
      </c>
      <c r="CY12" s="114">
        <v>230375</v>
      </c>
      <c r="CZ12" s="113">
        <v>318950</v>
      </c>
      <c r="DA12" s="110">
        <v>0</v>
      </c>
      <c r="DB12" s="114">
        <v>335132</v>
      </c>
      <c r="DC12" s="114">
        <v>747491</v>
      </c>
      <c r="DD12" s="114">
        <v>536672</v>
      </c>
      <c r="DE12" s="114">
        <v>419583</v>
      </c>
      <c r="DF12" s="114">
        <v>208850</v>
      </c>
      <c r="DG12" s="113">
        <v>2247728</v>
      </c>
      <c r="DH12" s="116">
        <v>2566678</v>
      </c>
      <c r="DI12" s="110">
        <v>6006</v>
      </c>
      <c r="DJ12" s="114">
        <v>0</v>
      </c>
      <c r="DK12" s="112">
        <v>6006</v>
      </c>
      <c r="DL12" s="111">
        <v>0</v>
      </c>
      <c r="DM12" s="114">
        <v>478010</v>
      </c>
      <c r="DN12" s="114">
        <v>740013</v>
      </c>
      <c r="DO12" s="114">
        <v>1177021</v>
      </c>
      <c r="DP12" s="114">
        <v>1767885</v>
      </c>
      <c r="DQ12" s="114">
        <v>1437908</v>
      </c>
      <c r="DR12" s="113">
        <v>5600837</v>
      </c>
      <c r="DS12" s="116">
        <v>5606843</v>
      </c>
      <c r="DT12" s="110">
        <v>6006</v>
      </c>
      <c r="DU12" s="114">
        <v>0</v>
      </c>
      <c r="DV12" s="113">
        <v>6006</v>
      </c>
      <c r="DW12" s="110">
        <v>0</v>
      </c>
      <c r="DX12" s="114">
        <v>478010</v>
      </c>
      <c r="DY12" s="114">
        <v>740013</v>
      </c>
      <c r="DZ12" s="114">
        <v>1177021</v>
      </c>
      <c r="EA12" s="114">
        <v>1767885</v>
      </c>
      <c r="EB12" s="114">
        <v>1437908</v>
      </c>
      <c r="EC12" s="113">
        <v>5600837</v>
      </c>
      <c r="ED12" s="116">
        <v>5606843</v>
      </c>
      <c r="EE12" s="110">
        <v>0</v>
      </c>
      <c r="EF12" s="112">
        <v>0</v>
      </c>
      <c r="EG12" s="113">
        <v>0</v>
      </c>
      <c r="EH12" s="110">
        <v>0</v>
      </c>
      <c r="EI12" s="114">
        <v>0</v>
      </c>
      <c r="EJ12" s="114">
        <v>0</v>
      </c>
      <c r="EK12" s="114">
        <v>0</v>
      </c>
      <c r="EL12" s="114">
        <v>0</v>
      </c>
      <c r="EM12" s="114">
        <v>0</v>
      </c>
      <c r="EN12" s="112">
        <v>0</v>
      </c>
      <c r="EO12" s="116">
        <v>0</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158641</v>
      </c>
      <c r="FM12" s="114">
        <v>800751</v>
      </c>
      <c r="FN12" s="113">
        <v>959392</v>
      </c>
      <c r="FO12" s="110">
        <v>0</v>
      </c>
      <c r="FP12" s="114">
        <v>466459</v>
      </c>
      <c r="FQ12" s="114">
        <v>2110457</v>
      </c>
      <c r="FR12" s="114">
        <v>1636075</v>
      </c>
      <c r="FS12" s="114">
        <v>1455398</v>
      </c>
      <c r="FT12" s="114">
        <v>1263199</v>
      </c>
      <c r="FU12" s="113">
        <v>6931588</v>
      </c>
      <c r="FV12" s="116">
        <v>7890980</v>
      </c>
      <c r="FW12" s="115">
        <v>134141</v>
      </c>
      <c r="FX12" s="114">
        <v>556766</v>
      </c>
      <c r="FY12" s="112">
        <v>690907</v>
      </c>
      <c r="FZ12" s="111">
        <v>0</v>
      </c>
      <c r="GA12" s="114">
        <v>466459</v>
      </c>
      <c r="GB12" s="114">
        <v>1986067</v>
      </c>
      <c r="GC12" s="114">
        <v>1540980</v>
      </c>
      <c r="GD12" s="114">
        <v>1335530</v>
      </c>
      <c r="GE12" s="114">
        <v>1248919</v>
      </c>
      <c r="GF12" s="113">
        <v>6577955</v>
      </c>
      <c r="GG12" s="318">
        <v>7268862</v>
      </c>
      <c r="GH12" s="115">
        <v>0</v>
      </c>
      <c r="GI12" s="114">
        <v>37695</v>
      </c>
      <c r="GJ12" s="112">
        <v>37695</v>
      </c>
      <c r="GK12" s="111">
        <v>0</v>
      </c>
      <c r="GL12" s="114">
        <v>0</v>
      </c>
      <c r="GM12" s="114">
        <v>22750</v>
      </c>
      <c r="GN12" s="114">
        <v>31395</v>
      </c>
      <c r="GO12" s="114">
        <v>0</v>
      </c>
      <c r="GP12" s="114">
        <v>14280</v>
      </c>
      <c r="GQ12" s="113">
        <v>68425</v>
      </c>
      <c r="GR12" s="116">
        <v>106120</v>
      </c>
      <c r="GS12" s="110">
        <v>24500</v>
      </c>
      <c r="GT12" s="114">
        <v>206290</v>
      </c>
      <c r="GU12" s="113">
        <v>230790</v>
      </c>
      <c r="GV12" s="110">
        <v>0</v>
      </c>
      <c r="GW12" s="114">
        <v>0</v>
      </c>
      <c r="GX12" s="114">
        <v>101640</v>
      </c>
      <c r="GY12" s="114">
        <v>63700</v>
      </c>
      <c r="GZ12" s="114">
        <v>119868</v>
      </c>
      <c r="HA12" s="114">
        <v>0</v>
      </c>
      <c r="HB12" s="112">
        <v>285208</v>
      </c>
      <c r="HC12" s="116">
        <v>515998</v>
      </c>
      <c r="HD12" s="110">
        <v>797269</v>
      </c>
      <c r="HE12" s="114">
        <v>491763</v>
      </c>
      <c r="HF12" s="112">
        <v>1289032</v>
      </c>
      <c r="HG12" s="111">
        <v>0</v>
      </c>
      <c r="HH12" s="114">
        <v>4275518</v>
      </c>
      <c r="HI12" s="114">
        <v>4880009</v>
      </c>
      <c r="HJ12" s="114">
        <v>3943590</v>
      </c>
      <c r="HK12" s="114">
        <v>4653841</v>
      </c>
      <c r="HL12" s="114">
        <v>3843753</v>
      </c>
      <c r="HM12" s="113">
        <v>21596711</v>
      </c>
      <c r="HN12" s="109">
        <v>22885743</v>
      </c>
      <c r="HO12" s="328"/>
      <c r="HP12" s="329"/>
      <c r="HQ12" s="330"/>
      <c r="HR12" s="331"/>
      <c r="HS12" s="329"/>
      <c r="HT12" s="329"/>
      <c r="HU12" s="329"/>
      <c r="HV12" s="329"/>
      <c r="HW12" s="329"/>
      <c r="HX12" s="332"/>
      <c r="HY12" s="333"/>
      <c r="HZ12" s="131">
        <v>0</v>
      </c>
      <c r="IA12" s="132">
        <v>0</v>
      </c>
      <c r="IB12" s="133">
        <v>0</v>
      </c>
      <c r="IC12" s="134">
        <v>0</v>
      </c>
      <c r="ID12" s="135">
        <v>3755787</v>
      </c>
      <c r="IE12" s="136">
        <v>5010767</v>
      </c>
      <c r="IF12" s="137">
        <v>5175763</v>
      </c>
      <c r="IG12" s="135">
        <v>2550558</v>
      </c>
      <c r="IH12" s="137">
        <v>2559071</v>
      </c>
      <c r="II12" s="138">
        <v>19051946</v>
      </c>
      <c r="IJ12" s="139">
        <v>19051946</v>
      </c>
      <c r="IK12" s="232">
        <v>0</v>
      </c>
      <c r="IL12" s="236">
        <v>0</v>
      </c>
      <c r="IM12" s="237">
        <v>0</v>
      </c>
      <c r="IN12" s="140"/>
      <c r="IO12" s="119">
        <v>50344</v>
      </c>
      <c r="IP12" s="119">
        <v>0</v>
      </c>
      <c r="IQ12" s="119">
        <v>169667</v>
      </c>
      <c r="IR12" s="119">
        <v>204936</v>
      </c>
      <c r="IS12" s="119">
        <v>687432</v>
      </c>
      <c r="IT12" s="141">
        <v>1112379</v>
      </c>
      <c r="IU12" s="320">
        <v>1112379</v>
      </c>
      <c r="IV12" s="142">
        <v>0</v>
      </c>
      <c r="IW12" s="119">
        <v>0</v>
      </c>
      <c r="IX12" s="120">
        <v>0</v>
      </c>
      <c r="IY12" s="144"/>
      <c r="IZ12" s="119">
        <v>0</v>
      </c>
      <c r="JA12" s="119">
        <v>0</v>
      </c>
      <c r="JB12" s="119">
        <v>0</v>
      </c>
      <c r="JC12" s="119">
        <v>8839</v>
      </c>
      <c r="JD12" s="119">
        <v>0</v>
      </c>
      <c r="JE12" s="120">
        <v>8839</v>
      </c>
      <c r="JF12" s="121">
        <v>8839</v>
      </c>
      <c r="JG12" s="142">
        <v>0</v>
      </c>
      <c r="JH12" s="119">
        <v>0</v>
      </c>
      <c r="JI12" s="141">
        <v>0</v>
      </c>
      <c r="JJ12" s="118">
        <v>0</v>
      </c>
      <c r="JK12" s="119">
        <v>1502610</v>
      </c>
      <c r="JL12" s="119">
        <v>1918152</v>
      </c>
      <c r="JM12" s="119">
        <v>1750187</v>
      </c>
      <c r="JN12" s="119">
        <v>373874</v>
      </c>
      <c r="JO12" s="119">
        <v>212138</v>
      </c>
      <c r="JP12" s="120">
        <v>5756961</v>
      </c>
      <c r="JQ12" s="320">
        <v>5756961</v>
      </c>
      <c r="JR12" s="142">
        <v>0</v>
      </c>
      <c r="JS12" s="119">
        <v>0</v>
      </c>
      <c r="JT12" s="141">
        <v>0</v>
      </c>
      <c r="JU12" s="118">
        <v>0</v>
      </c>
      <c r="JV12" s="119">
        <v>120570</v>
      </c>
      <c r="JW12" s="119">
        <v>0</v>
      </c>
      <c r="JX12" s="119">
        <v>11416</v>
      </c>
      <c r="JY12" s="119">
        <v>21057</v>
      </c>
      <c r="JZ12" s="119">
        <v>50442</v>
      </c>
      <c r="KA12" s="120">
        <v>203485</v>
      </c>
      <c r="KB12" s="320">
        <v>203485</v>
      </c>
      <c r="KC12" s="234">
        <v>0</v>
      </c>
      <c r="KD12" s="230">
        <v>0</v>
      </c>
      <c r="KE12" s="120">
        <v>0</v>
      </c>
      <c r="KF12" s="118">
        <v>0</v>
      </c>
      <c r="KG12" s="119">
        <v>203197</v>
      </c>
      <c r="KH12" s="119">
        <v>1115526</v>
      </c>
      <c r="KI12" s="119">
        <v>789044</v>
      </c>
      <c r="KJ12" s="119">
        <v>593764</v>
      </c>
      <c r="KK12" s="119">
        <v>496550</v>
      </c>
      <c r="KL12" s="120">
        <v>3198081</v>
      </c>
      <c r="KM12" s="143">
        <v>3198081</v>
      </c>
      <c r="KN12" s="232">
        <v>0</v>
      </c>
      <c r="KO12" s="236">
        <v>0</v>
      </c>
      <c r="KP12" s="237">
        <v>0</v>
      </c>
      <c r="KQ12" s="140"/>
      <c r="KR12" s="119">
        <v>1767025</v>
      </c>
      <c r="KS12" s="119">
        <v>1639471</v>
      </c>
      <c r="KT12" s="119">
        <v>2134625</v>
      </c>
      <c r="KU12" s="119">
        <v>1348088</v>
      </c>
      <c r="KV12" s="119">
        <v>1091616</v>
      </c>
      <c r="KW12" s="120">
        <v>7980825</v>
      </c>
      <c r="KX12" s="320">
        <v>7980825</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76186</v>
      </c>
      <c r="LP12" s="119">
        <v>193687</v>
      </c>
      <c r="LQ12" s="119">
        <v>0</v>
      </c>
      <c r="LR12" s="119">
        <v>0</v>
      </c>
      <c r="LS12" s="120">
        <v>369873</v>
      </c>
      <c r="LT12" s="320">
        <v>369873</v>
      </c>
      <c r="LU12" s="142">
        <v>0</v>
      </c>
      <c r="LV12" s="119">
        <v>0</v>
      </c>
      <c r="LW12" s="120">
        <v>0</v>
      </c>
      <c r="LX12" s="145"/>
      <c r="LY12" s="119">
        <v>112041</v>
      </c>
      <c r="LZ12" s="119">
        <v>161432</v>
      </c>
      <c r="MA12" s="119">
        <v>127137</v>
      </c>
      <c r="MB12" s="119">
        <v>0</v>
      </c>
      <c r="MC12" s="119">
        <v>20893</v>
      </c>
      <c r="MD12" s="120">
        <v>421503</v>
      </c>
      <c r="ME12" s="121">
        <v>421503</v>
      </c>
      <c r="MF12" s="142">
        <v>0</v>
      </c>
      <c r="MG12" s="119">
        <v>0</v>
      </c>
      <c r="MH12" s="120">
        <v>0</v>
      </c>
      <c r="MI12" s="145"/>
      <c r="MJ12" s="119">
        <v>276929</v>
      </c>
      <c r="MK12" s="119">
        <v>2143209</v>
      </c>
      <c r="ML12" s="119">
        <v>4668822</v>
      </c>
      <c r="MM12" s="119">
        <v>11064142</v>
      </c>
      <c r="MN12" s="119">
        <v>6480868</v>
      </c>
      <c r="MO12" s="120">
        <v>24633970</v>
      </c>
      <c r="MP12" s="143">
        <v>24633970</v>
      </c>
      <c r="MQ12" s="142">
        <v>0</v>
      </c>
      <c r="MR12" s="119">
        <v>0</v>
      </c>
      <c r="MS12" s="120">
        <v>0</v>
      </c>
      <c r="MT12" s="145"/>
      <c r="MU12" s="119">
        <v>0</v>
      </c>
      <c r="MV12" s="119">
        <v>0</v>
      </c>
      <c r="MW12" s="119">
        <v>2887480</v>
      </c>
      <c r="MX12" s="119">
        <v>6302850</v>
      </c>
      <c r="MY12" s="119">
        <v>5328800</v>
      </c>
      <c r="MZ12" s="120">
        <v>14519130</v>
      </c>
      <c r="NA12" s="143">
        <v>14519130</v>
      </c>
      <c r="NB12" s="142">
        <v>0</v>
      </c>
      <c r="NC12" s="119">
        <v>0</v>
      </c>
      <c r="ND12" s="120">
        <v>0</v>
      </c>
      <c r="NE12" s="145"/>
      <c r="NF12" s="119">
        <v>276929</v>
      </c>
      <c r="NG12" s="119">
        <v>2143209</v>
      </c>
      <c r="NH12" s="119">
        <v>1781342</v>
      </c>
      <c r="NI12" s="119">
        <v>4148513</v>
      </c>
      <c r="NJ12" s="119">
        <v>268920</v>
      </c>
      <c r="NK12" s="120">
        <v>8618913</v>
      </c>
      <c r="NL12" s="320">
        <v>8618913</v>
      </c>
      <c r="NM12" s="142">
        <v>0</v>
      </c>
      <c r="NN12" s="119">
        <v>0</v>
      </c>
      <c r="NO12" s="120">
        <v>0</v>
      </c>
      <c r="NP12" s="145"/>
      <c r="NQ12" s="119">
        <v>0</v>
      </c>
      <c r="NR12" s="119">
        <v>0</v>
      </c>
      <c r="NS12" s="119">
        <v>0</v>
      </c>
      <c r="NT12" s="119">
        <v>0</v>
      </c>
      <c r="NU12" s="119">
        <v>540398</v>
      </c>
      <c r="NV12" s="120">
        <v>540398</v>
      </c>
      <c r="NW12" s="121">
        <v>540398</v>
      </c>
      <c r="NX12" s="142">
        <v>0</v>
      </c>
      <c r="NY12" s="119">
        <v>0</v>
      </c>
      <c r="NZ12" s="120">
        <v>0</v>
      </c>
      <c r="OA12" s="145"/>
      <c r="OB12" s="119">
        <v>0</v>
      </c>
      <c r="OC12" s="119">
        <v>0</v>
      </c>
      <c r="OD12" s="119">
        <v>0</v>
      </c>
      <c r="OE12" s="119">
        <v>612779</v>
      </c>
      <c r="OF12" s="119">
        <v>342750</v>
      </c>
      <c r="OG12" s="120">
        <v>955529</v>
      </c>
      <c r="OH12" s="121">
        <v>955529</v>
      </c>
      <c r="OI12" s="142">
        <v>1254142</v>
      </c>
      <c r="OJ12" s="119">
        <v>2644377</v>
      </c>
      <c r="OK12" s="141">
        <v>3898519</v>
      </c>
      <c r="OL12" s="118">
        <v>0</v>
      </c>
      <c r="OM12" s="119">
        <v>16942700</v>
      </c>
      <c r="ON12" s="119">
        <v>26072886</v>
      </c>
      <c r="OO12" s="119">
        <v>28219059</v>
      </c>
      <c r="OP12" s="119">
        <v>30090391</v>
      </c>
      <c r="OQ12" s="119">
        <v>25721625</v>
      </c>
      <c r="OR12" s="120">
        <v>127046661</v>
      </c>
      <c r="OS12" s="143">
        <v>130945180</v>
      </c>
    </row>
    <row r="13" spans="1:409" ht="21" customHeight="1" x14ac:dyDescent="0.2">
      <c r="B13" s="126" t="s">
        <v>7</v>
      </c>
      <c r="C13" s="110">
        <v>736947</v>
      </c>
      <c r="D13" s="114">
        <v>587859</v>
      </c>
      <c r="E13" s="113">
        <v>1324806</v>
      </c>
      <c r="F13" s="109">
        <v>0</v>
      </c>
      <c r="G13" s="114">
        <v>12456779</v>
      </c>
      <c r="H13" s="114">
        <v>10264254</v>
      </c>
      <c r="I13" s="114">
        <v>9961524</v>
      </c>
      <c r="J13" s="114">
        <v>7305458</v>
      </c>
      <c r="K13" s="114">
        <v>6759863</v>
      </c>
      <c r="L13" s="109">
        <v>46747878</v>
      </c>
      <c r="M13" s="116">
        <v>48072684</v>
      </c>
      <c r="N13" s="110">
        <v>141816</v>
      </c>
      <c r="O13" s="114">
        <v>54769</v>
      </c>
      <c r="P13" s="113">
        <v>196585</v>
      </c>
      <c r="Q13" s="110">
        <v>0</v>
      </c>
      <c r="R13" s="114">
        <v>3254381</v>
      </c>
      <c r="S13" s="114">
        <v>3522889</v>
      </c>
      <c r="T13" s="114">
        <v>3812641</v>
      </c>
      <c r="U13" s="114">
        <v>2245745</v>
      </c>
      <c r="V13" s="114">
        <v>4005379</v>
      </c>
      <c r="W13" s="113">
        <v>16841035</v>
      </c>
      <c r="X13" s="116">
        <v>17037620</v>
      </c>
      <c r="Y13" s="110">
        <v>0</v>
      </c>
      <c r="Z13" s="114">
        <v>0</v>
      </c>
      <c r="AA13" s="113">
        <v>0</v>
      </c>
      <c r="AB13" s="110">
        <v>0</v>
      </c>
      <c r="AC13" s="114">
        <v>1305324</v>
      </c>
      <c r="AD13" s="114">
        <v>1305183</v>
      </c>
      <c r="AE13" s="114">
        <v>1914915</v>
      </c>
      <c r="AF13" s="114">
        <v>1127875</v>
      </c>
      <c r="AG13" s="114">
        <v>2332758</v>
      </c>
      <c r="AH13" s="113">
        <v>7986055</v>
      </c>
      <c r="AI13" s="116">
        <v>7986055</v>
      </c>
      <c r="AJ13" s="110">
        <v>0</v>
      </c>
      <c r="AK13" s="114">
        <v>0</v>
      </c>
      <c r="AL13" s="113">
        <v>0</v>
      </c>
      <c r="AM13" s="110">
        <v>0</v>
      </c>
      <c r="AN13" s="114">
        <v>40505</v>
      </c>
      <c r="AO13" s="114">
        <v>275001</v>
      </c>
      <c r="AP13" s="114">
        <v>182220</v>
      </c>
      <c r="AQ13" s="114">
        <v>0</v>
      </c>
      <c r="AR13" s="114">
        <v>436504</v>
      </c>
      <c r="AS13" s="113">
        <v>934230</v>
      </c>
      <c r="AT13" s="116">
        <v>934230</v>
      </c>
      <c r="AU13" s="110">
        <v>0</v>
      </c>
      <c r="AV13" s="114">
        <v>29023</v>
      </c>
      <c r="AW13" s="113">
        <v>29023</v>
      </c>
      <c r="AX13" s="110">
        <v>0</v>
      </c>
      <c r="AY13" s="114">
        <v>1183255</v>
      </c>
      <c r="AZ13" s="114">
        <v>1315414</v>
      </c>
      <c r="BA13" s="114">
        <v>1040231</v>
      </c>
      <c r="BB13" s="114">
        <v>575889</v>
      </c>
      <c r="BC13" s="114">
        <v>933319</v>
      </c>
      <c r="BD13" s="113">
        <v>5048108</v>
      </c>
      <c r="BE13" s="116">
        <v>5077131</v>
      </c>
      <c r="BF13" s="110">
        <v>18196</v>
      </c>
      <c r="BG13" s="114">
        <v>0</v>
      </c>
      <c r="BH13" s="112">
        <v>18196</v>
      </c>
      <c r="BI13" s="111">
        <v>0</v>
      </c>
      <c r="BJ13" s="114">
        <v>68368</v>
      </c>
      <c r="BK13" s="114">
        <v>153657</v>
      </c>
      <c r="BL13" s="114">
        <v>112314</v>
      </c>
      <c r="BM13" s="114">
        <v>72549</v>
      </c>
      <c r="BN13" s="114">
        <v>40809</v>
      </c>
      <c r="BO13" s="113">
        <v>447697</v>
      </c>
      <c r="BP13" s="116">
        <v>465893</v>
      </c>
      <c r="BQ13" s="110">
        <v>123620</v>
      </c>
      <c r="BR13" s="114">
        <v>25746</v>
      </c>
      <c r="BS13" s="113">
        <v>149366</v>
      </c>
      <c r="BT13" s="110">
        <v>0</v>
      </c>
      <c r="BU13" s="114">
        <v>656929</v>
      </c>
      <c r="BV13" s="114">
        <v>473634</v>
      </c>
      <c r="BW13" s="114">
        <v>562961</v>
      </c>
      <c r="BX13" s="114">
        <v>469432</v>
      </c>
      <c r="BY13" s="114">
        <v>261989</v>
      </c>
      <c r="BZ13" s="113">
        <v>2424945</v>
      </c>
      <c r="CA13" s="116">
        <v>2574311</v>
      </c>
      <c r="CB13" s="110">
        <v>52151</v>
      </c>
      <c r="CC13" s="114">
        <v>108168</v>
      </c>
      <c r="CD13" s="113">
        <v>160319</v>
      </c>
      <c r="CE13" s="110">
        <v>0</v>
      </c>
      <c r="CF13" s="114">
        <v>4156109</v>
      </c>
      <c r="CG13" s="114">
        <v>2157343</v>
      </c>
      <c r="CH13" s="114">
        <v>1568198</v>
      </c>
      <c r="CI13" s="114">
        <v>425775</v>
      </c>
      <c r="CJ13" s="114">
        <v>633675</v>
      </c>
      <c r="CK13" s="113">
        <v>8941100</v>
      </c>
      <c r="CL13" s="116">
        <v>9101419</v>
      </c>
      <c r="CM13" s="110">
        <v>0</v>
      </c>
      <c r="CN13" s="114">
        <v>0</v>
      </c>
      <c r="CO13" s="113">
        <v>0</v>
      </c>
      <c r="CP13" s="111">
        <v>0</v>
      </c>
      <c r="CQ13" s="114">
        <v>3101407</v>
      </c>
      <c r="CR13" s="114">
        <v>1807788</v>
      </c>
      <c r="CS13" s="114">
        <v>1114269</v>
      </c>
      <c r="CT13" s="114">
        <v>340391</v>
      </c>
      <c r="CU13" s="114">
        <v>434732</v>
      </c>
      <c r="CV13" s="113">
        <v>6798587</v>
      </c>
      <c r="CW13" s="116">
        <v>6798587</v>
      </c>
      <c r="CX13" s="110">
        <v>52151</v>
      </c>
      <c r="CY13" s="114">
        <v>108168</v>
      </c>
      <c r="CZ13" s="113">
        <v>160319</v>
      </c>
      <c r="DA13" s="110">
        <v>0</v>
      </c>
      <c r="DB13" s="114">
        <v>1054702</v>
      </c>
      <c r="DC13" s="114">
        <v>349555</v>
      </c>
      <c r="DD13" s="114">
        <v>453929</v>
      </c>
      <c r="DE13" s="114">
        <v>85384</v>
      </c>
      <c r="DF13" s="114">
        <v>198943</v>
      </c>
      <c r="DG13" s="113">
        <v>2142513</v>
      </c>
      <c r="DH13" s="116">
        <v>2302832</v>
      </c>
      <c r="DI13" s="110">
        <v>0</v>
      </c>
      <c r="DJ13" s="114">
        <v>0</v>
      </c>
      <c r="DK13" s="112">
        <v>0</v>
      </c>
      <c r="DL13" s="111">
        <v>0</v>
      </c>
      <c r="DM13" s="114">
        <v>193217</v>
      </c>
      <c r="DN13" s="114">
        <v>368141</v>
      </c>
      <c r="DO13" s="114">
        <v>371135</v>
      </c>
      <c r="DP13" s="114">
        <v>527664</v>
      </c>
      <c r="DQ13" s="114">
        <v>298281</v>
      </c>
      <c r="DR13" s="113">
        <v>1758438</v>
      </c>
      <c r="DS13" s="116">
        <v>1758438</v>
      </c>
      <c r="DT13" s="110">
        <v>0</v>
      </c>
      <c r="DU13" s="114">
        <v>0</v>
      </c>
      <c r="DV13" s="113">
        <v>0</v>
      </c>
      <c r="DW13" s="110">
        <v>0</v>
      </c>
      <c r="DX13" s="114">
        <v>193217</v>
      </c>
      <c r="DY13" s="114">
        <v>341247</v>
      </c>
      <c r="DZ13" s="114">
        <v>371135</v>
      </c>
      <c r="EA13" s="114">
        <v>527664</v>
      </c>
      <c r="EB13" s="114">
        <v>232374</v>
      </c>
      <c r="EC13" s="113">
        <v>1665637</v>
      </c>
      <c r="ED13" s="116">
        <v>1665637</v>
      </c>
      <c r="EE13" s="110">
        <v>0</v>
      </c>
      <c r="EF13" s="112">
        <v>0</v>
      </c>
      <c r="EG13" s="113">
        <v>0</v>
      </c>
      <c r="EH13" s="110">
        <v>0</v>
      </c>
      <c r="EI13" s="114">
        <v>0</v>
      </c>
      <c r="EJ13" s="114">
        <v>26894</v>
      </c>
      <c r="EK13" s="114">
        <v>0</v>
      </c>
      <c r="EL13" s="114">
        <v>0</v>
      </c>
      <c r="EM13" s="114">
        <v>65907</v>
      </c>
      <c r="EN13" s="112">
        <v>92801</v>
      </c>
      <c r="EO13" s="116">
        <v>92801</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69258</v>
      </c>
      <c r="FM13" s="114">
        <v>114772</v>
      </c>
      <c r="FN13" s="113">
        <v>184030</v>
      </c>
      <c r="FO13" s="110">
        <v>0</v>
      </c>
      <c r="FP13" s="114">
        <v>765275</v>
      </c>
      <c r="FQ13" s="114">
        <v>1193323</v>
      </c>
      <c r="FR13" s="114">
        <v>819637</v>
      </c>
      <c r="FS13" s="114">
        <v>294742</v>
      </c>
      <c r="FT13" s="114">
        <v>422996</v>
      </c>
      <c r="FU13" s="113">
        <v>3495973</v>
      </c>
      <c r="FV13" s="116">
        <v>3680003</v>
      </c>
      <c r="FW13" s="115">
        <v>69258</v>
      </c>
      <c r="FX13" s="114">
        <v>85512</v>
      </c>
      <c r="FY13" s="112">
        <v>154770</v>
      </c>
      <c r="FZ13" s="111">
        <v>0</v>
      </c>
      <c r="GA13" s="114">
        <v>384265</v>
      </c>
      <c r="GB13" s="114">
        <v>1016000</v>
      </c>
      <c r="GC13" s="114">
        <v>679637</v>
      </c>
      <c r="GD13" s="114">
        <v>264019</v>
      </c>
      <c r="GE13" s="114">
        <v>422996</v>
      </c>
      <c r="GF13" s="113">
        <v>2766917</v>
      </c>
      <c r="GG13" s="318">
        <v>2921687</v>
      </c>
      <c r="GH13" s="115">
        <v>0</v>
      </c>
      <c r="GI13" s="114">
        <v>29260</v>
      </c>
      <c r="GJ13" s="112">
        <v>29260</v>
      </c>
      <c r="GK13" s="111">
        <v>0</v>
      </c>
      <c r="GL13" s="114">
        <v>39410</v>
      </c>
      <c r="GM13" s="114">
        <v>78540</v>
      </c>
      <c r="GN13" s="114">
        <v>0</v>
      </c>
      <c r="GO13" s="114">
        <v>30723</v>
      </c>
      <c r="GP13" s="114">
        <v>0</v>
      </c>
      <c r="GQ13" s="113">
        <v>148673</v>
      </c>
      <c r="GR13" s="116">
        <v>177933</v>
      </c>
      <c r="GS13" s="110">
        <v>0</v>
      </c>
      <c r="GT13" s="114">
        <v>0</v>
      </c>
      <c r="GU13" s="113">
        <v>0</v>
      </c>
      <c r="GV13" s="110">
        <v>0</v>
      </c>
      <c r="GW13" s="114">
        <v>341600</v>
      </c>
      <c r="GX13" s="114">
        <v>98783</v>
      </c>
      <c r="GY13" s="114">
        <v>140000</v>
      </c>
      <c r="GZ13" s="114">
        <v>0</v>
      </c>
      <c r="HA13" s="114">
        <v>0</v>
      </c>
      <c r="HB13" s="112">
        <v>580383</v>
      </c>
      <c r="HC13" s="116">
        <v>580383</v>
      </c>
      <c r="HD13" s="110">
        <v>473722</v>
      </c>
      <c r="HE13" s="114">
        <v>310150</v>
      </c>
      <c r="HF13" s="112">
        <v>783872</v>
      </c>
      <c r="HG13" s="111">
        <v>0</v>
      </c>
      <c r="HH13" s="114">
        <v>4087797</v>
      </c>
      <c r="HI13" s="114">
        <v>3022558</v>
      </c>
      <c r="HJ13" s="114">
        <v>3389913</v>
      </c>
      <c r="HK13" s="114">
        <v>3811532</v>
      </c>
      <c r="HL13" s="114">
        <v>1399532</v>
      </c>
      <c r="HM13" s="113">
        <v>15711332</v>
      </c>
      <c r="HN13" s="109">
        <v>16495204</v>
      </c>
      <c r="HO13" s="328"/>
      <c r="HP13" s="329"/>
      <c r="HQ13" s="330"/>
      <c r="HR13" s="331"/>
      <c r="HS13" s="329"/>
      <c r="HT13" s="329"/>
      <c r="HU13" s="329"/>
      <c r="HV13" s="329"/>
      <c r="HW13" s="329"/>
      <c r="HX13" s="332"/>
      <c r="HY13" s="333"/>
      <c r="HZ13" s="131">
        <v>0</v>
      </c>
      <c r="IA13" s="132">
        <v>0</v>
      </c>
      <c r="IB13" s="133">
        <v>0</v>
      </c>
      <c r="IC13" s="146">
        <v>0</v>
      </c>
      <c r="ID13" s="132">
        <v>1782592</v>
      </c>
      <c r="IE13" s="147">
        <v>1986940</v>
      </c>
      <c r="IF13" s="133">
        <v>3468020</v>
      </c>
      <c r="IG13" s="132">
        <v>1776283</v>
      </c>
      <c r="IH13" s="133">
        <v>404048</v>
      </c>
      <c r="II13" s="148">
        <v>9417883</v>
      </c>
      <c r="IJ13" s="139">
        <v>9417883</v>
      </c>
      <c r="IK13" s="232">
        <v>0</v>
      </c>
      <c r="IL13" s="236">
        <v>0</v>
      </c>
      <c r="IM13" s="237">
        <v>0</v>
      </c>
      <c r="IN13" s="140"/>
      <c r="IO13" s="119">
        <v>0</v>
      </c>
      <c r="IP13" s="119">
        <v>94696</v>
      </c>
      <c r="IQ13" s="119">
        <v>328725</v>
      </c>
      <c r="IR13" s="119">
        <v>0</v>
      </c>
      <c r="IS13" s="119">
        <v>0</v>
      </c>
      <c r="IT13" s="141">
        <v>423421</v>
      </c>
      <c r="IU13" s="320">
        <v>423421</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693815</v>
      </c>
      <c r="JL13" s="119">
        <v>800767</v>
      </c>
      <c r="JM13" s="119">
        <v>829336</v>
      </c>
      <c r="JN13" s="119">
        <v>439715</v>
      </c>
      <c r="JO13" s="119">
        <v>94868</v>
      </c>
      <c r="JP13" s="120">
        <v>2858501</v>
      </c>
      <c r="JQ13" s="320">
        <v>2858501</v>
      </c>
      <c r="JR13" s="142">
        <v>0</v>
      </c>
      <c r="JS13" s="119">
        <v>0</v>
      </c>
      <c r="JT13" s="141">
        <v>0</v>
      </c>
      <c r="JU13" s="118">
        <v>0</v>
      </c>
      <c r="JV13" s="119">
        <v>112798</v>
      </c>
      <c r="JW13" s="119">
        <v>513304</v>
      </c>
      <c r="JX13" s="119">
        <v>642913</v>
      </c>
      <c r="JY13" s="119">
        <v>475932</v>
      </c>
      <c r="JZ13" s="119">
        <v>93900</v>
      </c>
      <c r="KA13" s="120">
        <v>1838847</v>
      </c>
      <c r="KB13" s="320">
        <v>1838847</v>
      </c>
      <c r="KC13" s="234">
        <v>0</v>
      </c>
      <c r="KD13" s="230">
        <v>0</v>
      </c>
      <c r="KE13" s="120">
        <v>0</v>
      </c>
      <c r="KF13" s="118">
        <v>0</v>
      </c>
      <c r="KG13" s="119">
        <v>187946</v>
      </c>
      <c r="KH13" s="119">
        <v>367304</v>
      </c>
      <c r="KI13" s="119">
        <v>181345</v>
      </c>
      <c r="KJ13" s="119">
        <v>0</v>
      </c>
      <c r="KK13" s="119">
        <v>0</v>
      </c>
      <c r="KL13" s="120">
        <v>736595</v>
      </c>
      <c r="KM13" s="143">
        <v>736595</v>
      </c>
      <c r="KN13" s="232">
        <v>0</v>
      </c>
      <c r="KO13" s="236">
        <v>0</v>
      </c>
      <c r="KP13" s="237">
        <v>0</v>
      </c>
      <c r="KQ13" s="140"/>
      <c r="KR13" s="119">
        <v>788033</v>
      </c>
      <c r="KS13" s="119">
        <v>210869</v>
      </c>
      <c r="KT13" s="119">
        <v>1485701</v>
      </c>
      <c r="KU13" s="119">
        <v>860636</v>
      </c>
      <c r="KV13" s="119">
        <v>215280</v>
      </c>
      <c r="KW13" s="120">
        <v>3560519</v>
      </c>
      <c r="KX13" s="320">
        <v>3560519</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0</v>
      </c>
      <c r="LZ13" s="119">
        <v>0</v>
      </c>
      <c r="MA13" s="119">
        <v>0</v>
      </c>
      <c r="MB13" s="119">
        <v>0</v>
      </c>
      <c r="MC13" s="119">
        <v>0</v>
      </c>
      <c r="MD13" s="120">
        <v>0</v>
      </c>
      <c r="ME13" s="121">
        <v>0</v>
      </c>
      <c r="MF13" s="142">
        <v>0</v>
      </c>
      <c r="MG13" s="119">
        <v>0</v>
      </c>
      <c r="MH13" s="120">
        <v>0</v>
      </c>
      <c r="MI13" s="145"/>
      <c r="MJ13" s="119">
        <v>0</v>
      </c>
      <c r="MK13" s="119">
        <v>670299</v>
      </c>
      <c r="ML13" s="119">
        <v>1810238</v>
      </c>
      <c r="MM13" s="119">
        <v>6296989</v>
      </c>
      <c r="MN13" s="119">
        <v>2930412</v>
      </c>
      <c r="MO13" s="120">
        <v>11707938</v>
      </c>
      <c r="MP13" s="143">
        <v>11707938</v>
      </c>
      <c r="MQ13" s="142">
        <v>0</v>
      </c>
      <c r="MR13" s="119">
        <v>0</v>
      </c>
      <c r="MS13" s="120">
        <v>0</v>
      </c>
      <c r="MT13" s="145"/>
      <c r="MU13" s="119">
        <v>0</v>
      </c>
      <c r="MV13" s="119">
        <v>0</v>
      </c>
      <c r="MW13" s="119">
        <v>683027</v>
      </c>
      <c r="MX13" s="119">
        <v>4807698</v>
      </c>
      <c r="MY13" s="119">
        <v>2414062</v>
      </c>
      <c r="MZ13" s="120">
        <v>7904787</v>
      </c>
      <c r="NA13" s="143">
        <v>7904787</v>
      </c>
      <c r="NB13" s="142">
        <v>0</v>
      </c>
      <c r="NC13" s="119">
        <v>0</v>
      </c>
      <c r="ND13" s="120">
        <v>0</v>
      </c>
      <c r="NE13" s="145"/>
      <c r="NF13" s="119">
        <v>0</v>
      </c>
      <c r="NG13" s="119">
        <v>670299</v>
      </c>
      <c r="NH13" s="119">
        <v>1127211</v>
      </c>
      <c r="NI13" s="119">
        <v>1489291</v>
      </c>
      <c r="NJ13" s="119">
        <v>516350</v>
      </c>
      <c r="NK13" s="120">
        <v>3803151</v>
      </c>
      <c r="NL13" s="320">
        <v>3803151</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736947</v>
      </c>
      <c r="OJ13" s="119">
        <v>587859</v>
      </c>
      <c r="OK13" s="141">
        <v>1324806</v>
      </c>
      <c r="OL13" s="118">
        <v>0</v>
      </c>
      <c r="OM13" s="119">
        <v>14239371</v>
      </c>
      <c r="ON13" s="119">
        <v>12921493</v>
      </c>
      <c r="OO13" s="119">
        <v>15239782</v>
      </c>
      <c r="OP13" s="119">
        <v>15378730</v>
      </c>
      <c r="OQ13" s="119">
        <v>10094323</v>
      </c>
      <c r="OR13" s="120">
        <v>67873699</v>
      </c>
      <c r="OS13" s="143">
        <v>69198505</v>
      </c>
    </row>
    <row r="14" spans="1:409" ht="21" customHeight="1" x14ac:dyDescent="0.2">
      <c r="B14" s="126" t="s">
        <v>8</v>
      </c>
      <c r="C14" s="110">
        <v>603553</v>
      </c>
      <c r="D14" s="114">
        <v>394071</v>
      </c>
      <c r="E14" s="113">
        <v>997624</v>
      </c>
      <c r="F14" s="109">
        <v>0</v>
      </c>
      <c r="G14" s="114">
        <v>4745745</v>
      </c>
      <c r="H14" s="114">
        <v>6291945</v>
      </c>
      <c r="I14" s="114">
        <v>4036108</v>
      </c>
      <c r="J14" s="114">
        <v>5668995</v>
      </c>
      <c r="K14" s="114">
        <v>4485343</v>
      </c>
      <c r="L14" s="109">
        <v>25228136</v>
      </c>
      <c r="M14" s="116">
        <v>26225760</v>
      </c>
      <c r="N14" s="110">
        <v>168773</v>
      </c>
      <c r="O14" s="114">
        <v>60059</v>
      </c>
      <c r="P14" s="113">
        <v>228832</v>
      </c>
      <c r="Q14" s="110">
        <v>0</v>
      </c>
      <c r="R14" s="114">
        <v>1449919</v>
      </c>
      <c r="S14" s="114">
        <v>1925034</v>
      </c>
      <c r="T14" s="114">
        <v>1264858</v>
      </c>
      <c r="U14" s="114">
        <v>1847191</v>
      </c>
      <c r="V14" s="114">
        <v>2068722</v>
      </c>
      <c r="W14" s="113">
        <v>8555724</v>
      </c>
      <c r="X14" s="116">
        <v>8784556</v>
      </c>
      <c r="Y14" s="110">
        <v>0</v>
      </c>
      <c r="Z14" s="114">
        <v>0</v>
      </c>
      <c r="AA14" s="113">
        <v>0</v>
      </c>
      <c r="AB14" s="110">
        <v>0</v>
      </c>
      <c r="AC14" s="114">
        <v>808841</v>
      </c>
      <c r="AD14" s="114">
        <v>891102</v>
      </c>
      <c r="AE14" s="114">
        <v>783804</v>
      </c>
      <c r="AF14" s="114">
        <v>529013</v>
      </c>
      <c r="AG14" s="114">
        <v>1187974</v>
      </c>
      <c r="AH14" s="113">
        <v>4200734</v>
      </c>
      <c r="AI14" s="116">
        <v>4200734</v>
      </c>
      <c r="AJ14" s="110">
        <v>0</v>
      </c>
      <c r="AK14" s="114">
        <v>0</v>
      </c>
      <c r="AL14" s="113">
        <v>0</v>
      </c>
      <c r="AM14" s="110">
        <v>0</v>
      </c>
      <c r="AN14" s="114">
        <v>0</v>
      </c>
      <c r="AO14" s="114">
        <v>0</v>
      </c>
      <c r="AP14" s="114">
        <v>39936</v>
      </c>
      <c r="AQ14" s="114">
        <v>213854</v>
      </c>
      <c r="AR14" s="114">
        <v>239810</v>
      </c>
      <c r="AS14" s="113">
        <v>493600</v>
      </c>
      <c r="AT14" s="116">
        <v>493600</v>
      </c>
      <c r="AU14" s="110">
        <v>90272</v>
      </c>
      <c r="AV14" s="114">
        <v>20956</v>
      </c>
      <c r="AW14" s="113">
        <v>111228</v>
      </c>
      <c r="AX14" s="110">
        <v>0</v>
      </c>
      <c r="AY14" s="114">
        <v>478007</v>
      </c>
      <c r="AZ14" s="114">
        <v>670235</v>
      </c>
      <c r="BA14" s="114">
        <v>234749</v>
      </c>
      <c r="BB14" s="114">
        <v>603976</v>
      </c>
      <c r="BC14" s="114">
        <v>357523</v>
      </c>
      <c r="BD14" s="113">
        <v>2344490</v>
      </c>
      <c r="BE14" s="116">
        <v>2455718</v>
      </c>
      <c r="BF14" s="110">
        <v>27737</v>
      </c>
      <c r="BG14" s="114">
        <v>13868</v>
      </c>
      <c r="BH14" s="112">
        <v>41605</v>
      </c>
      <c r="BI14" s="111">
        <v>0</v>
      </c>
      <c r="BJ14" s="114">
        <v>53038</v>
      </c>
      <c r="BK14" s="114">
        <v>159171</v>
      </c>
      <c r="BL14" s="114">
        <v>78878</v>
      </c>
      <c r="BM14" s="114">
        <v>231079</v>
      </c>
      <c r="BN14" s="114">
        <v>79449</v>
      </c>
      <c r="BO14" s="113">
        <v>601615</v>
      </c>
      <c r="BP14" s="116">
        <v>643220</v>
      </c>
      <c r="BQ14" s="110">
        <v>50764</v>
      </c>
      <c r="BR14" s="114">
        <v>25235</v>
      </c>
      <c r="BS14" s="113">
        <v>75999</v>
      </c>
      <c r="BT14" s="110">
        <v>0</v>
      </c>
      <c r="BU14" s="114">
        <v>110033</v>
      </c>
      <c r="BV14" s="114">
        <v>204526</v>
      </c>
      <c r="BW14" s="114">
        <v>127491</v>
      </c>
      <c r="BX14" s="114">
        <v>269269</v>
      </c>
      <c r="BY14" s="114">
        <v>203966</v>
      </c>
      <c r="BZ14" s="113">
        <v>915285</v>
      </c>
      <c r="CA14" s="116">
        <v>991284</v>
      </c>
      <c r="CB14" s="110">
        <v>17805</v>
      </c>
      <c r="CC14" s="114">
        <v>131288</v>
      </c>
      <c r="CD14" s="113">
        <v>149093</v>
      </c>
      <c r="CE14" s="110">
        <v>0</v>
      </c>
      <c r="CF14" s="114">
        <v>1519072</v>
      </c>
      <c r="CG14" s="114">
        <v>2045169</v>
      </c>
      <c r="CH14" s="114">
        <v>722358</v>
      </c>
      <c r="CI14" s="114">
        <v>1033390</v>
      </c>
      <c r="CJ14" s="114">
        <v>381181</v>
      </c>
      <c r="CK14" s="113">
        <v>5701170</v>
      </c>
      <c r="CL14" s="116">
        <v>5850263</v>
      </c>
      <c r="CM14" s="110">
        <v>0</v>
      </c>
      <c r="CN14" s="114">
        <v>0</v>
      </c>
      <c r="CO14" s="113">
        <v>0</v>
      </c>
      <c r="CP14" s="111">
        <v>0</v>
      </c>
      <c r="CQ14" s="114">
        <v>1159936</v>
      </c>
      <c r="CR14" s="114">
        <v>1461565</v>
      </c>
      <c r="CS14" s="114">
        <v>336693</v>
      </c>
      <c r="CT14" s="114">
        <v>719864</v>
      </c>
      <c r="CU14" s="114">
        <v>241473</v>
      </c>
      <c r="CV14" s="113">
        <v>3919531</v>
      </c>
      <c r="CW14" s="116">
        <v>3919531</v>
      </c>
      <c r="CX14" s="110">
        <v>17805</v>
      </c>
      <c r="CY14" s="114">
        <v>131288</v>
      </c>
      <c r="CZ14" s="113">
        <v>149093</v>
      </c>
      <c r="DA14" s="110">
        <v>0</v>
      </c>
      <c r="DB14" s="114">
        <v>359136</v>
      </c>
      <c r="DC14" s="114">
        <v>583604</v>
      </c>
      <c r="DD14" s="114">
        <v>385665</v>
      </c>
      <c r="DE14" s="114">
        <v>313526</v>
      </c>
      <c r="DF14" s="114">
        <v>139708</v>
      </c>
      <c r="DG14" s="113">
        <v>1781639</v>
      </c>
      <c r="DH14" s="116">
        <v>1930732</v>
      </c>
      <c r="DI14" s="110">
        <v>0</v>
      </c>
      <c r="DJ14" s="114">
        <v>0</v>
      </c>
      <c r="DK14" s="112">
        <v>0</v>
      </c>
      <c r="DL14" s="111">
        <v>0</v>
      </c>
      <c r="DM14" s="114">
        <v>300417</v>
      </c>
      <c r="DN14" s="114">
        <v>114457</v>
      </c>
      <c r="DO14" s="114">
        <v>774091</v>
      </c>
      <c r="DP14" s="114">
        <v>519378</v>
      </c>
      <c r="DQ14" s="114">
        <v>0</v>
      </c>
      <c r="DR14" s="113">
        <v>1708343</v>
      </c>
      <c r="DS14" s="116">
        <v>1708343</v>
      </c>
      <c r="DT14" s="110">
        <v>0</v>
      </c>
      <c r="DU14" s="114">
        <v>0</v>
      </c>
      <c r="DV14" s="113">
        <v>0</v>
      </c>
      <c r="DW14" s="110">
        <v>0</v>
      </c>
      <c r="DX14" s="114">
        <v>300417</v>
      </c>
      <c r="DY14" s="114">
        <v>114457</v>
      </c>
      <c r="DZ14" s="114">
        <v>774091</v>
      </c>
      <c r="EA14" s="114">
        <v>519378</v>
      </c>
      <c r="EB14" s="114">
        <v>0</v>
      </c>
      <c r="EC14" s="113">
        <v>1708343</v>
      </c>
      <c r="ED14" s="116">
        <v>1708343</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42028</v>
      </c>
      <c r="FM14" s="114">
        <v>84070</v>
      </c>
      <c r="FN14" s="113">
        <v>126098</v>
      </c>
      <c r="FO14" s="110">
        <v>0</v>
      </c>
      <c r="FP14" s="114">
        <v>404565</v>
      </c>
      <c r="FQ14" s="114">
        <v>648571</v>
      </c>
      <c r="FR14" s="114">
        <v>281960</v>
      </c>
      <c r="FS14" s="114">
        <v>607866</v>
      </c>
      <c r="FT14" s="114">
        <v>262525</v>
      </c>
      <c r="FU14" s="113">
        <v>2205487</v>
      </c>
      <c r="FV14" s="116">
        <v>2331585</v>
      </c>
      <c r="FW14" s="115">
        <v>30128</v>
      </c>
      <c r="FX14" s="114">
        <v>60550</v>
      </c>
      <c r="FY14" s="112">
        <v>90678</v>
      </c>
      <c r="FZ14" s="111">
        <v>0</v>
      </c>
      <c r="GA14" s="114">
        <v>245525</v>
      </c>
      <c r="GB14" s="114">
        <v>564151</v>
      </c>
      <c r="GC14" s="114">
        <v>222460</v>
      </c>
      <c r="GD14" s="114">
        <v>472892</v>
      </c>
      <c r="GE14" s="114">
        <v>245893</v>
      </c>
      <c r="GF14" s="113">
        <v>1750921</v>
      </c>
      <c r="GG14" s="318">
        <v>1841599</v>
      </c>
      <c r="GH14" s="115">
        <v>11900</v>
      </c>
      <c r="GI14" s="114">
        <v>0</v>
      </c>
      <c r="GJ14" s="112">
        <v>11900</v>
      </c>
      <c r="GK14" s="111">
        <v>0</v>
      </c>
      <c r="GL14" s="114">
        <v>0</v>
      </c>
      <c r="GM14" s="114">
        <v>84420</v>
      </c>
      <c r="GN14" s="114">
        <v>11200</v>
      </c>
      <c r="GO14" s="114">
        <v>32494</v>
      </c>
      <c r="GP14" s="114">
        <v>16632</v>
      </c>
      <c r="GQ14" s="113">
        <v>144746</v>
      </c>
      <c r="GR14" s="116">
        <v>156646</v>
      </c>
      <c r="GS14" s="110">
        <v>0</v>
      </c>
      <c r="GT14" s="114">
        <v>23520</v>
      </c>
      <c r="GU14" s="113">
        <v>23520</v>
      </c>
      <c r="GV14" s="110">
        <v>0</v>
      </c>
      <c r="GW14" s="114">
        <v>159040</v>
      </c>
      <c r="GX14" s="114">
        <v>0</v>
      </c>
      <c r="GY14" s="114">
        <v>48300</v>
      </c>
      <c r="GZ14" s="114">
        <v>102480</v>
      </c>
      <c r="HA14" s="114">
        <v>0</v>
      </c>
      <c r="HB14" s="112">
        <v>309820</v>
      </c>
      <c r="HC14" s="116">
        <v>333340</v>
      </c>
      <c r="HD14" s="110">
        <v>374947</v>
      </c>
      <c r="HE14" s="114">
        <v>118654</v>
      </c>
      <c r="HF14" s="112">
        <v>493601</v>
      </c>
      <c r="HG14" s="111">
        <v>0</v>
      </c>
      <c r="HH14" s="114">
        <v>1071772</v>
      </c>
      <c r="HI14" s="114">
        <v>1558714</v>
      </c>
      <c r="HJ14" s="114">
        <v>992841</v>
      </c>
      <c r="HK14" s="114">
        <v>1661170</v>
      </c>
      <c r="HL14" s="114">
        <v>1772915</v>
      </c>
      <c r="HM14" s="113">
        <v>7057412</v>
      </c>
      <c r="HN14" s="109">
        <v>7551013</v>
      </c>
      <c r="HO14" s="328"/>
      <c r="HP14" s="329"/>
      <c r="HQ14" s="330"/>
      <c r="HR14" s="331"/>
      <c r="HS14" s="329"/>
      <c r="HT14" s="329"/>
      <c r="HU14" s="329"/>
      <c r="HV14" s="329"/>
      <c r="HW14" s="329"/>
      <c r="HX14" s="332"/>
      <c r="HY14" s="333"/>
      <c r="HZ14" s="131">
        <v>0</v>
      </c>
      <c r="IA14" s="132">
        <v>0</v>
      </c>
      <c r="IB14" s="133">
        <v>0</v>
      </c>
      <c r="IC14" s="134">
        <v>0</v>
      </c>
      <c r="ID14" s="135">
        <v>1371756</v>
      </c>
      <c r="IE14" s="136">
        <v>1151525</v>
      </c>
      <c r="IF14" s="137">
        <v>696235</v>
      </c>
      <c r="IG14" s="135">
        <v>1316274</v>
      </c>
      <c r="IH14" s="137">
        <v>398774</v>
      </c>
      <c r="II14" s="138">
        <v>4934564</v>
      </c>
      <c r="IJ14" s="139">
        <v>4934564</v>
      </c>
      <c r="IK14" s="232">
        <v>0</v>
      </c>
      <c r="IL14" s="236">
        <v>0</v>
      </c>
      <c r="IM14" s="237">
        <v>0</v>
      </c>
      <c r="IN14" s="140"/>
      <c r="IO14" s="119">
        <v>0</v>
      </c>
      <c r="IP14" s="119">
        <v>0</v>
      </c>
      <c r="IQ14" s="119">
        <v>0</v>
      </c>
      <c r="IR14" s="119">
        <v>210558</v>
      </c>
      <c r="IS14" s="119">
        <v>0</v>
      </c>
      <c r="IT14" s="141">
        <v>210558</v>
      </c>
      <c r="IU14" s="320">
        <v>210558</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183144</v>
      </c>
      <c r="JL14" s="119">
        <v>704196</v>
      </c>
      <c r="JM14" s="119">
        <v>506914</v>
      </c>
      <c r="JN14" s="119">
        <v>64055</v>
      </c>
      <c r="JO14" s="119">
        <v>134455</v>
      </c>
      <c r="JP14" s="120">
        <v>2592764</v>
      </c>
      <c r="JQ14" s="320">
        <v>2592764</v>
      </c>
      <c r="JR14" s="142">
        <v>0</v>
      </c>
      <c r="JS14" s="119">
        <v>0</v>
      </c>
      <c r="JT14" s="141">
        <v>0</v>
      </c>
      <c r="JU14" s="118">
        <v>0</v>
      </c>
      <c r="JV14" s="119">
        <v>0</v>
      </c>
      <c r="JW14" s="119">
        <v>88193</v>
      </c>
      <c r="JX14" s="119">
        <v>0</v>
      </c>
      <c r="JY14" s="119">
        <v>0</v>
      </c>
      <c r="JZ14" s="119">
        <v>0</v>
      </c>
      <c r="KA14" s="120">
        <v>88193</v>
      </c>
      <c r="KB14" s="320">
        <v>88193</v>
      </c>
      <c r="KC14" s="234">
        <v>0</v>
      </c>
      <c r="KD14" s="230">
        <v>0</v>
      </c>
      <c r="KE14" s="120">
        <v>0</v>
      </c>
      <c r="KF14" s="118">
        <v>0</v>
      </c>
      <c r="KG14" s="119">
        <v>188612</v>
      </c>
      <c r="KH14" s="119">
        <v>0</v>
      </c>
      <c r="KI14" s="119">
        <v>189321</v>
      </c>
      <c r="KJ14" s="119">
        <v>210885</v>
      </c>
      <c r="KK14" s="119">
        <v>0</v>
      </c>
      <c r="KL14" s="120">
        <v>588818</v>
      </c>
      <c r="KM14" s="143">
        <v>588818</v>
      </c>
      <c r="KN14" s="232">
        <v>0</v>
      </c>
      <c r="KO14" s="236">
        <v>0</v>
      </c>
      <c r="KP14" s="237">
        <v>0</v>
      </c>
      <c r="KQ14" s="140"/>
      <c r="KR14" s="119">
        <v>0</v>
      </c>
      <c r="KS14" s="119">
        <v>359136</v>
      </c>
      <c r="KT14" s="119">
        <v>0</v>
      </c>
      <c r="KU14" s="119">
        <v>647360</v>
      </c>
      <c r="KV14" s="119">
        <v>8309</v>
      </c>
      <c r="KW14" s="120">
        <v>1014805</v>
      </c>
      <c r="KX14" s="320">
        <v>1014805</v>
      </c>
      <c r="KY14" s="142">
        <v>0</v>
      </c>
      <c r="KZ14" s="119">
        <v>0</v>
      </c>
      <c r="LA14" s="120">
        <v>0</v>
      </c>
      <c r="LB14" s="145"/>
      <c r="LC14" s="119">
        <v>0</v>
      </c>
      <c r="LD14" s="119">
        <v>0</v>
      </c>
      <c r="LE14" s="119">
        <v>0</v>
      </c>
      <c r="LF14" s="119">
        <v>183416</v>
      </c>
      <c r="LG14" s="119">
        <v>0</v>
      </c>
      <c r="LH14" s="120">
        <v>183416</v>
      </c>
      <c r="LI14" s="121">
        <v>183416</v>
      </c>
      <c r="LJ14" s="142">
        <v>0</v>
      </c>
      <c r="LK14" s="119">
        <v>0</v>
      </c>
      <c r="LL14" s="120">
        <v>0</v>
      </c>
      <c r="LM14" s="145"/>
      <c r="LN14" s="119">
        <v>0</v>
      </c>
      <c r="LO14" s="119">
        <v>0</v>
      </c>
      <c r="LP14" s="119">
        <v>0</v>
      </c>
      <c r="LQ14" s="119">
        <v>0</v>
      </c>
      <c r="LR14" s="119">
        <v>256010</v>
      </c>
      <c r="LS14" s="120">
        <v>256010</v>
      </c>
      <c r="LT14" s="320">
        <v>256010</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223494</v>
      </c>
      <c r="MK14" s="119">
        <v>828282</v>
      </c>
      <c r="ML14" s="119">
        <v>2557515</v>
      </c>
      <c r="MM14" s="119">
        <v>3786968</v>
      </c>
      <c r="MN14" s="119">
        <v>2215216</v>
      </c>
      <c r="MO14" s="120">
        <v>9611475</v>
      </c>
      <c r="MP14" s="143">
        <v>9611475</v>
      </c>
      <c r="MQ14" s="142">
        <v>0</v>
      </c>
      <c r="MR14" s="119">
        <v>0</v>
      </c>
      <c r="MS14" s="120">
        <v>0</v>
      </c>
      <c r="MT14" s="145"/>
      <c r="MU14" s="119">
        <v>-249</v>
      </c>
      <c r="MV14" s="119">
        <v>197871</v>
      </c>
      <c r="MW14" s="119">
        <v>1422694</v>
      </c>
      <c r="MX14" s="119">
        <v>1680094</v>
      </c>
      <c r="MY14" s="119">
        <v>1686182</v>
      </c>
      <c r="MZ14" s="120">
        <v>4986592</v>
      </c>
      <c r="NA14" s="143">
        <v>4986592</v>
      </c>
      <c r="NB14" s="142">
        <v>0</v>
      </c>
      <c r="NC14" s="119">
        <v>0</v>
      </c>
      <c r="ND14" s="120">
        <v>0</v>
      </c>
      <c r="NE14" s="145"/>
      <c r="NF14" s="119">
        <v>223743</v>
      </c>
      <c r="NG14" s="119">
        <v>630411</v>
      </c>
      <c r="NH14" s="119">
        <v>1134821</v>
      </c>
      <c r="NI14" s="119">
        <v>1801570</v>
      </c>
      <c r="NJ14" s="119">
        <v>529034</v>
      </c>
      <c r="NK14" s="120">
        <v>4319579</v>
      </c>
      <c r="NL14" s="320">
        <v>4319579</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305304</v>
      </c>
      <c r="OF14" s="119">
        <v>0</v>
      </c>
      <c r="OG14" s="120">
        <v>305304</v>
      </c>
      <c r="OH14" s="121">
        <v>305304</v>
      </c>
      <c r="OI14" s="142">
        <v>603553</v>
      </c>
      <c r="OJ14" s="119">
        <v>394071</v>
      </c>
      <c r="OK14" s="141">
        <v>997624</v>
      </c>
      <c r="OL14" s="118">
        <v>0</v>
      </c>
      <c r="OM14" s="119">
        <v>6340995</v>
      </c>
      <c r="ON14" s="119">
        <v>8271752</v>
      </c>
      <c r="OO14" s="119">
        <v>7289858</v>
      </c>
      <c r="OP14" s="119">
        <v>10772237</v>
      </c>
      <c r="OQ14" s="119">
        <v>7099333</v>
      </c>
      <c r="OR14" s="120">
        <v>39774175</v>
      </c>
      <c r="OS14" s="143">
        <v>40771799</v>
      </c>
    </row>
    <row r="15" spans="1:409" ht="21" customHeight="1" x14ac:dyDescent="0.2">
      <c r="B15" s="126" t="s">
        <v>9</v>
      </c>
      <c r="C15" s="110">
        <v>900374</v>
      </c>
      <c r="D15" s="114">
        <v>1193133</v>
      </c>
      <c r="E15" s="113">
        <v>2093507</v>
      </c>
      <c r="F15" s="111">
        <v>0</v>
      </c>
      <c r="G15" s="114">
        <v>12251050</v>
      </c>
      <c r="H15" s="114">
        <v>12239962</v>
      </c>
      <c r="I15" s="114">
        <v>10378179</v>
      </c>
      <c r="J15" s="114">
        <v>13522761</v>
      </c>
      <c r="K15" s="114">
        <v>11453096</v>
      </c>
      <c r="L15" s="109">
        <v>59845048</v>
      </c>
      <c r="M15" s="116">
        <v>61938555</v>
      </c>
      <c r="N15" s="110">
        <v>254822</v>
      </c>
      <c r="O15" s="114">
        <v>360880</v>
      </c>
      <c r="P15" s="113">
        <v>615702</v>
      </c>
      <c r="Q15" s="110">
        <v>0</v>
      </c>
      <c r="R15" s="114">
        <v>4598286</v>
      </c>
      <c r="S15" s="114">
        <v>4120650</v>
      </c>
      <c r="T15" s="114">
        <v>4055898</v>
      </c>
      <c r="U15" s="114">
        <v>4990830</v>
      </c>
      <c r="V15" s="114">
        <v>6599159</v>
      </c>
      <c r="W15" s="113">
        <v>24364823</v>
      </c>
      <c r="X15" s="116">
        <v>24980525</v>
      </c>
      <c r="Y15" s="110">
        <v>0</v>
      </c>
      <c r="Z15" s="114">
        <v>0</v>
      </c>
      <c r="AA15" s="113">
        <v>0</v>
      </c>
      <c r="AB15" s="110">
        <v>0</v>
      </c>
      <c r="AC15" s="114">
        <v>1564999</v>
      </c>
      <c r="AD15" s="114">
        <v>1864323</v>
      </c>
      <c r="AE15" s="114">
        <v>2292895</v>
      </c>
      <c r="AF15" s="114">
        <v>2438700</v>
      </c>
      <c r="AG15" s="114">
        <v>3578124</v>
      </c>
      <c r="AH15" s="113">
        <v>11739041</v>
      </c>
      <c r="AI15" s="116">
        <v>11739041</v>
      </c>
      <c r="AJ15" s="110">
        <v>0</v>
      </c>
      <c r="AK15" s="114">
        <v>0</v>
      </c>
      <c r="AL15" s="113">
        <v>0</v>
      </c>
      <c r="AM15" s="110">
        <v>0</v>
      </c>
      <c r="AN15" s="114">
        <v>177780</v>
      </c>
      <c r="AO15" s="114">
        <v>24240</v>
      </c>
      <c r="AP15" s="114">
        <v>20715</v>
      </c>
      <c r="AQ15" s="114">
        <v>468597</v>
      </c>
      <c r="AR15" s="114">
        <v>954481</v>
      </c>
      <c r="AS15" s="113">
        <v>1645813</v>
      </c>
      <c r="AT15" s="116">
        <v>1645813</v>
      </c>
      <c r="AU15" s="110">
        <v>111854</v>
      </c>
      <c r="AV15" s="114">
        <v>252148</v>
      </c>
      <c r="AW15" s="113">
        <v>364002</v>
      </c>
      <c r="AX15" s="110">
        <v>0</v>
      </c>
      <c r="AY15" s="114">
        <v>1976196</v>
      </c>
      <c r="AZ15" s="114">
        <v>1251481</v>
      </c>
      <c r="BA15" s="114">
        <v>987120</v>
      </c>
      <c r="BB15" s="114">
        <v>1072203</v>
      </c>
      <c r="BC15" s="114">
        <v>1339022</v>
      </c>
      <c r="BD15" s="113">
        <v>6626022</v>
      </c>
      <c r="BE15" s="116">
        <v>6990024</v>
      </c>
      <c r="BF15" s="110">
        <v>0</v>
      </c>
      <c r="BG15" s="114">
        <v>65885</v>
      </c>
      <c r="BH15" s="112">
        <v>65885</v>
      </c>
      <c r="BI15" s="111">
        <v>0</v>
      </c>
      <c r="BJ15" s="114">
        <v>175860</v>
      </c>
      <c r="BK15" s="114">
        <v>229394</v>
      </c>
      <c r="BL15" s="114">
        <v>87095</v>
      </c>
      <c r="BM15" s="114">
        <v>271829</v>
      </c>
      <c r="BN15" s="114">
        <v>202357</v>
      </c>
      <c r="BO15" s="113">
        <v>966535</v>
      </c>
      <c r="BP15" s="116">
        <v>1032420</v>
      </c>
      <c r="BQ15" s="110">
        <v>142968</v>
      </c>
      <c r="BR15" s="114">
        <v>42847</v>
      </c>
      <c r="BS15" s="113">
        <v>185815</v>
      </c>
      <c r="BT15" s="110">
        <v>0</v>
      </c>
      <c r="BU15" s="114">
        <v>703451</v>
      </c>
      <c r="BV15" s="114">
        <v>751212</v>
      </c>
      <c r="BW15" s="114">
        <v>668073</v>
      </c>
      <c r="BX15" s="114">
        <v>739501</v>
      </c>
      <c r="BY15" s="114">
        <v>525175</v>
      </c>
      <c r="BZ15" s="113">
        <v>3387412</v>
      </c>
      <c r="CA15" s="116">
        <v>3573227</v>
      </c>
      <c r="CB15" s="110">
        <v>36250</v>
      </c>
      <c r="CC15" s="114">
        <v>235471</v>
      </c>
      <c r="CD15" s="113">
        <v>271721</v>
      </c>
      <c r="CE15" s="110">
        <v>0</v>
      </c>
      <c r="CF15" s="114">
        <v>2190851</v>
      </c>
      <c r="CG15" s="114">
        <v>2335723</v>
      </c>
      <c r="CH15" s="114">
        <v>1767052</v>
      </c>
      <c r="CI15" s="114">
        <v>1746641</v>
      </c>
      <c r="CJ15" s="114">
        <v>179164</v>
      </c>
      <c r="CK15" s="113">
        <v>8219431</v>
      </c>
      <c r="CL15" s="116">
        <v>8491152</v>
      </c>
      <c r="CM15" s="110">
        <v>0</v>
      </c>
      <c r="CN15" s="114">
        <v>0</v>
      </c>
      <c r="CO15" s="113">
        <v>0</v>
      </c>
      <c r="CP15" s="111">
        <v>0</v>
      </c>
      <c r="CQ15" s="114">
        <v>1845206</v>
      </c>
      <c r="CR15" s="114">
        <v>1739457</v>
      </c>
      <c r="CS15" s="114">
        <v>1328240</v>
      </c>
      <c r="CT15" s="114">
        <v>1157995</v>
      </c>
      <c r="CU15" s="114">
        <v>179164</v>
      </c>
      <c r="CV15" s="113">
        <v>6250062</v>
      </c>
      <c r="CW15" s="116">
        <v>6250062</v>
      </c>
      <c r="CX15" s="110">
        <v>36250</v>
      </c>
      <c r="CY15" s="114">
        <v>235471</v>
      </c>
      <c r="CZ15" s="113">
        <v>271721</v>
      </c>
      <c r="DA15" s="110">
        <v>0</v>
      </c>
      <c r="DB15" s="114">
        <v>345645</v>
      </c>
      <c r="DC15" s="114">
        <v>596266</v>
      </c>
      <c r="DD15" s="114">
        <v>438812</v>
      </c>
      <c r="DE15" s="114">
        <v>588646</v>
      </c>
      <c r="DF15" s="114">
        <v>0</v>
      </c>
      <c r="DG15" s="113">
        <v>1969369</v>
      </c>
      <c r="DH15" s="116">
        <v>2241090</v>
      </c>
      <c r="DI15" s="110">
        <v>0</v>
      </c>
      <c r="DJ15" s="114">
        <v>0</v>
      </c>
      <c r="DK15" s="112">
        <v>0</v>
      </c>
      <c r="DL15" s="111">
        <v>0</v>
      </c>
      <c r="DM15" s="114">
        <v>181140</v>
      </c>
      <c r="DN15" s="114">
        <v>776242</v>
      </c>
      <c r="DO15" s="114">
        <v>1064953</v>
      </c>
      <c r="DP15" s="114">
        <v>1001466</v>
      </c>
      <c r="DQ15" s="114">
        <v>456773</v>
      </c>
      <c r="DR15" s="113">
        <v>3480574</v>
      </c>
      <c r="DS15" s="116">
        <v>3480574</v>
      </c>
      <c r="DT15" s="110">
        <v>0</v>
      </c>
      <c r="DU15" s="114">
        <v>0</v>
      </c>
      <c r="DV15" s="113">
        <v>0</v>
      </c>
      <c r="DW15" s="110">
        <v>0</v>
      </c>
      <c r="DX15" s="114">
        <v>181140</v>
      </c>
      <c r="DY15" s="114">
        <v>534905</v>
      </c>
      <c r="DZ15" s="114">
        <v>981470</v>
      </c>
      <c r="EA15" s="114">
        <v>1001466</v>
      </c>
      <c r="EB15" s="114">
        <v>390604</v>
      </c>
      <c r="EC15" s="113">
        <v>3089585</v>
      </c>
      <c r="ED15" s="116">
        <v>3089585</v>
      </c>
      <c r="EE15" s="110">
        <v>0</v>
      </c>
      <c r="EF15" s="112">
        <v>0</v>
      </c>
      <c r="EG15" s="113">
        <v>0</v>
      </c>
      <c r="EH15" s="110">
        <v>0</v>
      </c>
      <c r="EI15" s="114">
        <v>0</v>
      </c>
      <c r="EJ15" s="114">
        <v>241337</v>
      </c>
      <c r="EK15" s="114">
        <v>83483</v>
      </c>
      <c r="EL15" s="114">
        <v>0</v>
      </c>
      <c r="EM15" s="114">
        <v>66169</v>
      </c>
      <c r="EN15" s="112">
        <v>390989</v>
      </c>
      <c r="EO15" s="116">
        <v>390989</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148050</v>
      </c>
      <c r="FM15" s="114">
        <v>197680</v>
      </c>
      <c r="FN15" s="113">
        <v>345730</v>
      </c>
      <c r="FO15" s="110">
        <v>0</v>
      </c>
      <c r="FP15" s="114">
        <v>656089</v>
      </c>
      <c r="FQ15" s="114">
        <v>1195817</v>
      </c>
      <c r="FR15" s="114">
        <v>963207</v>
      </c>
      <c r="FS15" s="114">
        <v>1185380</v>
      </c>
      <c r="FT15" s="114">
        <v>994861</v>
      </c>
      <c r="FU15" s="113">
        <v>4995354</v>
      </c>
      <c r="FV15" s="116">
        <v>5341084</v>
      </c>
      <c r="FW15" s="115">
        <v>148050</v>
      </c>
      <c r="FX15" s="114">
        <v>117250</v>
      </c>
      <c r="FY15" s="112">
        <v>265300</v>
      </c>
      <c r="FZ15" s="111">
        <v>0</v>
      </c>
      <c r="GA15" s="114">
        <v>595567</v>
      </c>
      <c r="GB15" s="114">
        <v>1109472</v>
      </c>
      <c r="GC15" s="114">
        <v>935487</v>
      </c>
      <c r="GD15" s="114">
        <v>1067031</v>
      </c>
      <c r="GE15" s="114">
        <v>814093</v>
      </c>
      <c r="GF15" s="113">
        <v>4521650</v>
      </c>
      <c r="GG15" s="318">
        <v>4786950</v>
      </c>
      <c r="GH15" s="115">
        <v>0</v>
      </c>
      <c r="GI15" s="114">
        <v>22330</v>
      </c>
      <c r="GJ15" s="112">
        <v>22330</v>
      </c>
      <c r="GK15" s="111">
        <v>0</v>
      </c>
      <c r="GL15" s="114">
        <v>60522</v>
      </c>
      <c r="GM15" s="114">
        <v>37345</v>
      </c>
      <c r="GN15" s="114">
        <v>27720</v>
      </c>
      <c r="GO15" s="114">
        <v>87549</v>
      </c>
      <c r="GP15" s="114">
        <v>40768</v>
      </c>
      <c r="GQ15" s="113">
        <v>253904</v>
      </c>
      <c r="GR15" s="116">
        <v>276234</v>
      </c>
      <c r="GS15" s="110">
        <v>0</v>
      </c>
      <c r="GT15" s="114">
        <v>58100</v>
      </c>
      <c r="GU15" s="113">
        <v>58100</v>
      </c>
      <c r="GV15" s="110">
        <v>0</v>
      </c>
      <c r="GW15" s="114">
        <v>0</v>
      </c>
      <c r="GX15" s="114">
        <v>49000</v>
      </c>
      <c r="GY15" s="114">
        <v>0</v>
      </c>
      <c r="GZ15" s="114">
        <v>30800</v>
      </c>
      <c r="HA15" s="114">
        <v>140000</v>
      </c>
      <c r="HB15" s="112">
        <v>219800</v>
      </c>
      <c r="HC15" s="116">
        <v>277900</v>
      </c>
      <c r="HD15" s="110">
        <v>461252</v>
      </c>
      <c r="HE15" s="114">
        <v>399102</v>
      </c>
      <c r="HF15" s="112">
        <v>860354</v>
      </c>
      <c r="HG15" s="111">
        <v>0</v>
      </c>
      <c r="HH15" s="114">
        <v>4624684</v>
      </c>
      <c r="HI15" s="114">
        <v>3811530</v>
      </c>
      <c r="HJ15" s="114">
        <v>2527069</v>
      </c>
      <c r="HK15" s="114">
        <v>4598444</v>
      </c>
      <c r="HL15" s="114">
        <v>3223139</v>
      </c>
      <c r="HM15" s="113">
        <v>18784866</v>
      </c>
      <c r="HN15" s="109">
        <v>19645220</v>
      </c>
      <c r="HO15" s="328"/>
      <c r="HP15" s="329"/>
      <c r="HQ15" s="330"/>
      <c r="HR15" s="331"/>
      <c r="HS15" s="329"/>
      <c r="HT15" s="329"/>
      <c r="HU15" s="329"/>
      <c r="HV15" s="329"/>
      <c r="HW15" s="329"/>
      <c r="HX15" s="332"/>
      <c r="HY15" s="333"/>
      <c r="HZ15" s="128">
        <v>37821</v>
      </c>
      <c r="IA15" s="149">
        <v>76555</v>
      </c>
      <c r="IB15" s="129">
        <v>114376</v>
      </c>
      <c r="IC15" s="146">
        <v>0</v>
      </c>
      <c r="ID15" s="132">
        <v>2182539</v>
      </c>
      <c r="IE15" s="147">
        <v>4317550</v>
      </c>
      <c r="IF15" s="133">
        <v>4580721</v>
      </c>
      <c r="IG15" s="132">
        <v>3584235</v>
      </c>
      <c r="IH15" s="133">
        <v>1311445</v>
      </c>
      <c r="II15" s="148">
        <v>15976490</v>
      </c>
      <c r="IJ15" s="130">
        <v>16090866</v>
      </c>
      <c r="IK15" s="232">
        <v>0</v>
      </c>
      <c r="IL15" s="236">
        <v>0</v>
      </c>
      <c r="IM15" s="237">
        <v>0</v>
      </c>
      <c r="IN15" s="140"/>
      <c r="IO15" s="119">
        <v>122134</v>
      </c>
      <c r="IP15" s="119">
        <v>101846</v>
      </c>
      <c r="IQ15" s="119">
        <v>171933</v>
      </c>
      <c r="IR15" s="119">
        <v>400973</v>
      </c>
      <c r="IS15" s="119">
        <v>49248</v>
      </c>
      <c r="IT15" s="141">
        <v>846134</v>
      </c>
      <c r="IU15" s="320">
        <v>846134</v>
      </c>
      <c r="IV15" s="142">
        <v>0</v>
      </c>
      <c r="IW15" s="119">
        <v>0</v>
      </c>
      <c r="IX15" s="120">
        <v>0</v>
      </c>
      <c r="IY15" s="144"/>
      <c r="IZ15" s="119">
        <v>0</v>
      </c>
      <c r="JA15" s="119">
        <v>0</v>
      </c>
      <c r="JB15" s="119">
        <v>0</v>
      </c>
      <c r="JC15" s="119">
        <v>0</v>
      </c>
      <c r="JD15" s="119">
        <v>0</v>
      </c>
      <c r="JE15" s="120">
        <v>0</v>
      </c>
      <c r="JF15" s="121">
        <v>0</v>
      </c>
      <c r="JG15" s="142">
        <v>0</v>
      </c>
      <c r="JH15" s="119">
        <v>9434</v>
      </c>
      <c r="JI15" s="141">
        <v>9434</v>
      </c>
      <c r="JJ15" s="118">
        <v>0</v>
      </c>
      <c r="JK15" s="119">
        <v>1459001</v>
      </c>
      <c r="JL15" s="119">
        <v>1053929</v>
      </c>
      <c r="JM15" s="119">
        <v>1414479</v>
      </c>
      <c r="JN15" s="119">
        <v>390015</v>
      </c>
      <c r="JO15" s="119">
        <v>324711</v>
      </c>
      <c r="JP15" s="120">
        <v>4642135</v>
      </c>
      <c r="JQ15" s="320">
        <v>4651569</v>
      </c>
      <c r="JR15" s="142">
        <v>0</v>
      </c>
      <c r="JS15" s="119">
        <v>0</v>
      </c>
      <c r="JT15" s="141">
        <v>0</v>
      </c>
      <c r="JU15" s="118">
        <v>0</v>
      </c>
      <c r="JV15" s="119">
        <v>76681</v>
      </c>
      <c r="JW15" s="119">
        <v>0</v>
      </c>
      <c r="JX15" s="119">
        <v>181420</v>
      </c>
      <c r="JY15" s="119">
        <v>322184</v>
      </c>
      <c r="JZ15" s="119">
        <v>112668</v>
      </c>
      <c r="KA15" s="120">
        <v>692953</v>
      </c>
      <c r="KB15" s="320">
        <v>692953</v>
      </c>
      <c r="KC15" s="234">
        <v>37821</v>
      </c>
      <c r="KD15" s="230">
        <v>67121</v>
      </c>
      <c r="KE15" s="120">
        <v>104942</v>
      </c>
      <c r="KF15" s="118">
        <v>0</v>
      </c>
      <c r="KG15" s="119">
        <v>524723</v>
      </c>
      <c r="KH15" s="119">
        <v>615118</v>
      </c>
      <c r="KI15" s="119">
        <v>440552</v>
      </c>
      <c r="KJ15" s="119">
        <v>1532516</v>
      </c>
      <c r="KK15" s="119">
        <v>259937</v>
      </c>
      <c r="KL15" s="120">
        <v>3372846</v>
      </c>
      <c r="KM15" s="143">
        <v>3477788</v>
      </c>
      <c r="KN15" s="232">
        <v>0</v>
      </c>
      <c r="KO15" s="236">
        <v>0</v>
      </c>
      <c r="KP15" s="237">
        <v>0</v>
      </c>
      <c r="KQ15" s="140"/>
      <c r="KR15" s="119">
        <v>0</v>
      </c>
      <c r="KS15" s="119">
        <v>1892318</v>
      </c>
      <c r="KT15" s="119">
        <v>1671075</v>
      </c>
      <c r="KU15" s="119">
        <v>258144</v>
      </c>
      <c r="KV15" s="119">
        <v>0</v>
      </c>
      <c r="KW15" s="120">
        <v>3821537</v>
      </c>
      <c r="KX15" s="320">
        <v>3821537</v>
      </c>
      <c r="KY15" s="142">
        <v>0</v>
      </c>
      <c r="KZ15" s="119">
        <v>0</v>
      </c>
      <c r="LA15" s="120">
        <v>0</v>
      </c>
      <c r="LB15" s="145"/>
      <c r="LC15" s="119">
        <v>0</v>
      </c>
      <c r="LD15" s="119">
        <v>458583</v>
      </c>
      <c r="LE15" s="119">
        <v>0</v>
      </c>
      <c r="LF15" s="119">
        <v>185987</v>
      </c>
      <c r="LG15" s="119">
        <v>0</v>
      </c>
      <c r="LH15" s="120">
        <v>644570</v>
      </c>
      <c r="LI15" s="121">
        <v>644570</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195756</v>
      </c>
      <c r="MA15" s="119">
        <v>701262</v>
      </c>
      <c r="MB15" s="119">
        <v>494416</v>
      </c>
      <c r="MC15" s="119">
        <v>564881</v>
      </c>
      <c r="MD15" s="120">
        <v>1956315</v>
      </c>
      <c r="ME15" s="121">
        <v>1956315</v>
      </c>
      <c r="MF15" s="142">
        <v>0</v>
      </c>
      <c r="MG15" s="119">
        <v>0</v>
      </c>
      <c r="MH15" s="120">
        <v>0</v>
      </c>
      <c r="MI15" s="145"/>
      <c r="MJ15" s="119">
        <v>184970</v>
      </c>
      <c r="MK15" s="119">
        <v>240928</v>
      </c>
      <c r="ML15" s="119">
        <v>2374143</v>
      </c>
      <c r="MM15" s="119">
        <v>4645564</v>
      </c>
      <c r="MN15" s="119">
        <v>4017790</v>
      </c>
      <c r="MO15" s="120">
        <v>11463395</v>
      </c>
      <c r="MP15" s="143">
        <v>11463395</v>
      </c>
      <c r="MQ15" s="142">
        <v>0</v>
      </c>
      <c r="MR15" s="119">
        <v>0</v>
      </c>
      <c r="MS15" s="120">
        <v>0</v>
      </c>
      <c r="MT15" s="145"/>
      <c r="MU15" s="119">
        <v>184970</v>
      </c>
      <c r="MV15" s="119">
        <v>0</v>
      </c>
      <c r="MW15" s="119">
        <v>435655</v>
      </c>
      <c r="MX15" s="119">
        <v>3398311</v>
      </c>
      <c r="MY15" s="119">
        <v>2374728</v>
      </c>
      <c r="MZ15" s="120">
        <v>6393664</v>
      </c>
      <c r="NA15" s="143">
        <v>6393664</v>
      </c>
      <c r="NB15" s="142">
        <v>0</v>
      </c>
      <c r="NC15" s="119">
        <v>0</v>
      </c>
      <c r="ND15" s="120">
        <v>0</v>
      </c>
      <c r="NE15" s="145"/>
      <c r="NF15" s="119">
        <v>0</v>
      </c>
      <c r="NG15" s="119">
        <v>240928</v>
      </c>
      <c r="NH15" s="119">
        <v>1938488</v>
      </c>
      <c r="NI15" s="119">
        <v>1247253</v>
      </c>
      <c r="NJ15" s="119">
        <v>1643062</v>
      </c>
      <c r="NK15" s="120">
        <v>5069731</v>
      </c>
      <c r="NL15" s="320">
        <v>5069731</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0</v>
      </c>
      <c r="OG15" s="120">
        <v>0</v>
      </c>
      <c r="OH15" s="121">
        <v>0</v>
      </c>
      <c r="OI15" s="142">
        <v>938195</v>
      </c>
      <c r="OJ15" s="119">
        <v>1269688</v>
      </c>
      <c r="OK15" s="141">
        <v>2207883</v>
      </c>
      <c r="OL15" s="118">
        <v>0</v>
      </c>
      <c r="OM15" s="119">
        <v>14618559</v>
      </c>
      <c r="ON15" s="119">
        <v>16798440</v>
      </c>
      <c r="OO15" s="119">
        <v>17333043</v>
      </c>
      <c r="OP15" s="119">
        <v>21752560</v>
      </c>
      <c r="OQ15" s="119">
        <v>16782331</v>
      </c>
      <c r="OR15" s="120">
        <v>87284933</v>
      </c>
      <c r="OS15" s="143">
        <v>89492816</v>
      </c>
    </row>
    <row r="16" spans="1:409" ht="21" customHeight="1" x14ac:dyDescent="0.2">
      <c r="B16" s="126" t="s">
        <v>10</v>
      </c>
      <c r="C16" s="110">
        <v>1421936</v>
      </c>
      <c r="D16" s="114">
        <v>2172790</v>
      </c>
      <c r="E16" s="113">
        <v>3594726</v>
      </c>
      <c r="F16" s="172">
        <v>0</v>
      </c>
      <c r="G16" s="114">
        <v>17120337</v>
      </c>
      <c r="H16" s="114">
        <v>13796565</v>
      </c>
      <c r="I16" s="114">
        <v>15283225</v>
      </c>
      <c r="J16" s="114">
        <v>12893526</v>
      </c>
      <c r="K16" s="114">
        <v>10991745</v>
      </c>
      <c r="L16" s="109">
        <v>70085398</v>
      </c>
      <c r="M16" s="116">
        <v>73680124</v>
      </c>
      <c r="N16" s="110">
        <v>587178</v>
      </c>
      <c r="O16" s="114">
        <v>796469</v>
      </c>
      <c r="P16" s="113">
        <v>1383647</v>
      </c>
      <c r="Q16" s="110">
        <v>0</v>
      </c>
      <c r="R16" s="114">
        <v>6363494</v>
      </c>
      <c r="S16" s="114">
        <v>4881395</v>
      </c>
      <c r="T16" s="114">
        <v>6395011</v>
      </c>
      <c r="U16" s="114">
        <v>5553657</v>
      </c>
      <c r="V16" s="114">
        <v>5330658</v>
      </c>
      <c r="W16" s="113">
        <v>28524215</v>
      </c>
      <c r="X16" s="116">
        <v>29907862</v>
      </c>
      <c r="Y16" s="110">
        <v>0</v>
      </c>
      <c r="Z16" s="114">
        <v>0</v>
      </c>
      <c r="AA16" s="113">
        <v>0</v>
      </c>
      <c r="AB16" s="110">
        <v>0</v>
      </c>
      <c r="AC16" s="114">
        <v>2987608</v>
      </c>
      <c r="AD16" s="114">
        <v>2043764</v>
      </c>
      <c r="AE16" s="114">
        <v>3953252</v>
      </c>
      <c r="AF16" s="114">
        <v>3841563</v>
      </c>
      <c r="AG16" s="114">
        <v>3330497</v>
      </c>
      <c r="AH16" s="113">
        <v>16156684</v>
      </c>
      <c r="AI16" s="116">
        <v>16156684</v>
      </c>
      <c r="AJ16" s="110">
        <v>0</v>
      </c>
      <c r="AK16" s="114">
        <v>0</v>
      </c>
      <c r="AL16" s="113">
        <v>0</v>
      </c>
      <c r="AM16" s="110">
        <v>0</v>
      </c>
      <c r="AN16" s="114">
        <v>71812</v>
      </c>
      <c r="AO16" s="114">
        <v>213833</v>
      </c>
      <c r="AP16" s="114">
        <v>71811</v>
      </c>
      <c r="AQ16" s="114">
        <v>41035</v>
      </c>
      <c r="AR16" s="114">
        <v>251046</v>
      </c>
      <c r="AS16" s="113">
        <v>649537</v>
      </c>
      <c r="AT16" s="116">
        <v>649537</v>
      </c>
      <c r="AU16" s="110">
        <v>392753</v>
      </c>
      <c r="AV16" s="114">
        <v>505785</v>
      </c>
      <c r="AW16" s="113">
        <v>898538</v>
      </c>
      <c r="AX16" s="110">
        <v>0</v>
      </c>
      <c r="AY16" s="114">
        <v>2063149</v>
      </c>
      <c r="AZ16" s="114">
        <v>1488957</v>
      </c>
      <c r="BA16" s="114">
        <v>1340498</v>
      </c>
      <c r="BB16" s="114">
        <v>592275</v>
      </c>
      <c r="BC16" s="114">
        <v>851106</v>
      </c>
      <c r="BD16" s="113">
        <v>6335985</v>
      </c>
      <c r="BE16" s="116">
        <v>7234523</v>
      </c>
      <c r="BF16" s="110">
        <v>9163</v>
      </c>
      <c r="BG16" s="114">
        <v>121172</v>
      </c>
      <c r="BH16" s="112">
        <v>130335</v>
      </c>
      <c r="BI16" s="111">
        <v>0</v>
      </c>
      <c r="BJ16" s="114">
        <v>149688</v>
      </c>
      <c r="BK16" s="114">
        <v>294946</v>
      </c>
      <c r="BL16" s="114">
        <v>140401</v>
      </c>
      <c r="BM16" s="114">
        <v>105077</v>
      </c>
      <c r="BN16" s="114">
        <v>42014</v>
      </c>
      <c r="BO16" s="113">
        <v>732126</v>
      </c>
      <c r="BP16" s="116">
        <v>862461</v>
      </c>
      <c r="BQ16" s="110">
        <v>185262</v>
      </c>
      <c r="BR16" s="114">
        <v>169512</v>
      </c>
      <c r="BS16" s="113">
        <v>354774</v>
      </c>
      <c r="BT16" s="110">
        <v>0</v>
      </c>
      <c r="BU16" s="114">
        <v>1091237</v>
      </c>
      <c r="BV16" s="114">
        <v>839895</v>
      </c>
      <c r="BW16" s="114">
        <v>889049</v>
      </c>
      <c r="BX16" s="114">
        <v>973707</v>
      </c>
      <c r="BY16" s="114">
        <v>855995</v>
      </c>
      <c r="BZ16" s="113">
        <v>4649883</v>
      </c>
      <c r="CA16" s="116">
        <v>5004657</v>
      </c>
      <c r="CB16" s="110">
        <v>87893</v>
      </c>
      <c r="CC16" s="114">
        <v>167027</v>
      </c>
      <c r="CD16" s="113">
        <v>254920</v>
      </c>
      <c r="CE16" s="110">
        <v>0</v>
      </c>
      <c r="CF16" s="114">
        <v>5342037</v>
      </c>
      <c r="CG16" s="114">
        <v>3548604</v>
      </c>
      <c r="CH16" s="114">
        <v>2699940</v>
      </c>
      <c r="CI16" s="114">
        <v>1280025</v>
      </c>
      <c r="CJ16" s="114">
        <v>463306</v>
      </c>
      <c r="CK16" s="113">
        <v>13333912</v>
      </c>
      <c r="CL16" s="116">
        <v>13588832</v>
      </c>
      <c r="CM16" s="110">
        <v>0</v>
      </c>
      <c r="CN16" s="114">
        <v>0</v>
      </c>
      <c r="CO16" s="113">
        <v>0</v>
      </c>
      <c r="CP16" s="111">
        <v>0</v>
      </c>
      <c r="CQ16" s="114">
        <v>4494407</v>
      </c>
      <c r="CR16" s="114">
        <v>3045458</v>
      </c>
      <c r="CS16" s="114">
        <v>2320158</v>
      </c>
      <c r="CT16" s="114">
        <v>1028320</v>
      </c>
      <c r="CU16" s="114">
        <v>463306</v>
      </c>
      <c r="CV16" s="113">
        <v>11351649</v>
      </c>
      <c r="CW16" s="116">
        <v>11351649</v>
      </c>
      <c r="CX16" s="110">
        <v>87893</v>
      </c>
      <c r="CY16" s="114">
        <v>167027</v>
      </c>
      <c r="CZ16" s="113">
        <v>254920</v>
      </c>
      <c r="DA16" s="110">
        <v>0</v>
      </c>
      <c r="DB16" s="114">
        <v>847630</v>
      </c>
      <c r="DC16" s="114">
        <v>503146</v>
      </c>
      <c r="DD16" s="114">
        <v>379782</v>
      </c>
      <c r="DE16" s="114">
        <v>251705</v>
      </c>
      <c r="DF16" s="114">
        <v>0</v>
      </c>
      <c r="DG16" s="113">
        <v>1982263</v>
      </c>
      <c r="DH16" s="116">
        <v>2237183</v>
      </c>
      <c r="DI16" s="110">
        <v>0</v>
      </c>
      <c r="DJ16" s="114">
        <v>96514</v>
      </c>
      <c r="DK16" s="112">
        <v>96514</v>
      </c>
      <c r="DL16" s="111">
        <v>0</v>
      </c>
      <c r="DM16" s="114">
        <v>564096</v>
      </c>
      <c r="DN16" s="114">
        <v>343291</v>
      </c>
      <c r="DO16" s="114">
        <v>1322284</v>
      </c>
      <c r="DP16" s="114">
        <v>527518</v>
      </c>
      <c r="DQ16" s="114">
        <v>309764</v>
      </c>
      <c r="DR16" s="113">
        <v>3066953</v>
      </c>
      <c r="DS16" s="116">
        <v>3163467</v>
      </c>
      <c r="DT16" s="110">
        <v>0</v>
      </c>
      <c r="DU16" s="114">
        <v>16781</v>
      </c>
      <c r="DV16" s="113">
        <v>16781</v>
      </c>
      <c r="DW16" s="110">
        <v>0</v>
      </c>
      <c r="DX16" s="114">
        <v>564096</v>
      </c>
      <c r="DY16" s="114">
        <v>298812</v>
      </c>
      <c r="DZ16" s="114">
        <v>1322284</v>
      </c>
      <c r="EA16" s="114">
        <v>494839</v>
      </c>
      <c r="EB16" s="114">
        <v>309764</v>
      </c>
      <c r="EC16" s="113">
        <v>2989795</v>
      </c>
      <c r="ED16" s="116">
        <v>3006576</v>
      </c>
      <c r="EE16" s="110">
        <v>0</v>
      </c>
      <c r="EF16" s="112">
        <v>79733</v>
      </c>
      <c r="EG16" s="113">
        <v>79733</v>
      </c>
      <c r="EH16" s="110">
        <v>0</v>
      </c>
      <c r="EI16" s="114">
        <v>0</v>
      </c>
      <c r="EJ16" s="114">
        <v>44479</v>
      </c>
      <c r="EK16" s="114">
        <v>0</v>
      </c>
      <c r="EL16" s="114">
        <v>32679</v>
      </c>
      <c r="EM16" s="114">
        <v>0</v>
      </c>
      <c r="EN16" s="112">
        <v>77158</v>
      </c>
      <c r="EO16" s="116">
        <v>156891</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312254</v>
      </c>
      <c r="FM16" s="114">
        <v>726124</v>
      </c>
      <c r="FN16" s="113">
        <v>1038378</v>
      </c>
      <c r="FO16" s="110">
        <v>0</v>
      </c>
      <c r="FP16" s="114">
        <v>1034135</v>
      </c>
      <c r="FQ16" s="114">
        <v>910868</v>
      </c>
      <c r="FR16" s="114">
        <v>1256955</v>
      </c>
      <c r="FS16" s="114">
        <v>615727</v>
      </c>
      <c r="FT16" s="114">
        <v>863688</v>
      </c>
      <c r="FU16" s="113">
        <v>4681373</v>
      </c>
      <c r="FV16" s="116">
        <v>5719751</v>
      </c>
      <c r="FW16" s="115">
        <v>223354</v>
      </c>
      <c r="FX16" s="114">
        <v>479024</v>
      </c>
      <c r="FY16" s="112">
        <v>702378</v>
      </c>
      <c r="FZ16" s="111">
        <v>0</v>
      </c>
      <c r="GA16" s="114">
        <v>786128</v>
      </c>
      <c r="GB16" s="114">
        <v>910868</v>
      </c>
      <c r="GC16" s="114">
        <v>1234009</v>
      </c>
      <c r="GD16" s="114">
        <v>615727</v>
      </c>
      <c r="GE16" s="114">
        <v>729288</v>
      </c>
      <c r="GF16" s="113">
        <v>4276020</v>
      </c>
      <c r="GG16" s="318">
        <v>4978398</v>
      </c>
      <c r="GH16" s="115">
        <v>15400</v>
      </c>
      <c r="GI16" s="114">
        <v>0</v>
      </c>
      <c r="GJ16" s="112">
        <v>15400</v>
      </c>
      <c r="GK16" s="111">
        <v>0</v>
      </c>
      <c r="GL16" s="114">
        <v>147977</v>
      </c>
      <c r="GM16" s="114">
        <v>0</v>
      </c>
      <c r="GN16" s="114">
        <v>22946</v>
      </c>
      <c r="GO16" s="114">
        <v>0</v>
      </c>
      <c r="GP16" s="114">
        <v>11200</v>
      </c>
      <c r="GQ16" s="113">
        <v>182123</v>
      </c>
      <c r="GR16" s="116">
        <v>197523</v>
      </c>
      <c r="GS16" s="110">
        <v>73500</v>
      </c>
      <c r="GT16" s="114">
        <v>247100</v>
      </c>
      <c r="GU16" s="113">
        <v>320600</v>
      </c>
      <c r="GV16" s="110">
        <v>0</v>
      </c>
      <c r="GW16" s="114">
        <v>100030</v>
      </c>
      <c r="GX16" s="114">
        <v>0</v>
      </c>
      <c r="GY16" s="114">
        <v>0</v>
      </c>
      <c r="GZ16" s="114">
        <v>0</v>
      </c>
      <c r="HA16" s="114">
        <v>123200</v>
      </c>
      <c r="HB16" s="112">
        <v>223230</v>
      </c>
      <c r="HC16" s="116">
        <v>543830</v>
      </c>
      <c r="HD16" s="110">
        <v>434611</v>
      </c>
      <c r="HE16" s="114">
        <v>386656</v>
      </c>
      <c r="HF16" s="112">
        <v>821267</v>
      </c>
      <c r="HG16" s="111">
        <v>0</v>
      </c>
      <c r="HH16" s="114">
        <v>3816575</v>
      </c>
      <c r="HI16" s="114">
        <v>4112407</v>
      </c>
      <c r="HJ16" s="114">
        <v>3609035</v>
      </c>
      <c r="HK16" s="114">
        <v>4916599</v>
      </c>
      <c r="HL16" s="114">
        <v>4024329</v>
      </c>
      <c r="HM16" s="113">
        <v>20478945</v>
      </c>
      <c r="HN16" s="109">
        <v>21300212</v>
      </c>
      <c r="HO16" s="328"/>
      <c r="HP16" s="329"/>
      <c r="HQ16" s="330"/>
      <c r="HR16" s="331"/>
      <c r="HS16" s="329"/>
      <c r="HT16" s="329"/>
      <c r="HU16" s="329"/>
      <c r="HV16" s="329"/>
      <c r="HW16" s="329"/>
      <c r="HX16" s="332"/>
      <c r="HY16" s="333"/>
      <c r="HZ16" s="150">
        <v>82454</v>
      </c>
      <c r="IA16" s="135">
        <v>137956</v>
      </c>
      <c r="IB16" s="150">
        <v>220410</v>
      </c>
      <c r="IC16" s="134">
        <v>0</v>
      </c>
      <c r="ID16" s="135">
        <v>2633750</v>
      </c>
      <c r="IE16" s="136">
        <v>3322990</v>
      </c>
      <c r="IF16" s="137">
        <v>3798117</v>
      </c>
      <c r="IG16" s="135">
        <v>3822384</v>
      </c>
      <c r="IH16" s="137">
        <v>4409822</v>
      </c>
      <c r="II16" s="138">
        <v>17987063</v>
      </c>
      <c r="IJ16" s="150">
        <v>18207473</v>
      </c>
      <c r="IK16" s="232">
        <v>0</v>
      </c>
      <c r="IL16" s="236">
        <v>0</v>
      </c>
      <c r="IM16" s="237">
        <v>0</v>
      </c>
      <c r="IN16" s="140"/>
      <c r="IO16" s="119">
        <v>144853</v>
      </c>
      <c r="IP16" s="119">
        <v>36437</v>
      </c>
      <c r="IQ16" s="119">
        <v>164104</v>
      </c>
      <c r="IR16" s="119">
        <v>200011</v>
      </c>
      <c r="IS16" s="119">
        <v>0</v>
      </c>
      <c r="IT16" s="141">
        <v>545405</v>
      </c>
      <c r="IU16" s="320">
        <v>545405</v>
      </c>
      <c r="IV16" s="142">
        <v>0</v>
      </c>
      <c r="IW16" s="119">
        <v>0</v>
      </c>
      <c r="IX16" s="120">
        <v>0</v>
      </c>
      <c r="IY16" s="144"/>
      <c r="IZ16" s="119">
        <v>4559</v>
      </c>
      <c r="JA16" s="119">
        <v>0</v>
      </c>
      <c r="JB16" s="119">
        <v>47364</v>
      </c>
      <c r="JC16" s="119">
        <v>0</v>
      </c>
      <c r="JD16" s="119">
        <v>0</v>
      </c>
      <c r="JE16" s="120">
        <v>51923</v>
      </c>
      <c r="JF16" s="121">
        <v>51923</v>
      </c>
      <c r="JG16" s="142">
        <v>0</v>
      </c>
      <c r="JH16" s="119">
        <v>0</v>
      </c>
      <c r="JI16" s="141">
        <v>0</v>
      </c>
      <c r="JJ16" s="118">
        <v>0</v>
      </c>
      <c r="JK16" s="119">
        <v>1125751</v>
      </c>
      <c r="JL16" s="119">
        <v>608593</v>
      </c>
      <c r="JM16" s="119">
        <v>480344</v>
      </c>
      <c r="JN16" s="119">
        <v>38749</v>
      </c>
      <c r="JO16" s="119">
        <v>4817</v>
      </c>
      <c r="JP16" s="120">
        <v>2258254</v>
      </c>
      <c r="JQ16" s="320">
        <v>2258254</v>
      </c>
      <c r="JR16" s="142">
        <v>0</v>
      </c>
      <c r="JS16" s="119">
        <v>0</v>
      </c>
      <c r="JT16" s="141">
        <v>0</v>
      </c>
      <c r="JU16" s="118">
        <v>0</v>
      </c>
      <c r="JV16" s="119">
        <v>27131</v>
      </c>
      <c r="JW16" s="119">
        <v>354884</v>
      </c>
      <c r="JX16" s="119">
        <v>598888</v>
      </c>
      <c r="JY16" s="119">
        <v>332311</v>
      </c>
      <c r="JZ16" s="119">
        <v>29198</v>
      </c>
      <c r="KA16" s="120">
        <v>1342412</v>
      </c>
      <c r="KB16" s="320">
        <v>1342412</v>
      </c>
      <c r="KC16" s="234">
        <v>82454</v>
      </c>
      <c r="KD16" s="230">
        <v>137956</v>
      </c>
      <c r="KE16" s="120">
        <v>220410</v>
      </c>
      <c r="KF16" s="118">
        <v>0</v>
      </c>
      <c r="KG16" s="119">
        <v>589782</v>
      </c>
      <c r="KH16" s="119">
        <v>146038</v>
      </c>
      <c r="KI16" s="119">
        <v>214241</v>
      </c>
      <c r="KJ16" s="119">
        <v>211085</v>
      </c>
      <c r="KK16" s="119">
        <v>1100418</v>
      </c>
      <c r="KL16" s="120">
        <v>2261564</v>
      </c>
      <c r="KM16" s="143">
        <v>2481974</v>
      </c>
      <c r="KN16" s="232">
        <v>0</v>
      </c>
      <c r="KO16" s="236">
        <v>0</v>
      </c>
      <c r="KP16" s="237">
        <v>0</v>
      </c>
      <c r="KQ16" s="140"/>
      <c r="KR16" s="119">
        <v>200636</v>
      </c>
      <c r="KS16" s="119">
        <v>1537743</v>
      </c>
      <c r="KT16" s="119">
        <v>1503328</v>
      </c>
      <c r="KU16" s="119">
        <v>2190278</v>
      </c>
      <c r="KV16" s="119">
        <v>1624162</v>
      </c>
      <c r="KW16" s="120">
        <v>7056147</v>
      </c>
      <c r="KX16" s="320">
        <v>7056147</v>
      </c>
      <c r="KY16" s="142">
        <v>0</v>
      </c>
      <c r="KZ16" s="119">
        <v>0</v>
      </c>
      <c r="LA16" s="120">
        <v>0</v>
      </c>
      <c r="LB16" s="145"/>
      <c r="LC16" s="119">
        <v>397731</v>
      </c>
      <c r="LD16" s="119">
        <v>296469</v>
      </c>
      <c r="LE16" s="119">
        <v>789848</v>
      </c>
      <c r="LF16" s="119">
        <v>182258</v>
      </c>
      <c r="LG16" s="119">
        <v>790772</v>
      </c>
      <c r="LH16" s="120">
        <v>2457078</v>
      </c>
      <c r="LI16" s="121">
        <v>2457078</v>
      </c>
      <c r="LJ16" s="142">
        <v>0</v>
      </c>
      <c r="LK16" s="119">
        <v>0</v>
      </c>
      <c r="LL16" s="120">
        <v>0</v>
      </c>
      <c r="LM16" s="145"/>
      <c r="LN16" s="119">
        <v>0</v>
      </c>
      <c r="LO16" s="119">
        <v>0</v>
      </c>
      <c r="LP16" s="119">
        <v>0</v>
      </c>
      <c r="LQ16" s="119">
        <v>667692</v>
      </c>
      <c r="LR16" s="119">
        <v>0</v>
      </c>
      <c r="LS16" s="120">
        <v>667692</v>
      </c>
      <c r="LT16" s="320">
        <v>667692</v>
      </c>
      <c r="LU16" s="142">
        <v>0</v>
      </c>
      <c r="LV16" s="119">
        <v>0</v>
      </c>
      <c r="LW16" s="120">
        <v>0</v>
      </c>
      <c r="LX16" s="145"/>
      <c r="LY16" s="119">
        <v>143307</v>
      </c>
      <c r="LZ16" s="119">
        <v>342826</v>
      </c>
      <c r="MA16" s="119">
        <v>0</v>
      </c>
      <c r="MB16" s="119">
        <v>0</v>
      </c>
      <c r="MC16" s="119">
        <v>860455</v>
      </c>
      <c r="MD16" s="120">
        <v>1346588</v>
      </c>
      <c r="ME16" s="121">
        <v>1346588</v>
      </c>
      <c r="MF16" s="142">
        <v>0</v>
      </c>
      <c r="MG16" s="119">
        <v>0</v>
      </c>
      <c r="MH16" s="120">
        <v>0</v>
      </c>
      <c r="MI16" s="145"/>
      <c r="MJ16" s="119">
        <v>0</v>
      </c>
      <c r="MK16" s="119">
        <v>632794</v>
      </c>
      <c r="ML16" s="119">
        <v>4739591</v>
      </c>
      <c r="MM16" s="119">
        <v>3622917</v>
      </c>
      <c r="MN16" s="119">
        <v>5923320</v>
      </c>
      <c r="MO16" s="120">
        <v>14918622</v>
      </c>
      <c r="MP16" s="143">
        <v>14918622</v>
      </c>
      <c r="MQ16" s="142">
        <v>0</v>
      </c>
      <c r="MR16" s="119">
        <v>0</v>
      </c>
      <c r="MS16" s="120">
        <v>0</v>
      </c>
      <c r="MT16" s="145"/>
      <c r="MU16" s="119">
        <v>0</v>
      </c>
      <c r="MV16" s="119">
        <v>201212</v>
      </c>
      <c r="MW16" s="119">
        <v>2705347</v>
      </c>
      <c r="MX16" s="119">
        <v>2445782</v>
      </c>
      <c r="MY16" s="119">
        <v>4122741</v>
      </c>
      <c r="MZ16" s="120">
        <v>9475082</v>
      </c>
      <c r="NA16" s="143">
        <v>9475082</v>
      </c>
      <c r="NB16" s="142">
        <v>0</v>
      </c>
      <c r="NC16" s="119">
        <v>0</v>
      </c>
      <c r="ND16" s="120">
        <v>0</v>
      </c>
      <c r="NE16" s="145"/>
      <c r="NF16" s="119">
        <v>0</v>
      </c>
      <c r="NG16" s="119">
        <v>431582</v>
      </c>
      <c r="NH16" s="119">
        <v>2034244</v>
      </c>
      <c r="NI16" s="119">
        <v>1177135</v>
      </c>
      <c r="NJ16" s="119">
        <v>1489019</v>
      </c>
      <c r="NK16" s="120">
        <v>5131980</v>
      </c>
      <c r="NL16" s="320">
        <v>5131980</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311560</v>
      </c>
      <c r="OG16" s="120">
        <v>311560</v>
      </c>
      <c r="OH16" s="121">
        <v>311560</v>
      </c>
      <c r="OI16" s="142">
        <v>1504390</v>
      </c>
      <c r="OJ16" s="119">
        <v>2310746</v>
      </c>
      <c r="OK16" s="141">
        <v>3815136</v>
      </c>
      <c r="OL16" s="118">
        <v>0</v>
      </c>
      <c r="OM16" s="119">
        <v>19754087</v>
      </c>
      <c r="ON16" s="119">
        <v>17752349</v>
      </c>
      <c r="OO16" s="119">
        <v>23820933</v>
      </c>
      <c r="OP16" s="119">
        <v>20338827</v>
      </c>
      <c r="OQ16" s="119">
        <v>21324887</v>
      </c>
      <c r="OR16" s="120">
        <v>102991083</v>
      </c>
      <c r="OS16" s="143">
        <v>106806219</v>
      </c>
    </row>
    <row r="17" spans="2:409" ht="21" customHeight="1" x14ac:dyDescent="0.2">
      <c r="B17" s="126" t="s">
        <v>11</v>
      </c>
      <c r="C17" s="110">
        <v>275673</v>
      </c>
      <c r="D17" s="114">
        <v>591142</v>
      </c>
      <c r="E17" s="171">
        <v>866815</v>
      </c>
      <c r="F17" s="111">
        <v>0</v>
      </c>
      <c r="G17" s="114">
        <v>5806239</v>
      </c>
      <c r="H17" s="114">
        <v>3803158</v>
      </c>
      <c r="I17" s="114">
        <v>5765513</v>
      </c>
      <c r="J17" s="114">
        <v>6622933</v>
      </c>
      <c r="K17" s="114">
        <v>4258294</v>
      </c>
      <c r="L17" s="109">
        <v>26256137</v>
      </c>
      <c r="M17" s="116">
        <v>27122952</v>
      </c>
      <c r="N17" s="110">
        <v>58113</v>
      </c>
      <c r="O17" s="114">
        <v>75480</v>
      </c>
      <c r="P17" s="113">
        <v>133593</v>
      </c>
      <c r="Q17" s="110">
        <v>0</v>
      </c>
      <c r="R17" s="114">
        <v>1330129</v>
      </c>
      <c r="S17" s="114">
        <v>1274899</v>
      </c>
      <c r="T17" s="114">
        <v>1505185</v>
      </c>
      <c r="U17" s="114">
        <v>1661792</v>
      </c>
      <c r="V17" s="114">
        <v>1385714</v>
      </c>
      <c r="W17" s="113">
        <v>7157719</v>
      </c>
      <c r="X17" s="116">
        <v>7291312</v>
      </c>
      <c r="Y17" s="110">
        <v>0</v>
      </c>
      <c r="Z17" s="114">
        <v>0</v>
      </c>
      <c r="AA17" s="113">
        <v>0</v>
      </c>
      <c r="AB17" s="110">
        <v>0</v>
      </c>
      <c r="AC17" s="114">
        <v>351637</v>
      </c>
      <c r="AD17" s="114">
        <v>444528</v>
      </c>
      <c r="AE17" s="114">
        <v>725075</v>
      </c>
      <c r="AF17" s="114">
        <v>622102</v>
      </c>
      <c r="AG17" s="114">
        <v>695197</v>
      </c>
      <c r="AH17" s="113">
        <v>2838539</v>
      </c>
      <c r="AI17" s="116">
        <v>2838539</v>
      </c>
      <c r="AJ17" s="110">
        <v>0</v>
      </c>
      <c r="AK17" s="114">
        <v>0</v>
      </c>
      <c r="AL17" s="113">
        <v>0</v>
      </c>
      <c r="AM17" s="110">
        <v>0</v>
      </c>
      <c r="AN17" s="114">
        <v>0</v>
      </c>
      <c r="AO17" s="114">
        <v>0</v>
      </c>
      <c r="AP17" s="114">
        <v>50631</v>
      </c>
      <c r="AQ17" s="114">
        <v>170352</v>
      </c>
      <c r="AR17" s="114">
        <v>241857</v>
      </c>
      <c r="AS17" s="113">
        <v>462840</v>
      </c>
      <c r="AT17" s="116">
        <v>462840</v>
      </c>
      <c r="AU17" s="110">
        <v>19697</v>
      </c>
      <c r="AV17" s="114">
        <v>75480</v>
      </c>
      <c r="AW17" s="113">
        <v>95177</v>
      </c>
      <c r="AX17" s="110">
        <v>0</v>
      </c>
      <c r="AY17" s="114">
        <v>501624</v>
      </c>
      <c r="AZ17" s="114">
        <v>610557</v>
      </c>
      <c r="BA17" s="114">
        <v>450256</v>
      </c>
      <c r="BB17" s="114">
        <v>575919</v>
      </c>
      <c r="BC17" s="114">
        <v>237386</v>
      </c>
      <c r="BD17" s="113">
        <v>2375742</v>
      </c>
      <c r="BE17" s="116">
        <v>2470919</v>
      </c>
      <c r="BF17" s="110">
        <v>0</v>
      </c>
      <c r="BG17" s="114">
        <v>0</v>
      </c>
      <c r="BH17" s="112">
        <v>0</v>
      </c>
      <c r="BI17" s="111">
        <v>0</v>
      </c>
      <c r="BJ17" s="114">
        <v>197589</v>
      </c>
      <c r="BK17" s="114">
        <v>24444</v>
      </c>
      <c r="BL17" s="114">
        <v>60228</v>
      </c>
      <c r="BM17" s="114">
        <v>0</v>
      </c>
      <c r="BN17" s="114">
        <v>66325</v>
      </c>
      <c r="BO17" s="113">
        <v>348586</v>
      </c>
      <c r="BP17" s="116">
        <v>348586</v>
      </c>
      <c r="BQ17" s="110">
        <v>38416</v>
      </c>
      <c r="BR17" s="114">
        <v>0</v>
      </c>
      <c r="BS17" s="113">
        <v>38416</v>
      </c>
      <c r="BT17" s="110">
        <v>0</v>
      </c>
      <c r="BU17" s="114">
        <v>279279</v>
      </c>
      <c r="BV17" s="114">
        <v>195370</v>
      </c>
      <c r="BW17" s="114">
        <v>218995</v>
      </c>
      <c r="BX17" s="114">
        <v>293419</v>
      </c>
      <c r="BY17" s="114">
        <v>144949</v>
      </c>
      <c r="BZ17" s="113">
        <v>1132012</v>
      </c>
      <c r="CA17" s="116">
        <v>1170428</v>
      </c>
      <c r="CB17" s="110">
        <v>71186</v>
      </c>
      <c r="CC17" s="114">
        <v>170133</v>
      </c>
      <c r="CD17" s="113">
        <v>241319</v>
      </c>
      <c r="CE17" s="110">
        <v>0</v>
      </c>
      <c r="CF17" s="114">
        <v>1249454</v>
      </c>
      <c r="CG17" s="114">
        <v>1138441</v>
      </c>
      <c r="CH17" s="114">
        <v>973768</v>
      </c>
      <c r="CI17" s="114">
        <v>983968</v>
      </c>
      <c r="CJ17" s="114">
        <v>237680</v>
      </c>
      <c r="CK17" s="113">
        <v>4583311</v>
      </c>
      <c r="CL17" s="116">
        <v>4824630</v>
      </c>
      <c r="CM17" s="110">
        <v>0</v>
      </c>
      <c r="CN17" s="114">
        <v>0</v>
      </c>
      <c r="CO17" s="113">
        <v>0</v>
      </c>
      <c r="CP17" s="111">
        <v>0</v>
      </c>
      <c r="CQ17" s="114">
        <v>855926</v>
      </c>
      <c r="CR17" s="114">
        <v>879556</v>
      </c>
      <c r="CS17" s="114">
        <v>677257</v>
      </c>
      <c r="CT17" s="114">
        <v>912462</v>
      </c>
      <c r="CU17" s="114">
        <v>216988</v>
      </c>
      <c r="CV17" s="113">
        <v>3542189</v>
      </c>
      <c r="CW17" s="116">
        <v>3542189</v>
      </c>
      <c r="CX17" s="110">
        <v>71186</v>
      </c>
      <c r="CY17" s="114">
        <v>170133</v>
      </c>
      <c r="CZ17" s="113">
        <v>241319</v>
      </c>
      <c r="DA17" s="110">
        <v>0</v>
      </c>
      <c r="DB17" s="114">
        <v>393528</v>
      </c>
      <c r="DC17" s="114">
        <v>258885</v>
      </c>
      <c r="DD17" s="114">
        <v>296511</v>
      </c>
      <c r="DE17" s="114">
        <v>71506</v>
      </c>
      <c r="DF17" s="114">
        <v>20692</v>
      </c>
      <c r="DG17" s="113">
        <v>1041122</v>
      </c>
      <c r="DH17" s="116">
        <v>1282441</v>
      </c>
      <c r="DI17" s="110">
        <v>0</v>
      </c>
      <c r="DJ17" s="114">
        <v>0</v>
      </c>
      <c r="DK17" s="112">
        <v>0</v>
      </c>
      <c r="DL17" s="111">
        <v>0</v>
      </c>
      <c r="DM17" s="114">
        <v>114451</v>
      </c>
      <c r="DN17" s="114">
        <v>155732</v>
      </c>
      <c r="DO17" s="114">
        <v>431405</v>
      </c>
      <c r="DP17" s="114">
        <v>363690</v>
      </c>
      <c r="DQ17" s="114">
        <v>439749</v>
      </c>
      <c r="DR17" s="113">
        <v>1505027</v>
      </c>
      <c r="DS17" s="116">
        <v>1505027</v>
      </c>
      <c r="DT17" s="110">
        <v>0</v>
      </c>
      <c r="DU17" s="114">
        <v>0</v>
      </c>
      <c r="DV17" s="113">
        <v>0</v>
      </c>
      <c r="DW17" s="110">
        <v>0</v>
      </c>
      <c r="DX17" s="114">
        <v>114451</v>
      </c>
      <c r="DY17" s="114">
        <v>155732</v>
      </c>
      <c r="DZ17" s="114">
        <v>250382</v>
      </c>
      <c r="EA17" s="114">
        <v>346099</v>
      </c>
      <c r="EB17" s="114">
        <v>274205</v>
      </c>
      <c r="EC17" s="113">
        <v>1140869</v>
      </c>
      <c r="ED17" s="116">
        <v>1140869</v>
      </c>
      <c r="EE17" s="110">
        <v>0</v>
      </c>
      <c r="EF17" s="112">
        <v>0</v>
      </c>
      <c r="EG17" s="113">
        <v>0</v>
      </c>
      <c r="EH17" s="110">
        <v>0</v>
      </c>
      <c r="EI17" s="114">
        <v>0</v>
      </c>
      <c r="EJ17" s="114">
        <v>0</v>
      </c>
      <c r="EK17" s="114">
        <v>181023</v>
      </c>
      <c r="EL17" s="114">
        <v>17591</v>
      </c>
      <c r="EM17" s="114">
        <v>165544</v>
      </c>
      <c r="EN17" s="112">
        <v>364158</v>
      </c>
      <c r="EO17" s="116">
        <v>364158</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56028</v>
      </c>
      <c r="FM17" s="114">
        <v>104846</v>
      </c>
      <c r="FN17" s="113">
        <v>160874</v>
      </c>
      <c r="FO17" s="110">
        <v>0</v>
      </c>
      <c r="FP17" s="114">
        <v>161609</v>
      </c>
      <c r="FQ17" s="114">
        <v>298907</v>
      </c>
      <c r="FR17" s="114">
        <v>393372</v>
      </c>
      <c r="FS17" s="114">
        <v>340361</v>
      </c>
      <c r="FT17" s="114">
        <v>206605</v>
      </c>
      <c r="FU17" s="113">
        <v>1400854</v>
      </c>
      <c r="FV17" s="116">
        <v>1561728</v>
      </c>
      <c r="FW17" s="115">
        <v>56028</v>
      </c>
      <c r="FX17" s="114">
        <v>104846</v>
      </c>
      <c r="FY17" s="112">
        <v>160874</v>
      </c>
      <c r="FZ17" s="111">
        <v>0</v>
      </c>
      <c r="GA17" s="114">
        <v>161609</v>
      </c>
      <c r="GB17" s="114">
        <v>298907</v>
      </c>
      <c r="GC17" s="114">
        <v>393372</v>
      </c>
      <c r="GD17" s="114">
        <v>340361</v>
      </c>
      <c r="GE17" s="114">
        <v>206605</v>
      </c>
      <c r="GF17" s="113">
        <v>1400854</v>
      </c>
      <c r="GG17" s="318">
        <v>1561728</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90346</v>
      </c>
      <c r="HE17" s="114">
        <v>240683</v>
      </c>
      <c r="HF17" s="112">
        <v>331029</v>
      </c>
      <c r="HG17" s="111">
        <v>0</v>
      </c>
      <c r="HH17" s="114">
        <v>2950596</v>
      </c>
      <c r="HI17" s="114">
        <v>935179</v>
      </c>
      <c r="HJ17" s="114">
        <v>2461783</v>
      </c>
      <c r="HK17" s="114">
        <v>3273122</v>
      </c>
      <c r="HL17" s="114">
        <v>1988546</v>
      </c>
      <c r="HM17" s="113">
        <v>11609226</v>
      </c>
      <c r="HN17" s="109">
        <v>11940255</v>
      </c>
      <c r="HO17" s="328"/>
      <c r="HP17" s="329"/>
      <c r="HQ17" s="330"/>
      <c r="HR17" s="331"/>
      <c r="HS17" s="329"/>
      <c r="HT17" s="329"/>
      <c r="HU17" s="329"/>
      <c r="HV17" s="329"/>
      <c r="HW17" s="329"/>
      <c r="HX17" s="332"/>
      <c r="HY17" s="333"/>
      <c r="HZ17" s="131">
        <v>0</v>
      </c>
      <c r="IA17" s="132">
        <v>59752</v>
      </c>
      <c r="IB17" s="133">
        <v>59752</v>
      </c>
      <c r="IC17" s="146">
        <v>0</v>
      </c>
      <c r="ID17" s="132">
        <v>791624</v>
      </c>
      <c r="IE17" s="147">
        <v>1392532</v>
      </c>
      <c r="IF17" s="133">
        <v>812973</v>
      </c>
      <c r="IG17" s="132">
        <v>1154953</v>
      </c>
      <c r="IH17" s="133">
        <v>103170</v>
      </c>
      <c r="II17" s="148">
        <v>4255252</v>
      </c>
      <c r="IJ17" s="139">
        <v>4315004</v>
      </c>
      <c r="IK17" s="232">
        <v>0</v>
      </c>
      <c r="IL17" s="236">
        <v>0</v>
      </c>
      <c r="IM17" s="237">
        <v>0</v>
      </c>
      <c r="IN17" s="140"/>
      <c r="IO17" s="119">
        <v>66930</v>
      </c>
      <c r="IP17" s="119">
        <v>108383</v>
      </c>
      <c r="IQ17" s="119">
        <v>138187</v>
      </c>
      <c r="IR17" s="119">
        <v>201406</v>
      </c>
      <c r="IS17" s="119">
        <v>0</v>
      </c>
      <c r="IT17" s="141">
        <v>514906</v>
      </c>
      <c r="IU17" s="320">
        <v>514906</v>
      </c>
      <c r="IV17" s="142">
        <v>0</v>
      </c>
      <c r="IW17" s="119">
        <v>0</v>
      </c>
      <c r="IX17" s="120">
        <v>0</v>
      </c>
      <c r="IY17" s="144"/>
      <c r="IZ17" s="119">
        <v>14440</v>
      </c>
      <c r="JA17" s="119">
        <v>14440</v>
      </c>
      <c r="JB17" s="119">
        <v>0</v>
      </c>
      <c r="JC17" s="119">
        <v>0</v>
      </c>
      <c r="JD17" s="119">
        <v>0</v>
      </c>
      <c r="JE17" s="120">
        <v>28880</v>
      </c>
      <c r="JF17" s="121">
        <v>28880</v>
      </c>
      <c r="JG17" s="142">
        <v>0</v>
      </c>
      <c r="JH17" s="119">
        <v>0</v>
      </c>
      <c r="JI17" s="141">
        <v>0</v>
      </c>
      <c r="JJ17" s="118">
        <v>0</v>
      </c>
      <c r="JK17" s="119">
        <v>710254</v>
      </c>
      <c r="JL17" s="119">
        <v>490495</v>
      </c>
      <c r="JM17" s="119">
        <v>462593</v>
      </c>
      <c r="JN17" s="119">
        <v>81712</v>
      </c>
      <c r="JO17" s="119">
        <v>103170</v>
      </c>
      <c r="JP17" s="120">
        <v>1848224</v>
      </c>
      <c r="JQ17" s="320">
        <v>1848224</v>
      </c>
      <c r="JR17" s="142">
        <v>0</v>
      </c>
      <c r="JS17" s="119">
        <v>0</v>
      </c>
      <c r="JT17" s="141">
        <v>0</v>
      </c>
      <c r="JU17" s="118">
        <v>0</v>
      </c>
      <c r="JV17" s="119">
        <v>0</v>
      </c>
      <c r="JW17" s="119">
        <v>0</v>
      </c>
      <c r="JX17" s="119">
        <v>0</v>
      </c>
      <c r="JY17" s="119">
        <v>0</v>
      </c>
      <c r="JZ17" s="119">
        <v>0</v>
      </c>
      <c r="KA17" s="120">
        <v>0</v>
      </c>
      <c r="KB17" s="320">
        <v>0</v>
      </c>
      <c r="KC17" s="234">
        <v>0</v>
      </c>
      <c r="KD17" s="230">
        <v>59752</v>
      </c>
      <c r="KE17" s="120">
        <v>59752</v>
      </c>
      <c r="KF17" s="118">
        <v>0</v>
      </c>
      <c r="KG17" s="119">
        <v>0</v>
      </c>
      <c r="KH17" s="119">
        <v>152263</v>
      </c>
      <c r="KI17" s="119">
        <v>212193</v>
      </c>
      <c r="KJ17" s="119">
        <v>0</v>
      </c>
      <c r="KK17" s="119">
        <v>0</v>
      </c>
      <c r="KL17" s="120">
        <v>364456</v>
      </c>
      <c r="KM17" s="143">
        <v>424208</v>
      </c>
      <c r="KN17" s="232">
        <v>0</v>
      </c>
      <c r="KO17" s="236">
        <v>0</v>
      </c>
      <c r="KP17" s="237">
        <v>0</v>
      </c>
      <c r="KQ17" s="140"/>
      <c r="KR17" s="119">
        <v>0</v>
      </c>
      <c r="KS17" s="119">
        <v>626951</v>
      </c>
      <c r="KT17" s="119">
        <v>0</v>
      </c>
      <c r="KU17" s="119">
        <v>871835</v>
      </c>
      <c r="KV17" s="119">
        <v>0</v>
      </c>
      <c r="KW17" s="120">
        <v>1498786</v>
      </c>
      <c r="KX17" s="320">
        <v>1498786</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562943</v>
      </c>
      <c r="MK17" s="119">
        <v>29106</v>
      </c>
      <c r="ML17" s="119">
        <v>1162032</v>
      </c>
      <c r="MM17" s="119">
        <v>2975485</v>
      </c>
      <c r="MN17" s="119">
        <v>1914964</v>
      </c>
      <c r="MO17" s="120">
        <v>6644530</v>
      </c>
      <c r="MP17" s="143">
        <v>6644530</v>
      </c>
      <c r="MQ17" s="142">
        <v>0</v>
      </c>
      <c r="MR17" s="119">
        <v>0</v>
      </c>
      <c r="MS17" s="120">
        <v>0</v>
      </c>
      <c r="MT17" s="145"/>
      <c r="MU17" s="119">
        <v>0</v>
      </c>
      <c r="MV17" s="119">
        <v>0</v>
      </c>
      <c r="MW17" s="119">
        <v>386041</v>
      </c>
      <c r="MX17" s="119">
        <v>1497848</v>
      </c>
      <c r="MY17" s="119">
        <v>1653483</v>
      </c>
      <c r="MZ17" s="120">
        <v>3537372</v>
      </c>
      <c r="NA17" s="143">
        <v>3537372</v>
      </c>
      <c r="NB17" s="142">
        <v>0</v>
      </c>
      <c r="NC17" s="119">
        <v>0</v>
      </c>
      <c r="ND17" s="120">
        <v>0</v>
      </c>
      <c r="NE17" s="145"/>
      <c r="NF17" s="119">
        <v>562943</v>
      </c>
      <c r="NG17" s="119">
        <v>29106</v>
      </c>
      <c r="NH17" s="119">
        <v>658706</v>
      </c>
      <c r="NI17" s="119">
        <v>1477637</v>
      </c>
      <c r="NJ17" s="119">
        <v>261481</v>
      </c>
      <c r="NK17" s="120">
        <v>2989873</v>
      </c>
      <c r="NL17" s="320">
        <v>2989873</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117285</v>
      </c>
      <c r="OE17" s="119">
        <v>0</v>
      </c>
      <c r="OF17" s="119">
        <v>0</v>
      </c>
      <c r="OG17" s="120">
        <v>117285</v>
      </c>
      <c r="OH17" s="121">
        <v>117285</v>
      </c>
      <c r="OI17" s="142">
        <v>275673</v>
      </c>
      <c r="OJ17" s="119">
        <v>650894</v>
      </c>
      <c r="OK17" s="141">
        <v>926567</v>
      </c>
      <c r="OL17" s="118">
        <v>0</v>
      </c>
      <c r="OM17" s="119">
        <v>7160806</v>
      </c>
      <c r="ON17" s="119">
        <v>5224796</v>
      </c>
      <c r="OO17" s="119">
        <v>7740518</v>
      </c>
      <c r="OP17" s="119">
        <v>10753371</v>
      </c>
      <c r="OQ17" s="119">
        <v>6276428</v>
      </c>
      <c r="OR17" s="120">
        <v>37155919</v>
      </c>
      <c r="OS17" s="143">
        <v>38082486</v>
      </c>
    </row>
    <row r="18" spans="2:409" ht="21" customHeight="1" x14ac:dyDescent="0.2">
      <c r="B18" s="126" t="s">
        <v>12</v>
      </c>
      <c r="C18" s="110">
        <v>964090</v>
      </c>
      <c r="D18" s="114">
        <v>1538927</v>
      </c>
      <c r="E18" s="113">
        <v>2503017</v>
      </c>
      <c r="F18" s="109">
        <v>0</v>
      </c>
      <c r="G18" s="114">
        <v>6079025</v>
      </c>
      <c r="H18" s="170">
        <v>5813210</v>
      </c>
      <c r="I18" s="170">
        <v>7577410</v>
      </c>
      <c r="J18" s="170">
        <v>7561333</v>
      </c>
      <c r="K18" s="170">
        <v>4556061</v>
      </c>
      <c r="L18" s="112">
        <v>31587039</v>
      </c>
      <c r="M18" s="116">
        <v>34090056</v>
      </c>
      <c r="N18" s="110">
        <v>227412</v>
      </c>
      <c r="O18" s="114">
        <v>387575</v>
      </c>
      <c r="P18" s="113">
        <v>614987</v>
      </c>
      <c r="Q18" s="110">
        <v>0</v>
      </c>
      <c r="R18" s="114">
        <v>2091764</v>
      </c>
      <c r="S18" s="114">
        <v>2077962</v>
      </c>
      <c r="T18" s="114">
        <v>2764994</v>
      </c>
      <c r="U18" s="114">
        <v>2820028</v>
      </c>
      <c r="V18" s="114">
        <v>2255945</v>
      </c>
      <c r="W18" s="113">
        <v>12010693</v>
      </c>
      <c r="X18" s="116">
        <v>12625680</v>
      </c>
      <c r="Y18" s="110">
        <v>0</v>
      </c>
      <c r="Z18" s="114">
        <v>0</v>
      </c>
      <c r="AA18" s="113">
        <v>0</v>
      </c>
      <c r="AB18" s="110">
        <v>0</v>
      </c>
      <c r="AC18" s="114">
        <v>1342610</v>
      </c>
      <c r="AD18" s="114">
        <v>1053212</v>
      </c>
      <c r="AE18" s="114">
        <v>1830638</v>
      </c>
      <c r="AF18" s="114">
        <v>1919655</v>
      </c>
      <c r="AG18" s="114">
        <v>1006739</v>
      </c>
      <c r="AH18" s="113">
        <v>7152854</v>
      </c>
      <c r="AI18" s="116">
        <v>7152854</v>
      </c>
      <c r="AJ18" s="110">
        <v>0</v>
      </c>
      <c r="AK18" s="114">
        <v>0</v>
      </c>
      <c r="AL18" s="113">
        <v>0</v>
      </c>
      <c r="AM18" s="110">
        <v>0</v>
      </c>
      <c r="AN18" s="114">
        <v>0</v>
      </c>
      <c r="AO18" s="114">
        <v>51780</v>
      </c>
      <c r="AP18" s="114">
        <v>0</v>
      </c>
      <c r="AQ18" s="114">
        <v>102019</v>
      </c>
      <c r="AR18" s="114">
        <v>508548</v>
      </c>
      <c r="AS18" s="113">
        <v>662347</v>
      </c>
      <c r="AT18" s="116">
        <v>662347</v>
      </c>
      <c r="AU18" s="110">
        <v>138141</v>
      </c>
      <c r="AV18" s="114">
        <v>279442</v>
      </c>
      <c r="AW18" s="113">
        <v>417583</v>
      </c>
      <c r="AX18" s="110">
        <v>0</v>
      </c>
      <c r="AY18" s="114">
        <v>405858</v>
      </c>
      <c r="AZ18" s="114">
        <v>752370</v>
      </c>
      <c r="BA18" s="114">
        <v>630878</v>
      </c>
      <c r="BB18" s="114">
        <v>440934</v>
      </c>
      <c r="BC18" s="114">
        <v>595282</v>
      </c>
      <c r="BD18" s="113">
        <v>2825322</v>
      </c>
      <c r="BE18" s="116">
        <v>3242905</v>
      </c>
      <c r="BF18" s="110">
        <v>0</v>
      </c>
      <c r="BG18" s="114">
        <v>18491</v>
      </c>
      <c r="BH18" s="112">
        <v>18491</v>
      </c>
      <c r="BI18" s="111">
        <v>0</v>
      </c>
      <c r="BJ18" s="114">
        <v>109538</v>
      </c>
      <c r="BK18" s="114">
        <v>46230</v>
      </c>
      <c r="BL18" s="114">
        <v>0</v>
      </c>
      <c r="BM18" s="114">
        <v>0</v>
      </c>
      <c r="BN18" s="114">
        <v>0</v>
      </c>
      <c r="BO18" s="113">
        <v>155768</v>
      </c>
      <c r="BP18" s="116">
        <v>174259</v>
      </c>
      <c r="BQ18" s="110">
        <v>89271</v>
      </c>
      <c r="BR18" s="114">
        <v>89642</v>
      </c>
      <c r="BS18" s="113">
        <v>178913</v>
      </c>
      <c r="BT18" s="110">
        <v>0</v>
      </c>
      <c r="BU18" s="114">
        <v>233758</v>
      </c>
      <c r="BV18" s="114">
        <v>174370</v>
      </c>
      <c r="BW18" s="114">
        <v>303478</v>
      </c>
      <c r="BX18" s="114">
        <v>357420</v>
      </c>
      <c r="BY18" s="114">
        <v>145376</v>
      </c>
      <c r="BZ18" s="113">
        <v>1214402</v>
      </c>
      <c r="CA18" s="116">
        <v>1393315</v>
      </c>
      <c r="CB18" s="110">
        <v>259787</v>
      </c>
      <c r="CC18" s="114">
        <v>336522</v>
      </c>
      <c r="CD18" s="113">
        <v>596309</v>
      </c>
      <c r="CE18" s="110">
        <v>0</v>
      </c>
      <c r="CF18" s="114">
        <v>2603826</v>
      </c>
      <c r="CG18" s="114">
        <v>1826940</v>
      </c>
      <c r="CH18" s="114">
        <v>1846395</v>
      </c>
      <c r="CI18" s="114">
        <v>1581506</v>
      </c>
      <c r="CJ18" s="114">
        <v>380252</v>
      </c>
      <c r="CK18" s="113">
        <v>8238919</v>
      </c>
      <c r="CL18" s="116">
        <v>8835228</v>
      </c>
      <c r="CM18" s="110">
        <v>0</v>
      </c>
      <c r="CN18" s="114">
        <v>0</v>
      </c>
      <c r="CO18" s="113">
        <v>0</v>
      </c>
      <c r="CP18" s="111">
        <v>0</v>
      </c>
      <c r="CQ18" s="114">
        <v>1976368</v>
      </c>
      <c r="CR18" s="114">
        <v>1149485</v>
      </c>
      <c r="CS18" s="114">
        <v>1028390</v>
      </c>
      <c r="CT18" s="114">
        <v>1061865</v>
      </c>
      <c r="CU18" s="114">
        <v>380252</v>
      </c>
      <c r="CV18" s="113">
        <v>5596360</v>
      </c>
      <c r="CW18" s="116">
        <v>5596360</v>
      </c>
      <c r="CX18" s="110">
        <v>259787</v>
      </c>
      <c r="CY18" s="114">
        <v>336522</v>
      </c>
      <c r="CZ18" s="113">
        <v>596309</v>
      </c>
      <c r="DA18" s="110">
        <v>0</v>
      </c>
      <c r="DB18" s="114">
        <v>627458</v>
      </c>
      <c r="DC18" s="114">
        <v>677455</v>
      </c>
      <c r="DD18" s="114">
        <v>818005</v>
      </c>
      <c r="DE18" s="114">
        <v>519641</v>
      </c>
      <c r="DF18" s="114">
        <v>0</v>
      </c>
      <c r="DG18" s="113">
        <v>2642559</v>
      </c>
      <c r="DH18" s="116">
        <v>3238868</v>
      </c>
      <c r="DI18" s="110">
        <v>0</v>
      </c>
      <c r="DJ18" s="114">
        <v>14149</v>
      </c>
      <c r="DK18" s="112">
        <v>14149</v>
      </c>
      <c r="DL18" s="111">
        <v>0</v>
      </c>
      <c r="DM18" s="114">
        <v>151778</v>
      </c>
      <c r="DN18" s="114">
        <v>143945</v>
      </c>
      <c r="DO18" s="114">
        <v>1080607</v>
      </c>
      <c r="DP18" s="114">
        <v>676777</v>
      </c>
      <c r="DQ18" s="114">
        <v>523793</v>
      </c>
      <c r="DR18" s="113">
        <v>2576900</v>
      </c>
      <c r="DS18" s="116">
        <v>2591049</v>
      </c>
      <c r="DT18" s="110">
        <v>0</v>
      </c>
      <c r="DU18" s="114">
        <v>14149</v>
      </c>
      <c r="DV18" s="113">
        <v>14149</v>
      </c>
      <c r="DW18" s="110">
        <v>0</v>
      </c>
      <c r="DX18" s="114">
        <v>151778</v>
      </c>
      <c r="DY18" s="114">
        <v>143945</v>
      </c>
      <c r="DZ18" s="114">
        <v>1080607</v>
      </c>
      <c r="EA18" s="114">
        <v>676777</v>
      </c>
      <c r="EB18" s="114">
        <v>435838</v>
      </c>
      <c r="EC18" s="113">
        <v>2488945</v>
      </c>
      <c r="ED18" s="116">
        <v>2503094</v>
      </c>
      <c r="EE18" s="110">
        <v>0</v>
      </c>
      <c r="EF18" s="112">
        <v>0</v>
      </c>
      <c r="EG18" s="113">
        <v>0</v>
      </c>
      <c r="EH18" s="110">
        <v>0</v>
      </c>
      <c r="EI18" s="114">
        <v>0</v>
      </c>
      <c r="EJ18" s="114">
        <v>0</v>
      </c>
      <c r="EK18" s="114">
        <v>0</v>
      </c>
      <c r="EL18" s="114">
        <v>0</v>
      </c>
      <c r="EM18" s="114">
        <v>87955</v>
      </c>
      <c r="EN18" s="112">
        <v>87955</v>
      </c>
      <c r="EO18" s="116">
        <v>87955</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146237</v>
      </c>
      <c r="FM18" s="114">
        <v>289505</v>
      </c>
      <c r="FN18" s="113">
        <v>435742</v>
      </c>
      <c r="FO18" s="110">
        <v>0</v>
      </c>
      <c r="FP18" s="114">
        <v>274617</v>
      </c>
      <c r="FQ18" s="114">
        <v>545440</v>
      </c>
      <c r="FR18" s="114">
        <v>874972</v>
      </c>
      <c r="FS18" s="114">
        <v>796677</v>
      </c>
      <c r="FT18" s="114">
        <v>357063</v>
      </c>
      <c r="FU18" s="113">
        <v>2848769</v>
      </c>
      <c r="FV18" s="116">
        <v>3284511</v>
      </c>
      <c r="FW18" s="115">
        <v>94108</v>
      </c>
      <c r="FX18" s="114">
        <v>219506</v>
      </c>
      <c r="FY18" s="112">
        <v>313614</v>
      </c>
      <c r="FZ18" s="111">
        <v>0</v>
      </c>
      <c r="GA18" s="114">
        <v>134617</v>
      </c>
      <c r="GB18" s="114">
        <v>530810</v>
      </c>
      <c r="GC18" s="114">
        <v>660072</v>
      </c>
      <c r="GD18" s="114">
        <v>696108</v>
      </c>
      <c r="GE18" s="114">
        <v>357063</v>
      </c>
      <c r="GF18" s="113">
        <v>2378670</v>
      </c>
      <c r="GG18" s="318">
        <v>2692284</v>
      </c>
      <c r="GH18" s="115">
        <v>17325</v>
      </c>
      <c r="GI18" s="114">
        <v>0</v>
      </c>
      <c r="GJ18" s="112">
        <v>17325</v>
      </c>
      <c r="GK18" s="111">
        <v>0</v>
      </c>
      <c r="GL18" s="114">
        <v>0</v>
      </c>
      <c r="GM18" s="114">
        <v>14630</v>
      </c>
      <c r="GN18" s="114">
        <v>16800</v>
      </c>
      <c r="GO18" s="114">
        <v>56469</v>
      </c>
      <c r="GP18" s="114">
        <v>0</v>
      </c>
      <c r="GQ18" s="113">
        <v>87899</v>
      </c>
      <c r="GR18" s="116">
        <v>105224</v>
      </c>
      <c r="GS18" s="110">
        <v>34804</v>
      </c>
      <c r="GT18" s="114">
        <v>69999</v>
      </c>
      <c r="GU18" s="113">
        <v>104803</v>
      </c>
      <c r="GV18" s="110">
        <v>0</v>
      </c>
      <c r="GW18" s="114">
        <v>140000</v>
      </c>
      <c r="GX18" s="114">
        <v>0</v>
      </c>
      <c r="GY18" s="114">
        <v>198100</v>
      </c>
      <c r="GZ18" s="114">
        <v>44100</v>
      </c>
      <c r="HA18" s="114">
        <v>0</v>
      </c>
      <c r="HB18" s="112">
        <v>382200</v>
      </c>
      <c r="HC18" s="116">
        <v>487003</v>
      </c>
      <c r="HD18" s="110">
        <v>330654</v>
      </c>
      <c r="HE18" s="114">
        <v>511176</v>
      </c>
      <c r="HF18" s="112">
        <v>841830</v>
      </c>
      <c r="HG18" s="111">
        <v>0</v>
      </c>
      <c r="HH18" s="114">
        <v>957040</v>
      </c>
      <c r="HI18" s="114">
        <v>1218923</v>
      </c>
      <c r="HJ18" s="114">
        <v>1010442</v>
      </c>
      <c r="HK18" s="114">
        <v>1686345</v>
      </c>
      <c r="HL18" s="114">
        <v>1039008</v>
      </c>
      <c r="HM18" s="113">
        <v>5911758</v>
      </c>
      <c r="HN18" s="109">
        <v>6753588</v>
      </c>
      <c r="HO18" s="328"/>
      <c r="HP18" s="329"/>
      <c r="HQ18" s="330"/>
      <c r="HR18" s="331"/>
      <c r="HS18" s="329"/>
      <c r="HT18" s="329"/>
      <c r="HU18" s="329"/>
      <c r="HV18" s="329"/>
      <c r="HW18" s="329"/>
      <c r="HX18" s="332"/>
      <c r="HY18" s="333"/>
      <c r="HZ18" s="150">
        <v>0</v>
      </c>
      <c r="IA18" s="135">
        <v>0</v>
      </c>
      <c r="IB18" s="150">
        <v>0</v>
      </c>
      <c r="IC18" s="134">
        <v>0</v>
      </c>
      <c r="ID18" s="135">
        <v>1390531</v>
      </c>
      <c r="IE18" s="136">
        <v>1317946</v>
      </c>
      <c r="IF18" s="137">
        <v>1080274</v>
      </c>
      <c r="IG18" s="135">
        <v>2857316</v>
      </c>
      <c r="IH18" s="137">
        <v>1815585</v>
      </c>
      <c r="II18" s="138">
        <v>8461652</v>
      </c>
      <c r="IJ18" s="150">
        <v>8461652</v>
      </c>
      <c r="IK18" s="232">
        <v>0</v>
      </c>
      <c r="IL18" s="236">
        <v>0</v>
      </c>
      <c r="IM18" s="237">
        <v>0</v>
      </c>
      <c r="IN18" s="140"/>
      <c r="IO18" s="119">
        <v>66930</v>
      </c>
      <c r="IP18" s="119">
        <v>0</v>
      </c>
      <c r="IQ18" s="119">
        <v>0</v>
      </c>
      <c r="IR18" s="119">
        <v>0</v>
      </c>
      <c r="IS18" s="119">
        <v>0</v>
      </c>
      <c r="IT18" s="141">
        <v>66930</v>
      </c>
      <c r="IU18" s="320">
        <v>6693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619364</v>
      </c>
      <c r="JL18" s="119">
        <v>555136</v>
      </c>
      <c r="JM18" s="119">
        <v>470765</v>
      </c>
      <c r="JN18" s="119">
        <v>483219</v>
      </c>
      <c r="JO18" s="119">
        <v>99805</v>
      </c>
      <c r="JP18" s="120">
        <v>2228289</v>
      </c>
      <c r="JQ18" s="320">
        <v>2228289</v>
      </c>
      <c r="JR18" s="142">
        <v>0</v>
      </c>
      <c r="JS18" s="119">
        <v>0</v>
      </c>
      <c r="JT18" s="141">
        <v>0</v>
      </c>
      <c r="JU18" s="118">
        <v>0</v>
      </c>
      <c r="JV18" s="119">
        <v>0</v>
      </c>
      <c r="JW18" s="119">
        <v>83648</v>
      </c>
      <c r="JX18" s="119">
        <v>0</v>
      </c>
      <c r="JY18" s="119">
        <v>0</v>
      </c>
      <c r="JZ18" s="119">
        <v>0</v>
      </c>
      <c r="KA18" s="120">
        <v>83648</v>
      </c>
      <c r="KB18" s="320">
        <v>83648</v>
      </c>
      <c r="KC18" s="234">
        <v>0</v>
      </c>
      <c r="KD18" s="230">
        <v>0</v>
      </c>
      <c r="KE18" s="120">
        <v>0</v>
      </c>
      <c r="KF18" s="118">
        <v>0</v>
      </c>
      <c r="KG18" s="119">
        <v>106801</v>
      </c>
      <c r="KH18" s="119">
        <v>162484</v>
      </c>
      <c r="KI18" s="119">
        <v>226622</v>
      </c>
      <c r="KJ18" s="119">
        <v>693700</v>
      </c>
      <c r="KK18" s="119">
        <v>0</v>
      </c>
      <c r="KL18" s="120">
        <v>1189607</v>
      </c>
      <c r="KM18" s="143">
        <v>1189607</v>
      </c>
      <c r="KN18" s="232">
        <v>0</v>
      </c>
      <c r="KO18" s="236">
        <v>0</v>
      </c>
      <c r="KP18" s="237">
        <v>0</v>
      </c>
      <c r="KQ18" s="140"/>
      <c r="KR18" s="119">
        <v>597436</v>
      </c>
      <c r="KS18" s="119">
        <v>209538</v>
      </c>
      <c r="KT18" s="119">
        <v>213019</v>
      </c>
      <c r="KU18" s="119">
        <v>649854</v>
      </c>
      <c r="KV18" s="119">
        <v>226808</v>
      </c>
      <c r="KW18" s="120">
        <v>1896655</v>
      </c>
      <c r="KX18" s="320">
        <v>1896655</v>
      </c>
      <c r="KY18" s="142">
        <v>0</v>
      </c>
      <c r="KZ18" s="119">
        <v>0</v>
      </c>
      <c r="LA18" s="120">
        <v>0</v>
      </c>
      <c r="LB18" s="145"/>
      <c r="LC18" s="119">
        <v>0</v>
      </c>
      <c r="LD18" s="119">
        <v>307140</v>
      </c>
      <c r="LE18" s="119">
        <v>0</v>
      </c>
      <c r="LF18" s="119">
        <v>371966</v>
      </c>
      <c r="LG18" s="119">
        <v>0</v>
      </c>
      <c r="LH18" s="120">
        <v>679106</v>
      </c>
      <c r="LI18" s="121">
        <v>679106</v>
      </c>
      <c r="LJ18" s="142">
        <v>0</v>
      </c>
      <c r="LK18" s="119">
        <v>0</v>
      </c>
      <c r="LL18" s="120">
        <v>0</v>
      </c>
      <c r="LM18" s="145"/>
      <c r="LN18" s="119">
        <v>0</v>
      </c>
      <c r="LO18" s="119">
        <v>0</v>
      </c>
      <c r="LP18" s="119">
        <v>169868</v>
      </c>
      <c r="LQ18" s="119">
        <v>0</v>
      </c>
      <c r="LR18" s="119">
        <v>247978</v>
      </c>
      <c r="LS18" s="120">
        <v>417846</v>
      </c>
      <c r="LT18" s="320">
        <v>417846</v>
      </c>
      <c r="LU18" s="142">
        <v>0</v>
      </c>
      <c r="LV18" s="119">
        <v>0</v>
      </c>
      <c r="LW18" s="120">
        <v>0</v>
      </c>
      <c r="LX18" s="145"/>
      <c r="LY18" s="119">
        <v>0</v>
      </c>
      <c r="LZ18" s="119">
        <v>0</v>
      </c>
      <c r="MA18" s="119">
        <v>0</v>
      </c>
      <c r="MB18" s="119">
        <v>658577</v>
      </c>
      <c r="MC18" s="119">
        <v>1240994</v>
      </c>
      <c r="MD18" s="120">
        <v>1899571</v>
      </c>
      <c r="ME18" s="121">
        <v>1899571</v>
      </c>
      <c r="MF18" s="142">
        <v>0</v>
      </c>
      <c r="MG18" s="119">
        <v>0</v>
      </c>
      <c r="MH18" s="120">
        <v>0</v>
      </c>
      <c r="MI18" s="145"/>
      <c r="MJ18" s="119">
        <v>0</v>
      </c>
      <c r="MK18" s="119">
        <v>953988</v>
      </c>
      <c r="ML18" s="119">
        <v>2242522</v>
      </c>
      <c r="MM18" s="119">
        <v>4721300</v>
      </c>
      <c r="MN18" s="119">
        <v>1609013</v>
      </c>
      <c r="MO18" s="120">
        <v>9526823</v>
      </c>
      <c r="MP18" s="143">
        <v>9526823</v>
      </c>
      <c r="MQ18" s="142">
        <v>0</v>
      </c>
      <c r="MR18" s="119">
        <v>0</v>
      </c>
      <c r="MS18" s="120">
        <v>0</v>
      </c>
      <c r="MT18" s="145"/>
      <c r="MU18" s="119">
        <v>0</v>
      </c>
      <c r="MV18" s="119">
        <v>312189</v>
      </c>
      <c r="MW18" s="119">
        <v>1096671</v>
      </c>
      <c r="MX18" s="119">
        <v>1992459</v>
      </c>
      <c r="MY18" s="119">
        <v>1176012</v>
      </c>
      <c r="MZ18" s="120">
        <v>4577331</v>
      </c>
      <c r="NA18" s="143">
        <v>4577331</v>
      </c>
      <c r="NB18" s="142">
        <v>0</v>
      </c>
      <c r="NC18" s="119">
        <v>0</v>
      </c>
      <c r="ND18" s="120">
        <v>0</v>
      </c>
      <c r="NE18" s="145"/>
      <c r="NF18" s="119">
        <v>0</v>
      </c>
      <c r="NG18" s="119">
        <v>641799</v>
      </c>
      <c r="NH18" s="119">
        <v>1145851</v>
      </c>
      <c r="NI18" s="119">
        <v>2434165</v>
      </c>
      <c r="NJ18" s="119">
        <v>433001</v>
      </c>
      <c r="NK18" s="120">
        <v>4654816</v>
      </c>
      <c r="NL18" s="320">
        <v>4654816</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294676</v>
      </c>
      <c r="OF18" s="119">
        <v>0</v>
      </c>
      <c r="OG18" s="120">
        <v>294676</v>
      </c>
      <c r="OH18" s="121">
        <v>294676</v>
      </c>
      <c r="OI18" s="142">
        <v>964090</v>
      </c>
      <c r="OJ18" s="119">
        <v>1538927</v>
      </c>
      <c r="OK18" s="141">
        <v>2503017</v>
      </c>
      <c r="OL18" s="118">
        <v>0</v>
      </c>
      <c r="OM18" s="119">
        <v>7469556</v>
      </c>
      <c r="ON18" s="119">
        <v>8085144</v>
      </c>
      <c r="OO18" s="119">
        <v>10900206</v>
      </c>
      <c r="OP18" s="119">
        <v>15139949</v>
      </c>
      <c r="OQ18" s="119">
        <v>7980659</v>
      </c>
      <c r="OR18" s="120">
        <v>49575514</v>
      </c>
      <c r="OS18" s="143">
        <v>52078531</v>
      </c>
    </row>
    <row r="19" spans="2:409" ht="21" customHeight="1" x14ac:dyDescent="0.2">
      <c r="B19" s="126" t="s">
        <v>13</v>
      </c>
      <c r="C19" s="110">
        <v>442659</v>
      </c>
      <c r="D19" s="114">
        <v>744604</v>
      </c>
      <c r="E19" s="113">
        <v>1187263</v>
      </c>
      <c r="F19" s="110">
        <v>0</v>
      </c>
      <c r="G19" s="170">
        <v>3503947</v>
      </c>
      <c r="H19" s="114">
        <v>4560698</v>
      </c>
      <c r="I19" s="114">
        <v>4140468</v>
      </c>
      <c r="J19" s="114">
        <v>4035159</v>
      </c>
      <c r="K19" s="114">
        <v>4156607</v>
      </c>
      <c r="L19" s="112">
        <v>20396879</v>
      </c>
      <c r="M19" s="116">
        <v>21584142</v>
      </c>
      <c r="N19" s="110">
        <v>103866</v>
      </c>
      <c r="O19" s="114">
        <v>196720</v>
      </c>
      <c r="P19" s="113">
        <v>300586</v>
      </c>
      <c r="Q19" s="110">
        <v>0</v>
      </c>
      <c r="R19" s="114">
        <v>1242561</v>
      </c>
      <c r="S19" s="114">
        <v>1520470</v>
      </c>
      <c r="T19" s="114">
        <v>2149548</v>
      </c>
      <c r="U19" s="114">
        <v>1876202</v>
      </c>
      <c r="V19" s="114">
        <v>2302592</v>
      </c>
      <c r="W19" s="113">
        <v>9091373</v>
      </c>
      <c r="X19" s="116">
        <v>9391959</v>
      </c>
      <c r="Y19" s="110">
        <v>0</v>
      </c>
      <c r="Z19" s="114">
        <v>0</v>
      </c>
      <c r="AA19" s="113">
        <v>0</v>
      </c>
      <c r="AB19" s="110">
        <v>0</v>
      </c>
      <c r="AC19" s="114">
        <v>493504</v>
      </c>
      <c r="AD19" s="114">
        <v>715901</v>
      </c>
      <c r="AE19" s="114">
        <v>1274313</v>
      </c>
      <c r="AF19" s="114">
        <v>1137233</v>
      </c>
      <c r="AG19" s="114">
        <v>1598305</v>
      </c>
      <c r="AH19" s="113">
        <v>5219256</v>
      </c>
      <c r="AI19" s="116">
        <v>5219256</v>
      </c>
      <c r="AJ19" s="110">
        <v>0</v>
      </c>
      <c r="AK19" s="114">
        <v>0</v>
      </c>
      <c r="AL19" s="113">
        <v>0</v>
      </c>
      <c r="AM19" s="110">
        <v>0</v>
      </c>
      <c r="AN19" s="114">
        <v>0</v>
      </c>
      <c r="AO19" s="114">
        <v>0</v>
      </c>
      <c r="AP19" s="114">
        <v>73202</v>
      </c>
      <c r="AQ19" s="114">
        <v>31372</v>
      </c>
      <c r="AR19" s="114">
        <v>52811</v>
      </c>
      <c r="AS19" s="113">
        <v>157385</v>
      </c>
      <c r="AT19" s="116">
        <v>157385</v>
      </c>
      <c r="AU19" s="110">
        <v>0</v>
      </c>
      <c r="AV19" s="114">
        <v>112937</v>
      </c>
      <c r="AW19" s="113">
        <v>112937</v>
      </c>
      <c r="AX19" s="110">
        <v>0</v>
      </c>
      <c r="AY19" s="114">
        <v>537492</v>
      </c>
      <c r="AZ19" s="114">
        <v>454161</v>
      </c>
      <c r="BA19" s="114">
        <v>541885</v>
      </c>
      <c r="BB19" s="114">
        <v>484897</v>
      </c>
      <c r="BC19" s="114">
        <v>427010</v>
      </c>
      <c r="BD19" s="113">
        <v>2445445</v>
      </c>
      <c r="BE19" s="116">
        <v>2558382</v>
      </c>
      <c r="BF19" s="110">
        <v>0</v>
      </c>
      <c r="BG19" s="114">
        <v>0</v>
      </c>
      <c r="BH19" s="112">
        <v>0</v>
      </c>
      <c r="BI19" s="111">
        <v>0</v>
      </c>
      <c r="BJ19" s="114">
        <v>26324</v>
      </c>
      <c r="BK19" s="114">
        <v>133933</v>
      </c>
      <c r="BL19" s="114">
        <v>0</v>
      </c>
      <c r="BM19" s="114">
        <v>17236</v>
      </c>
      <c r="BN19" s="114">
        <v>35340</v>
      </c>
      <c r="BO19" s="113">
        <v>212833</v>
      </c>
      <c r="BP19" s="116">
        <v>212833</v>
      </c>
      <c r="BQ19" s="110">
        <v>103866</v>
      </c>
      <c r="BR19" s="114">
        <v>83783</v>
      </c>
      <c r="BS19" s="113">
        <v>187649</v>
      </c>
      <c r="BT19" s="110">
        <v>0</v>
      </c>
      <c r="BU19" s="114">
        <v>185241</v>
      </c>
      <c r="BV19" s="114">
        <v>216475</v>
      </c>
      <c r="BW19" s="114">
        <v>260148</v>
      </c>
      <c r="BX19" s="114">
        <v>205464</v>
      </c>
      <c r="BY19" s="114">
        <v>189126</v>
      </c>
      <c r="BZ19" s="113">
        <v>1056454</v>
      </c>
      <c r="CA19" s="116">
        <v>1244103</v>
      </c>
      <c r="CB19" s="110">
        <v>0</v>
      </c>
      <c r="CC19" s="114">
        <v>32713</v>
      </c>
      <c r="CD19" s="113">
        <v>32713</v>
      </c>
      <c r="CE19" s="110">
        <v>0</v>
      </c>
      <c r="CF19" s="114">
        <v>609295</v>
      </c>
      <c r="CG19" s="114">
        <v>1022769</v>
      </c>
      <c r="CH19" s="114">
        <v>310494</v>
      </c>
      <c r="CI19" s="114">
        <v>410136</v>
      </c>
      <c r="CJ19" s="114">
        <v>11601</v>
      </c>
      <c r="CK19" s="113">
        <v>2364295</v>
      </c>
      <c r="CL19" s="116">
        <v>2397008</v>
      </c>
      <c r="CM19" s="110">
        <v>0</v>
      </c>
      <c r="CN19" s="114">
        <v>0</v>
      </c>
      <c r="CO19" s="113">
        <v>0</v>
      </c>
      <c r="CP19" s="111">
        <v>0</v>
      </c>
      <c r="CQ19" s="114">
        <v>609295</v>
      </c>
      <c r="CR19" s="114">
        <v>906908</v>
      </c>
      <c r="CS19" s="114">
        <v>47960</v>
      </c>
      <c r="CT19" s="114">
        <v>214197</v>
      </c>
      <c r="CU19" s="114">
        <v>11601</v>
      </c>
      <c r="CV19" s="113">
        <v>1789961</v>
      </c>
      <c r="CW19" s="116">
        <v>1789961</v>
      </c>
      <c r="CX19" s="110">
        <v>0</v>
      </c>
      <c r="CY19" s="114">
        <v>32713</v>
      </c>
      <c r="CZ19" s="113">
        <v>32713</v>
      </c>
      <c r="DA19" s="110">
        <v>0</v>
      </c>
      <c r="DB19" s="114">
        <v>0</v>
      </c>
      <c r="DC19" s="114">
        <v>115861</v>
      </c>
      <c r="DD19" s="114">
        <v>262534</v>
      </c>
      <c r="DE19" s="114">
        <v>195939</v>
      </c>
      <c r="DF19" s="114">
        <v>0</v>
      </c>
      <c r="DG19" s="113">
        <v>574334</v>
      </c>
      <c r="DH19" s="116">
        <v>607047</v>
      </c>
      <c r="DI19" s="110">
        <v>0</v>
      </c>
      <c r="DJ19" s="114">
        <v>19937</v>
      </c>
      <c r="DK19" s="112">
        <v>19937</v>
      </c>
      <c r="DL19" s="111">
        <v>0</v>
      </c>
      <c r="DM19" s="114">
        <v>137342</v>
      </c>
      <c r="DN19" s="114">
        <v>95863</v>
      </c>
      <c r="DO19" s="114">
        <v>184677</v>
      </c>
      <c r="DP19" s="114">
        <v>118809</v>
      </c>
      <c r="DQ19" s="114">
        <v>335453</v>
      </c>
      <c r="DR19" s="113">
        <v>872144</v>
      </c>
      <c r="DS19" s="116">
        <v>892081</v>
      </c>
      <c r="DT19" s="110">
        <v>0</v>
      </c>
      <c r="DU19" s="114">
        <v>19937</v>
      </c>
      <c r="DV19" s="113">
        <v>19937</v>
      </c>
      <c r="DW19" s="110">
        <v>0</v>
      </c>
      <c r="DX19" s="114">
        <v>107417</v>
      </c>
      <c r="DY19" s="114">
        <v>95863</v>
      </c>
      <c r="DZ19" s="114">
        <v>151942</v>
      </c>
      <c r="EA19" s="114">
        <v>118809</v>
      </c>
      <c r="EB19" s="114">
        <v>335453</v>
      </c>
      <c r="EC19" s="113">
        <v>809484</v>
      </c>
      <c r="ED19" s="116">
        <v>829421</v>
      </c>
      <c r="EE19" s="110">
        <v>0</v>
      </c>
      <c r="EF19" s="112">
        <v>0</v>
      </c>
      <c r="EG19" s="113">
        <v>0</v>
      </c>
      <c r="EH19" s="110">
        <v>0</v>
      </c>
      <c r="EI19" s="114">
        <v>29925</v>
      </c>
      <c r="EJ19" s="114">
        <v>0</v>
      </c>
      <c r="EK19" s="114">
        <v>32735</v>
      </c>
      <c r="EL19" s="114">
        <v>0</v>
      </c>
      <c r="EM19" s="114">
        <v>0</v>
      </c>
      <c r="EN19" s="112">
        <v>62660</v>
      </c>
      <c r="EO19" s="116">
        <v>62660</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16800</v>
      </c>
      <c r="FM19" s="114">
        <v>176176</v>
      </c>
      <c r="FN19" s="113">
        <v>192976</v>
      </c>
      <c r="FO19" s="110">
        <v>0</v>
      </c>
      <c r="FP19" s="114">
        <v>150248</v>
      </c>
      <c r="FQ19" s="114">
        <v>448091</v>
      </c>
      <c r="FR19" s="114">
        <v>333802</v>
      </c>
      <c r="FS19" s="114">
        <v>211547</v>
      </c>
      <c r="FT19" s="114">
        <v>217567</v>
      </c>
      <c r="FU19" s="113">
        <v>1361255</v>
      </c>
      <c r="FV19" s="116">
        <v>1554231</v>
      </c>
      <c r="FW19" s="115">
        <v>16800</v>
      </c>
      <c r="FX19" s="114">
        <v>45976</v>
      </c>
      <c r="FY19" s="112">
        <v>62776</v>
      </c>
      <c r="FZ19" s="111">
        <v>0</v>
      </c>
      <c r="GA19" s="114">
        <v>150248</v>
      </c>
      <c r="GB19" s="114">
        <v>428379</v>
      </c>
      <c r="GC19" s="114">
        <v>333802</v>
      </c>
      <c r="GD19" s="114">
        <v>205387</v>
      </c>
      <c r="GE19" s="114">
        <v>217567</v>
      </c>
      <c r="GF19" s="113">
        <v>1335383</v>
      </c>
      <c r="GG19" s="318">
        <v>1398159</v>
      </c>
      <c r="GH19" s="115">
        <v>0</v>
      </c>
      <c r="GI19" s="114">
        <v>0</v>
      </c>
      <c r="GJ19" s="112">
        <v>0</v>
      </c>
      <c r="GK19" s="111">
        <v>0</v>
      </c>
      <c r="GL19" s="114">
        <v>0</v>
      </c>
      <c r="GM19" s="114">
        <v>19712</v>
      </c>
      <c r="GN19" s="114">
        <v>0</v>
      </c>
      <c r="GO19" s="114">
        <v>6160</v>
      </c>
      <c r="GP19" s="114">
        <v>0</v>
      </c>
      <c r="GQ19" s="113">
        <v>25872</v>
      </c>
      <c r="GR19" s="116">
        <v>25872</v>
      </c>
      <c r="GS19" s="110">
        <v>0</v>
      </c>
      <c r="GT19" s="114">
        <v>130200</v>
      </c>
      <c r="GU19" s="113">
        <v>130200</v>
      </c>
      <c r="GV19" s="110">
        <v>0</v>
      </c>
      <c r="GW19" s="114">
        <v>0</v>
      </c>
      <c r="GX19" s="114">
        <v>0</v>
      </c>
      <c r="GY19" s="114">
        <v>0</v>
      </c>
      <c r="GZ19" s="114">
        <v>0</v>
      </c>
      <c r="HA19" s="114">
        <v>0</v>
      </c>
      <c r="HB19" s="112">
        <v>0</v>
      </c>
      <c r="HC19" s="116">
        <v>130200</v>
      </c>
      <c r="HD19" s="110">
        <v>321993</v>
      </c>
      <c r="HE19" s="114">
        <v>319058</v>
      </c>
      <c r="HF19" s="112">
        <v>641051</v>
      </c>
      <c r="HG19" s="111">
        <v>0</v>
      </c>
      <c r="HH19" s="114">
        <v>1364501</v>
      </c>
      <c r="HI19" s="114">
        <v>1473505</v>
      </c>
      <c r="HJ19" s="114">
        <v>1161947</v>
      </c>
      <c r="HK19" s="114">
        <v>1418465</v>
      </c>
      <c r="HL19" s="114">
        <v>1289394</v>
      </c>
      <c r="HM19" s="113">
        <v>6707812</v>
      </c>
      <c r="HN19" s="109">
        <v>7348863</v>
      </c>
      <c r="HO19" s="328"/>
      <c r="HP19" s="329"/>
      <c r="HQ19" s="330"/>
      <c r="HR19" s="331"/>
      <c r="HS19" s="329"/>
      <c r="HT19" s="329"/>
      <c r="HU19" s="329"/>
      <c r="HV19" s="329"/>
      <c r="HW19" s="329"/>
      <c r="HX19" s="332"/>
      <c r="HY19" s="333"/>
      <c r="HZ19" s="131">
        <v>0</v>
      </c>
      <c r="IA19" s="132">
        <v>0</v>
      </c>
      <c r="IB19" s="133">
        <v>0</v>
      </c>
      <c r="IC19" s="146">
        <v>0</v>
      </c>
      <c r="ID19" s="132">
        <v>415136</v>
      </c>
      <c r="IE19" s="147">
        <v>732133</v>
      </c>
      <c r="IF19" s="133">
        <v>1261369</v>
      </c>
      <c r="IG19" s="132">
        <v>32684</v>
      </c>
      <c r="IH19" s="133">
        <v>9576</v>
      </c>
      <c r="II19" s="148">
        <v>2450898</v>
      </c>
      <c r="IJ19" s="139">
        <v>2450898</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415136</v>
      </c>
      <c r="JL19" s="119">
        <v>369396</v>
      </c>
      <c r="JM19" s="119">
        <v>283938</v>
      </c>
      <c r="JN19" s="119">
        <v>32684</v>
      </c>
      <c r="JO19" s="119">
        <v>9576</v>
      </c>
      <c r="JP19" s="120">
        <v>1110730</v>
      </c>
      <c r="JQ19" s="320">
        <v>1110730</v>
      </c>
      <c r="JR19" s="142">
        <v>0</v>
      </c>
      <c r="JS19" s="119">
        <v>0</v>
      </c>
      <c r="JT19" s="141">
        <v>0</v>
      </c>
      <c r="JU19" s="118">
        <v>0</v>
      </c>
      <c r="JV19" s="119">
        <v>0</v>
      </c>
      <c r="JW19" s="119">
        <v>0</v>
      </c>
      <c r="JX19" s="119">
        <v>0</v>
      </c>
      <c r="JY19" s="119">
        <v>0</v>
      </c>
      <c r="JZ19" s="119">
        <v>0</v>
      </c>
      <c r="KA19" s="120">
        <v>0</v>
      </c>
      <c r="KB19" s="320">
        <v>0</v>
      </c>
      <c r="KC19" s="234">
        <v>0</v>
      </c>
      <c r="KD19" s="230">
        <v>0</v>
      </c>
      <c r="KE19" s="120">
        <v>0</v>
      </c>
      <c r="KF19" s="118">
        <v>0</v>
      </c>
      <c r="KG19" s="119">
        <v>0</v>
      </c>
      <c r="KH19" s="119">
        <v>149396</v>
      </c>
      <c r="KI19" s="119">
        <v>209136</v>
      </c>
      <c r="KJ19" s="119">
        <v>0</v>
      </c>
      <c r="KK19" s="119">
        <v>0</v>
      </c>
      <c r="KL19" s="120">
        <v>358532</v>
      </c>
      <c r="KM19" s="143">
        <v>358532</v>
      </c>
      <c r="KN19" s="232">
        <v>0</v>
      </c>
      <c r="KO19" s="236">
        <v>0</v>
      </c>
      <c r="KP19" s="237">
        <v>0</v>
      </c>
      <c r="KQ19" s="140"/>
      <c r="KR19" s="119">
        <v>0</v>
      </c>
      <c r="KS19" s="119">
        <v>213341</v>
      </c>
      <c r="KT19" s="119">
        <v>435255</v>
      </c>
      <c r="KU19" s="119">
        <v>0</v>
      </c>
      <c r="KV19" s="119">
        <v>0</v>
      </c>
      <c r="KW19" s="120">
        <v>648596</v>
      </c>
      <c r="KX19" s="320">
        <v>648596</v>
      </c>
      <c r="KY19" s="142">
        <v>0</v>
      </c>
      <c r="KZ19" s="119">
        <v>0</v>
      </c>
      <c r="LA19" s="120">
        <v>0</v>
      </c>
      <c r="LB19" s="145"/>
      <c r="LC19" s="119">
        <v>0</v>
      </c>
      <c r="LD19" s="119">
        <v>0</v>
      </c>
      <c r="LE19" s="119">
        <v>333040</v>
      </c>
      <c r="LF19" s="119">
        <v>0</v>
      </c>
      <c r="LG19" s="119">
        <v>0</v>
      </c>
      <c r="LH19" s="120">
        <v>333040</v>
      </c>
      <c r="LI19" s="121">
        <v>333040</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0</v>
      </c>
      <c r="ML19" s="119">
        <v>901043</v>
      </c>
      <c r="MM19" s="119">
        <v>1335341</v>
      </c>
      <c r="MN19" s="119">
        <v>1071069</v>
      </c>
      <c r="MO19" s="120">
        <v>3307453</v>
      </c>
      <c r="MP19" s="143">
        <v>3307453</v>
      </c>
      <c r="MQ19" s="142">
        <v>0</v>
      </c>
      <c r="MR19" s="119">
        <v>0</v>
      </c>
      <c r="MS19" s="120">
        <v>0</v>
      </c>
      <c r="MT19" s="145"/>
      <c r="MU19" s="119">
        <v>0</v>
      </c>
      <c r="MV19" s="119">
        <v>0</v>
      </c>
      <c r="MW19" s="119">
        <v>657608</v>
      </c>
      <c r="MX19" s="119">
        <v>713730</v>
      </c>
      <c r="MY19" s="119">
        <v>811187</v>
      </c>
      <c r="MZ19" s="120">
        <v>2182525</v>
      </c>
      <c r="NA19" s="143">
        <v>2182525</v>
      </c>
      <c r="NB19" s="142">
        <v>0</v>
      </c>
      <c r="NC19" s="119">
        <v>0</v>
      </c>
      <c r="ND19" s="120">
        <v>0</v>
      </c>
      <c r="NE19" s="145"/>
      <c r="NF19" s="119">
        <v>0</v>
      </c>
      <c r="NG19" s="119">
        <v>0</v>
      </c>
      <c r="NH19" s="119">
        <v>243435</v>
      </c>
      <c r="NI19" s="119">
        <v>621611</v>
      </c>
      <c r="NJ19" s="119">
        <v>259882</v>
      </c>
      <c r="NK19" s="120">
        <v>1124928</v>
      </c>
      <c r="NL19" s="320">
        <v>1124928</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442659</v>
      </c>
      <c r="OJ19" s="119">
        <v>744604</v>
      </c>
      <c r="OK19" s="141">
        <v>1187263</v>
      </c>
      <c r="OL19" s="118">
        <v>0</v>
      </c>
      <c r="OM19" s="119">
        <v>3919083</v>
      </c>
      <c r="ON19" s="119">
        <v>5292831</v>
      </c>
      <c r="OO19" s="119">
        <v>6302880</v>
      </c>
      <c r="OP19" s="119">
        <v>5403184</v>
      </c>
      <c r="OQ19" s="119">
        <v>5237252</v>
      </c>
      <c r="OR19" s="120">
        <v>26155230</v>
      </c>
      <c r="OS19" s="143">
        <v>27342493</v>
      </c>
    </row>
    <row r="20" spans="2:409" ht="21" customHeight="1" x14ac:dyDescent="0.2">
      <c r="B20" s="126" t="s">
        <v>15</v>
      </c>
      <c r="C20" s="110">
        <v>53432</v>
      </c>
      <c r="D20" s="114">
        <v>192707</v>
      </c>
      <c r="E20" s="113">
        <v>246139</v>
      </c>
      <c r="F20" s="109">
        <v>0</v>
      </c>
      <c r="G20" s="114">
        <v>1197680</v>
      </c>
      <c r="H20" s="114">
        <v>1175196</v>
      </c>
      <c r="I20" s="114">
        <v>734868</v>
      </c>
      <c r="J20" s="114">
        <v>516194</v>
      </c>
      <c r="K20" s="114">
        <v>1333566</v>
      </c>
      <c r="L20" s="109">
        <v>4957504</v>
      </c>
      <c r="M20" s="116">
        <v>5203643</v>
      </c>
      <c r="N20" s="110">
        <v>0</v>
      </c>
      <c r="O20" s="114">
        <v>14252</v>
      </c>
      <c r="P20" s="113">
        <v>14252</v>
      </c>
      <c r="Q20" s="110">
        <v>0</v>
      </c>
      <c r="R20" s="114">
        <v>181237</v>
      </c>
      <c r="S20" s="114">
        <v>364646</v>
      </c>
      <c r="T20" s="114">
        <v>150290</v>
      </c>
      <c r="U20" s="114">
        <v>111808</v>
      </c>
      <c r="V20" s="114">
        <v>729091</v>
      </c>
      <c r="W20" s="113">
        <v>1537072</v>
      </c>
      <c r="X20" s="116">
        <v>1551324</v>
      </c>
      <c r="Y20" s="110">
        <v>0</v>
      </c>
      <c r="Z20" s="114">
        <v>0</v>
      </c>
      <c r="AA20" s="113">
        <v>0</v>
      </c>
      <c r="AB20" s="110">
        <v>0</v>
      </c>
      <c r="AC20" s="114">
        <v>60863</v>
      </c>
      <c r="AD20" s="114">
        <v>109498</v>
      </c>
      <c r="AE20" s="114">
        <v>0</v>
      </c>
      <c r="AF20" s="114">
        <v>4105</v>
      </c>
      <c r="AG20" s="114">
        <v>359602</v>
      </c>
      <c r="AH20" s="113">
        <v>534068</v>
      </c>
      <c r="AI20" s="116">
        <v>534068</v>
      </c>
      <c r="AJ20" s="110">
        <v>0</v>
      </c>
      <c r="AK20" s="114">
        <v>0</v>
      </c>
      <c r="AL20" s="113">
        <v>0</v>
      </c>
      <c r="AM20" s="110">
        <v>0</v>
      </c>
      <c r="AN20" s="114">
        <v>0</v>
      </c>
      <c r="AO20" s="114">
        <v>0</v>
      </c>
      <c r="AP20" s="114">
        <v>10223</v>
      </c>
      <c r="AQ20" s="114">
        <v>0</v>
      </c>
      <c r="AR20" s="114">
        <v>143117</v>
      </c>
      <c r="AS20" s="113">
        <v>153340</v>
      </c>
      <c r="AT20" s="116">
        <v>153340</v>
      </c>
      <c r="AU20" s="110">
        <v>0</v>
      </c>
      <c r="AV20" s="114">
        <v>0</v>
      </c>
      <c r="AW20" s="113">
        <v>0</v>
      </c>
      <c r="AX20" s="110">
        <v>0</v>
      </c>
      <c r="AY20" s="114">
        <v>94922</v>
      </c>
      <c r="AZ20" s="114">
        <v>134046</v>
      </c>
      <c r="BA20" s="114">
        <v>57972</v>
      </c>
      <c r="BB20" s="114">
        <v>89503</v>
      </c>
      <c r="BC20" s="114">
        <v>105695</v>
      </c>
      <c r="BD20" s="113">
        <v>482138</v>
      </c>
      <c r="BE20" s="116">
        <v>482138</v>
      </c>
      <c r="BF20" s="110">
        <v>0</v>
      </c>
      <c r="BG20" s="114">
        <v>0</v>
      </c>
      <c r="BH20" s="112">
        <v>0</v>
      </c>
      <c r="BI20" s="111">
        <v>0</v>
      </c>
      <c r="BJ20" s="114">
        <v>0</v>
      </c>
      <c r="BK20" s="114">
        <v>31740</v>
      </c>
      <c r="BL20" s="114">
        <v>40809</v>
      </c>
      <c r="BM20" s="114">
        <v>0</v>
      </c>
      <c r="BN20" s="114">
        <v>27206</v>
      </c>
      <c r="BO20" s="113">
        <v>99755</v>
      </c>
      <c r="BP20" s="116">
        <v>99755</v>
      </c>
      <c r="BQ20" s="110">
        <v>0</v>
      </c>
      <c r="BR20" s="114">
        <v>14252</v>
      </c>
      <c r="BS20" s="113">
        <v>14252</v>
      </c>
      <c r="BT20" s="110">
        <v>0</v>
      </c>
      <c r="BU20" s="114">
        <v>25452</v>
      </c>
      <c r="BV20" s="114">
        <v>89362</v>
      </c>
      <c r="BW20" s="114">
        <v>41286</v>
      </c>
      <c r="BX20" s="114">
        <v>18200</v>
      </c>
      <c r="BY20" s="114">
        <v>93471</v>
      </c>
      <c r="BZ20" s="113">
        <v>267771</v>
      </c>
      <c r="CA20" s="116">
        <v>282023</v>
      </c>
      <c r="CB20" s="110">
        <v>0</v>
      </c>
      <c r="CC20" s="114">
        <v>0</v>
      </c>
      <c r="CD20" s="113">
        <v>0</v>
      </c>
      <c r="CE20" s="110">
        <v>0</v>
      </c>
      <c r="CF20" s="114">
        <v>221190</v>
      </c>
      <c r="CG20" s="114">
        <v>105824</v>
      </c>
      <c r="CH20" s="114">
        <v>199887</v>
      </c>
      <c r="CI20" s="114">
        <v>107240</v>
      </c>
      <c r="CJ20" s="114">
        <v>106092</v>
      </c>
      <c r="CK20" s="113">
        <v>740233</v>
      </c>
      <c r="CL20" s="116">
        <v>740233</v>
      </c>
      <c r="CM20" s="110">
        <v>0</v>
      </c>
      <c r="CN20" s="114">
        <v>0</v>
      </c>
      <c r="CO20" s="113">
        <v>0</v>
      </c>
      <c r="CP20" s="111">
        <v>0</v>
      </c>
      <c r="CQ20" s="114">
        <v>142748</v>
      </c>
      <c r="CR20" s="114">
        <v>60299</v>
      </c>
      <c r="CS20" s="114">
        <v>138143</v>
      </c>
      <c r="CT20" s="114">
        <v>27505</v>
      </c>
      <c r="CU20" s="114">
        <v>17001</v>
      </c>
      <c r="CV20" s="113">
        <v>385696</v>
      </c>
      <c r="CW20" s="116">
        <v>385696</v>
      </c>
      <c r="CX20" s="110">
        <v>0</v>
      </c>
      <c r="CY20" s="114">
        <v>0</v>
      </c>
      <c r="CZ20" s="113">
        <v>0</v>
      </c>
      <c r="DA20" s="110">
        <v>0</v>
      </c>
      <c r="DB20" s="114">
        <v>78442</v>
      </c>
      <c r="DC20" s="114">
        <v>45525</v>
      </c>
      <c r="DD20" s="114">
        <v>61744</v>
      </c>
      <c r="DE20" s="114">
        <v>79735</v>
      </c>
      <c r="DF20" s="114">
        <v>89091</v>
      </c>
      <c r="DG20" s="113">
        <v>354537</v>
      </c>
      <c r="DH20" s="116">
        <v>354537</v>
      </c>
      <c r="DI20" s="110">
        <v>0</v>
      </c>
      <c r="DJ20" s="114">
        <v>0</v>
      </c>
      <c r="DK20" s="112">
        <v>0</v>
      </c>
      <c r="DL20" s="111">
        <v>0</v>
      </c>
      <c r="DM20" s="114">
        <v>34296</v>
      </c>
      <c r="DN20" s="114">
        <v>100683</v>
      </c>
      <c r="DO20" s="114">
        <v>0</v>
      </c>
      <c r="DP20" s="114">
        <v>51556</v>
      </c>
      <c r="DQ20" s="114">
        <v>200616</v>
      </c>
      <c r="DR20" s="113">
        <v>387151</v>
      </c>
      <c r="DS20" s="116">
        <v>387151</v>
      </c>
      <c r="DT20" s="110">
        <v>0</v>
      </c>
      <c r="DU20" s="114">
        <v>0</v>
      </c>
      <c r="DV20" s="113">
        <v>0</v>
      </c>
      <c r="DW20" s="110">
        <v>0</v>
      </c>
      <c r="DX20" s="114">
        <v>34296</v>
      </c>
      <c r="DY20" s="114">
        <v>100683</v>
      </c>
      <c r="DZ20" s="114">
        <v>0</v>
      </c>
      <c r="EA20" s="114">
        <v>51556</v>
      </c>
      <c r="EB20" s="114">
        <v>200616</v>
      </c>
      <c r="EC20" s="113">
        <v>387151</v>
      </c>
      <c r="ED20" s="116">
        <v>387151</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3850</v>
      </c>
      <c r="FM20" s="114">
        <v>20300</v>
      </c>
      <c r="FN20" s="113">
        <v>24150</v>
      </c>
      <c r="FO20" s="110">
        <v>0</v>
      </c>
      <c r="FP20" s="114">
        <v>79926</v>
      </c>
      <c r="FQ20" s="114">
        <v>148852</v>
      </c>
      <c r="FR20" s="114">
        <v>34636</v>
      </c>
      <c r="FS20" s="114">
        <v>115794</v>
      </c>
      <c r="FT20" s="114">
        <v>93744</v>
      </c>
      <c r="FU20" s="113">
        <v>472952</v>
      </c>
      <c r="FV20" s="116">
        <v>497102</v>
      </c>
      <c r="FW20" s="115">
        <v>3850</v>
      </c>
      <c r="FX20" s="114">
        <v>20300</v>
      </c>
      <c r="FY20" s="112">
        <v>24150</v>
      </c>
      <c r="FZ20" s="111">
        <v>0</v>
      </c>
      <c r="GA20" s="114">
        <v>79926</v>
      </c>
      <c r="GB20" s="114">
        <v>148852</v>
      </c>
      <c r="GC20" s="114">
        <v>34636</v>
      </c>
      <c r="GD20" s="114">
        <v>115794</v>
      </c>
      <c r="GE20" s="114">
        <v>93744</v>
      </c>
      <c r="GF20" s="113">
        <v>472952</v>
      </c>
      <c r="GG20" s="318">
        <v>497102</v>
      </c>
      <c r="GH20" s="115">
        <v>0</v>
      </c>
      <c r="GI20" s="114">
        <v>0</v>
      </c>
      <c r="GJ20" s="112">
        <v>0</v>
      </c>
      <c r="GK20" s="111">
        <v>0</v>
      </c>
      <c r="GL20" s="114">
        <v>0</v>
      </c>
      <c r="GM20" s="114">
        <v>0</v>
      </c>
      <c r="GN20" s="114">
        <v>0</v>
      </c>
      <c r="GO20" s="114">
        <v>0</v>
      </c>
      <c r="GP20" s="114">
        <v>0</v>
      </c>
      <c r="GQ20" s="113">
        <v>0</v>
      </c>
      <c r="GR20" s="116">
        <v>0</v>
      </c>
      <c r="GS20" s="110">
        <v>0</v>
      </c>
      <c r="GT20" s="114">
        <v>0</v>
      </c>
      <c r="GU20" s="113">
        <v>0</v>
      </c>
      <c r="GV20" s="110">
        <v>0</v>
      </c>
      <c r="GW20" s="114">
        <v>0</v>
      </c>
      <c r="GX20" s="114">
        <v>0</v>
      </c>
      <c r="GY20" s="114">
        <v>0</v>
      </c>
      <c r="GZ20" s="114">
        <v>0</v>
      </c>
      <c r="HA20" s="114">
        <v>0</v>
      </c>
      <c r="HB20" s="112">
        <v>0</v>
      </c>
      <c r="HC20" s="116">
        <v>0</v>
      </c>
      <c r="HD20" s="110">
        <v>49582</v>
      </c>
      <c r="HE20" s="114">
        <v>158155</v>
      </c>
      <c r="HF20" s="112">
        <v>207737</v>
      </c>
      <c r="HG20" s="111">
        <v>0</v>
      </c>
      <c r="HH20" s="114">
        <v>681031</v>
      </c>
      <c r="HI20" s="114">
        <v>455191</v>
      </c>
      <c r="HJ20" s="114">
        <v>350055</v>
      </c>
      <c r="HK20" s="114">
        <v>129796</v>
      </c>
      <c r="HL20" s="114">
        <v>204023</v>
      </c>
      <c r="HM20" s="113">
        <v>1820096</v>
      </c>
      <c r="HN20" s="109">
        <v>2027833</v>
      </c>
      <c r="HO20" s="328"/>
      <c r="HP20" s="329"/>
      <c r="HQ20" s="330"/>
      <c r="HR20" s="331"/>
      <c r="HS20" s="329"/>
      <c r="HT20" s="329"/>
      <c r="HU20" s="329"/>
      <c r="HV20" s="329"/>
      <c r="HW20" s="329"/>
      <c r="HX20" s="332"/>
      <c r="HY20" s="333"/>
      <c r="HZ20" s="150">
        <v>0</v>
      </c>
      <c r="IA20" s="135">
        <v>0</v>
      </c>
      <c r="IB20" s="150">
        <v>0</v>
      </c>
      <c r="IC20" s="134">
        <v>0</v>
      </c>
      <c r="ID20" s="135">
        <v>179961</v>
      </c>
      <c r="IE20" s="136">
        <v>720977</v>
      </c>
      <c r="IF20" s="137">
        <v>216136</v>
      </c>
      <c r="IG20" s="135">
        <v>212370</v>
      </c>
      <c r="IH20" s="137">
        <v>222009</v>
      </c>
      <c r="II20" s="138">
        <v>1551453</v>
      </c>
      <c r="IJ20" s="150">
        <v>1551453</v>
      </c>
      <c r="IK20" s="232">
        <v>0</v>
      </c>
      <c r="IL20" s="236">
        <v>0</v>
      </c>
      <c r="IM20" s="237">
        <v>0</v>
      </c>
      <c r="IN20" s="140"/>
      <c r="IO20" s="119">
        <v>0</v>
      </c>
      <c r="IP20" s="119">
        <v>-795</v>
      </c>
      <c r="IQ20" s="119">
        <v>0</v>
      </c>
      <c r="IR20" s="119">
        <v>0</v>
      </c>
      <c r="IS20" s="119">
        <v>0</v>
      </c>
      <c r="IT20" s="141">
        <v>-795</v>
      </c>
      <c r="IU20" s="320">
        <v>-795</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79961</v>
      </c>
      <c r="JL20" s="119">
        <v>314237</v>
      </c>
      <c r="JM20" s="119">
        <v>10395</v>
      </c>
      <c r="JN20" s="119">
        <v>0</v>
      </c>
      <c r="JO20" s="119">
        <v>5729</v>
      </c>
      <c r="JP20" s="120">
        <v>510322</v>
      </c>
      <c r="JQ20" s="320">
        <v>510322</v>
      </c>
      <c r="JR20" s="142">
        <v>0</v>
      </c>
      <c r="JS20" s="119">
        <v>0</v>
      </c>
      <c r="JT20" s="141">
        <v>0</v>
      </c>
      <c r="JU20" s="118">
        <v>0</v>
      </c>
      <c r="JV20" s="119">
        <v>0</v>
      </c>
      <c r="JW20" s="119">
        <v>0</v>
      </c>
      <c r="JX20" s="119">
        <v>0</v>
      </c>
      <c r="JY20" s="119">
        <v>0</v>
      </c>
      <c r="JZ20" s="119">
        <v>0</v>
      </c>
      <c r="KA20" s="120">
        <v>0</v>
      </c>
      <c r="KB20" s="320">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c r="KR20" s="119">
        <v>0</v>
      </c>
      <c r="KS20" s="119">
        <v>407535</v>
      </c>
      <c r="KT20" s="119">
        <v>0</v>
      </c>
      <c r="KU20" s="119">
        <v>212370</v>
      </c>
      <c r="KV20" s="119">
        <v>216280</v>
      </c>
      <c r="KW20" s="120">
        <v>836185</v>
      </c>
      <c r="KX20" s="320">
        <v>836185</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05741</v>
      </c>
      <c r="LQ20" s="119">
        <v>0</v>
      </c>
      <c r="LR20" s="119">
        <v>0</v>
      </c>
      <c r="LS20" s="120">
        <v>205741</v>
      </c>
      <c r="LT20" s="320">
        <v>205741</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0</v>
      </c>
      <c r="ML20" s="119">
        <v>414050</v>
      </c>
      <c r="MM20" s="119">
        <v>937387</v>
      </c>
      <c r="MN20" s="119">
        <v>252347</v>
      </c>
      <c r="MO20" s="120">
        <v>1603784</v>
      </c>
      <c r="MP20" s="143">
        <v>1603784</v>
      </c>
      <c r="MQ20" s="142">
        <v>0</v>
      </c>
      <c r="MR20" s="119">
        <v>0</v>
      </c>
      <c r="MS20" s="120">
        <v>0</v>
      </c>
      <c r="MT20" s="145"/>
      <c r="MU20" s="119">
        <v>0</v>
      </c>
      <c r="MV20" s="119">
        <v>0</v>
      </c>
      <c r="MW20" s="119">
        <v>188295</v>
      </c>
      <c r="MX20" s="119">
        <v>0</v>
      </c>
      <c r="MY20" s="119">
        <v>252347</v>
      </c>
      <c r="MZ20" s="120">
        <v>440642</v>
      </c>
      <c r="NA20" s="143">
        <v>440642</v>
      </c>
      <c r="NB20" s="142">
        <v>0</v>
      </c>
      <c r="NC20" s="119">
        <v>0</v>
      </c>
      <c r="ND20" s="120">
        <v>0</v>
      </c>
      <c r="NE20" s="145"/>
      <c r="NF20" s="119">
        <v>0</v>
      </c>
      <c r="NG20" s="119">
        <v>0</v>
      </c>
      <c r="NH20" s="119">
        <v>225755</v>
      </c>
      <c r="NI20" s="119">
        <v>937387</v>
      </c>
      <c r="NJ20" s="119">
        <v>0</v>
      </c>
      <c r="NK20" s="120">
        <v>1163142</v>
      </c>
      <c r="NL20" s="320">
        <v>1163142</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53432</v>
      </c>
      <c r="OJ20" s="119">
        <v>192707</v>
      </c>
      <c r="OK20" s="141">
        <v>246139</v>
      </c>
      <c r="OL20" s="118">
        <v>0</v>
      </c>
      <c r="OM20" s="119">
        <v>1377641</v>
      </c>
      <c r="ON20" s="119">
        <v>1896173</v>
      </c>
      <c r="OO20" s="119">
        <v>1365054</v>
      </c>
      <c r="OP20" s="119">
        <v>1665951</v>
      </c>
      <c r="OQ20" s="119">
        <v>1807922</v>
      </c>
      <c r="OR20" s="120">
        <v>8112741</v>
      </c>
      <c r="OS20" s="143">
        <v>8358880</v>
      </c>
    </row>
    <row r="21" spans="2:409" ht="21" customHeight="1" x14ac:dyDescent="0.2">
      <c r="B21" s="126" t="s">
        <v>16</v>
      </c>
      <c r="C21" s="110">
        <v>192585</v>
      </c>
      <c r="D21" s="114">
        <v>501784</v>
      </c>
      <c r="E21" s="113">
        <v>694369</v>
      </c>
      <c r="F21" s="109">
        <v>0</v>
      </c>
      <c r="G21" s="114">
        <v>3877272</v>
      </c>
      <c r="H21" s="114">
        <v>5150494</v>
      </c>
      <c r="I21" s="114">
        <v>4162059</v>
      </c>
      <c r="J21" s="114">
        <v>3821418</v>
      </c>
      <c r="K21" s="114">
        <v>2405583</v>
      </c>
      <c r="L21" s="109">
        <v>19416826</v>
      </c>
      <c r="M21" s="116">
        <v>20111195</v>
      </c>
      <c r="N21" s="110">
        <v>21602</v>
      </c>
      <c r="O21" s="114">
        <v>67315</v>
      </c>
      <c r="P21" s="113">
        <v>88917</v>
      </c>
      <c r="Q21" s="110">
        <v>0</v>
      </c>
      <c r="R21" s="114">
        <v>722211</v>
      </c>
      <c r="S21" s="114">
        <v>1101396</v>
      </c>
      <c r="T21" s="114">
        <v>903290</v>
      </c>
      <c r="U21" s="114">
        <v>971502</v>
      </c>
      <c r="V21" s="114">
        <v>350300</v>
      </c>
      <c r="W21" s="113">
        <v>4048699</v>
      </c>
      <c r="X21" s="116">
        <v>4137616</v>
      </c>
      <c r="Y21" s="110">
        <v>0</v>
      </c>
      <c r="Z21" s="114">
        <v>0</v>
      </c>
      <c r="AA21" s="113">
        <v>0</v>
      </c>
      <c r="AB21" s="110">
        <v>0</v>
      </c>
      <c r="AC21" s="114">
        <v>256144</v>
      </c>
      <c r="AD21" s="114">
        <v>472868</v>
      </c>
      <c r="AE21" s="114">
        <v>178303</v>
      </c>
      <c r="AF21" s="114">
        <v>465723</v>
      </c>
      <c r="AG21" s="114">
        <v>133561</v>
      </c>
      <c r="AH21" s="113">
        <v>1506599</v>
      </c>
      <c r="AI21" s="116">
        <v>1506599</v>
      </c>
      <c r="AJ21" s="110">
        <v>0</v>
      </c>
      <c r="AK21" s="114">
        <v>0</v>
      </c>
      <c r="AL21" s="113">
        <v>0</v>
      </c>
      <c r="AM21" s="110">
        <v>0</v>
      </c>
      <c r="AN21" s="114">
        <v>0</v>
      </c>
      <c r="AO21" s="114">
        <v>69029</v>
      </c>
      <c r="AP21" s="114">
        <v>29584</v>
      </c>
      <c r="AQ21" s="114">
        <v>0</v>
      </c>
      <c r="AR21" s="114">
        <v>29584</v>
      </c>
      <c r="AS21" s="113">
        <v>128197</v>
      </c>
      <c r="AT21" s="116">
        <v>128197</v>
      </c>
      <c r="AU21" s="110">
        <v>7490</v>
      </c>
      <c r="AV21" s="114">
        <v>43018</v>
      </c>
      <c r="AW21" s="113">
        <v>50508</v>
      </c>
      <c r="AX21" s="110">
        <v>0</v>
      </c>
      <c r="AY21" s="114">
        <v>172492</v>
      </c>
      <c r="AZ21" s="114">
        <v>451671</v>
      </c>
      <c r="BA21" s="114">
        <v>404582</v>
      </c>
      <c r="BB21" s="114">
        <v>247220</v>
      </c>
      <c r="BC21" s="114">
        <v>63983</v>
      </c>
      <c r="BD21" s="113">
        <v>1339948</v>
      </c>
      <c r="BE21" s="116">
        <v>1390456</v>
      </c>
      <c r="BF21" s="110">
        <v>0</v>
      </c>
      <c r="BG21" s="114">
        <v>0</v>
      </c>
      <c r="BH21" s="112">
        <v>0</v>
      </c>
      <c r="BI21" s="111">
        <v>0</v>
      </c>
      <c r="BJ21" s="114">
        <v>99171</v>
      </c>
      <c r="BK21" s="114">
        <v>0</v>
      </c>
      <c r="BL21" s="114">
        <v>62089</v>
      </c>
      <c r="BM21" s="114">
        <v>27650</v>
      </c>
      <c r="BN21" s="114">
        <v>0</v>
      </c>
      <c r="BO21" s="113">
        <v>188910</v>
      </c>
      <c r="BP21" s="116">
        <v>188910</v>
      </c>
      <c r="BQ21" s="110">
        <v>14112</v>
      </c>
      <c r="BR21" s="114">
        <v>24297</v>
      </c>
      <c r="BS21" s="113">
        <v>38409</v>
      </c>
      <c r="BT21" s="110">
        <v>0</v>
      </c>
      <c r="BU21" s="114">
        <v>194404</v>
      </c>
      <c r="BV21" s="114">
        <v>107828</v>
      </c>
      <c r="BW21" s="114">
        <v>228732</v>
      </c>
      <c r="BX21" s="114">
        <v>230909</v>
      </c>
      <c r="BY21" s="114">
        <v>123172</v>
      </c>
      <c r="BZ21" s="113">
        <v>885045</v>
      </c>
      <c r="CA21" s="116">
        <v>923454</v>
      </c>
      <c r="CB21" s="110">
        <v>36660</v>
      </c>
      <c r="CC21" s="114">
        <v>201857</v>
      </c>
      <c r="CD21" s="113">
        <v>238517</v>
      </c>
      <c r="CE21" s="110">
        <v>0</v>
      </c>
      <c r="CF21" s="114">
        <v>1234931</v>
      </c>
      <c r="CG21" s="114">
        <v>2216190</v>
      </c>
      <c r="CH21" s="114">
        <v>1122571</v>
      </c>
      <c r="CI21" s="114">
        <v>252253</v>
      </c>
      <c r="CJ21" s="114">
        <v>478313</v>
      </c>
      <c r="CK21" s="113">
        <v>5304258</v>
      </c>
      <c r="CL21" s="116">
        <v>5542775</v>
      </c>
      <c r="CM21" s="110">
        <v>0</v>
      </c>
      <c r="CN21" s="114">
        <v>0</v>
      </c>
      <c r="CO21" s="113">
        <v>0</v>
      </c>
      <c r="CP21" s="111">
        <v>0</v>
      </c>
      <c r="CQ21" s="114">
        <v>830198</v>
      </c>
      <c r="CR21" s="114">
        <v>1160843</v>
      </c>
      <c r="CS21" s="114">
        <v>778482</v>
      </c>
      <c r="CT21" s="114">
        <v>180089</v>
      </c>
      <c r="CU21" s="114">
        <v>257060</v>
      </c>
      <c r="CV21" s="113">
        <v>3206672</v>
      </c>
      <c r="CW21" s="116">
        <v>3206672</v>
      </c>
      <c r="CX21" s="110">
        <v>36660</v>
      </c>
      <c r="CY21" s="114">
        <v>201857</v>
      </c>
      <c r="CZ21" s="113">
        <v>238517</v>
      </c>
      <c r="DA21" s="110">
        <v>0</v>
      </c>
      <c r="DB21" s="114">
        <v>404733</v>
      </c>
      <c r="DC21" s="114">
        <v>1055347</v>
      </c>
      <c r="DD21" s="114">
        <v>344089</v>
      </c>
      <c r="DE21" s="114">
        <v>72164</v>
      </c>
      <c r="DF21" s="114">
        <v>221253</v>
      </c>
      <c r="DG21" s="113">
        <v>2097586</v>
      </c>
      <c r="DH21" s="116">
        <v>2336103</v>
      </c>
      <c r="DI21" s="110">
        <v>0</v>
      </c>
      <c r="DJ21" s="114">
        <v>0</v>
      </c>
      <c r="DK21" s="112">
        <v>0</v>
      </c>
      <c r="DL21" s="111">
        <v>0</v>
      </c>
      <c r="DM21" s="114">
        <v>98751</v>
      </c>
      <c r="DN21" s="114">
        <v>134414</v>
      </c>
      <c r="DO21" s="114">
        <v>194818</v>
      </c>
      <c r="DP21" s="114">
        <v>0</v>
      </c>
      <c r="DQ21" s="114">
        <v>0</v>
      </c>
      <c r="DR21" s="113">
        <v>427983</v>
      </c>
      <c r="DS21" s="116">
        <v>427983</v>
      </c>
      <c r="DT21" s="110">
        <v>0</v>
      </c>
      <c r="DU21" s="114">
        <v>0</v>
      </c>
      <c r="DV21" s="113">
        <v>0</v>
      </c>
      <c r="DW21" s="110">
        <v>0</v>
      </c>
      <c r="DX21" s="114">
        <v>77933</v>
      </c>
      <c r="DY21" s="114">
        <v>134414</v>
      </c>
      <c r="DZ21" s="114">
        <v>154778</v>
      </c>
      <c r="EA21" s="114">
        <v>0</v>
      </c>
      <c r="EB21" s="114">
        <v>0</v>
      </c>
      <c r="EC21" s="113">
        <v>367125</v>
      </c>
      <c r="ED21" s="116">
        <v>367125</v>
      </c>
      <c r="EE21" s="110">
        <v>0</v>
      </c>
      <c r="EF21" s="112">
        <v>0</v>
      </c>
      <c r="EG21" s="113">
        <v>0</v>
      </c>
      <c r="EH21" s="110">
        <v>0</v>
      </c>
      <c r="EI21" s="114">
        <v>20818</v>
      </c>
      <c r="EJ21" s="114">
        <v>0</v>
      </c>
      <c r="EK21" s="114">
        <v>40040</v>
      </c>
      <c r="EL21" s="114">
        <v>0</v>
      </c>
      <c r="EM21" s="114">
        <v>0</v>
      </c>
      <c r="EN21" s="112">
        <v>60858</v>
      </c>
      <c r="EO21" s="116">
        <v>60858</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46956</v>
      </c>
      <c r="FM21" s="114">
        <v>173152</v>
      </c>
      <c r="FN21" s="113">
        <v>220108</v>
      </c>
      <c r="FO21" s="110">
        <v>0</v>
      </c>
      <c r="FP21" s="114">
        <v>128534</v>
      </c>
      <c r="FQ21" s="114">
        <v>453005</v>
      </c>
      <c r="FR21" s="114">
        <v>259476</v>
      </c>
      <c r="FS21" s="114">
        <v>143059</v>
      </c>
      <c r="FT21" s="114">
        <v>187166</v>
      </c>
      <c r="FU21" s="113">
        <v>1171240</v>
      </c>
      <c r="FV21" s="116">
        <v>1391348</v>
      </c>
      <c r="FW21" s="115">
        <v>46956</v>
      </c>
      <c r="FX21" s="114">
        <v>108626</v>
      </c>
      <c r="FY21" s="112">
        <v>155582</v>
      </c>
      <c r="FZ21" s="111">
        <v>0</v>
      </c>
      <c r="GA21" s="114">
        <v>128534</v>
      </c>
      <c r="GB21" s="114">
        <v>434875</v>
      </c>
      <c r="GC21" s="114">
        <v>248276</v>
      </c>
      <c r="GD21" s="114">
        <v>143059</v>
      </c>
      <c r="GE21" s="114">
        <v>187166</v>
      </c>
      <c r="GF21" s="113">
        <v>1141910</v>
      </c>
      <c r="GG21" s="318">
        <v>1297492</v>
      </c>
      <c r="GH21" s="115">
        <v>0</v>
      </c>
      <c r="GI21" s="114">
        <v>64526</v>
      </c>
      <c r="GJ21" s="112">
        <v>64526</v>
      </c>
      <c r="GK21" s="111">
        <v>0</v>
      </c>
      <c r="GL21" s="114">
        <v>0</v>
      </c>
      <c r="GM21" s="114">
        <v>18130</v>
      </c>
      <c r="GN21" s="114">
        <v>11200</v>
      </c>
      <c r="GO21" s="114">
        <v>0</v>
      </c>
      <c r="GP21" s="114">
        <v>0</v>
      </c>
      <c r="GQ21" s="113">
        <v>29330</v>
      </c>
      <c r="GR21" s="116">
        <v>93856</v>
      </c>
      <c r="GS21" s="110">
        <v>0</v>
      </c>
      <c r="GT21" s="114">
        <v>0</v>
      </c>
      <c r="GU21" s="113">
        <v>0</v>
      </c>
      <c r="GV21" s="110">
        <v>0</v>
      </c>
      <c r="GW21" s="114">
        <v>0</v>
      </c>
      <c r="GX21" s="114">
        <v>0</v>
      </c>
      <c r="GY21" s="114">
        <v>0</v>
      </c>
      <c r="GZ21" s="114">
        <v>0</v>
      </c>
      <c r="HA21" s="114">
        <v>0</v>
      </c>
      <c r="HB21" s="112">
        <v>0</v>
      </c>
      <c r="HC21" s="116">
        <v>0</v>
      </c>
      <c r="HD21" s="110">
        <v>87367</v>
      </c>
      <c r="HE21" s="114">
        <v>59460</v>
      </c>
      <c r="HF21" s="112">
        <v>146827</v>
      </c>
      <c r="HG21" s="111">
        <v>0</v>
      </c>
      <c r="HH21" s="114">
        <v>1692845</v>
      </c>
      <c r="HI21" s="114">
        <v>1245489</v>
      </c>
      <c r="HJ21" s="114">
        <v>1681904</v>
      </c>
      <c r="HK21" s="114">
        <v>2454604</v>
      </c>
      <c r="HL21" s="114">
        <v>1389804</v>
      </c>
      <c r="HM21" s="113">
        <v>8464646</v>
      </c>
      <c r="HN21" s="109">
        <v>8611473</v>
      </c>
      <c r="HO21" s="328"/>
      <c r="HP21" s="329"/>
      <c r="HQ21" s="330"/>
      <c r="HR21" s="331"/>
      <c r="HS21" s="329"/>
      <c r="HT21" s="329"/>
      <c r="HU21" s="329"/>
      <c r="HV21" s="329"/>
      <c r="HW21" s="329"/>
      <c r="HX21" s="332"/>
      <c r="HY21" s="333"/>
      <c r="HZ21" s="131">
        <v>0</v>
      </c>
      <c r="IA21" s="132">
        <v>0</v>
      </c>
      <c r="IB21" s="133">
        <v>0</v>
      </c>
      <c r="IC21" s="146">
        <v>0</v>
      </c>
      <c r="ID21" s="132">
        <v>628622</v>
      </c>
      <c r="IE21" s="147">
        <v>260468</v>
      </c>
      <c r="IF21" s="133">
        <v>1002956</v>
      </c>
      <c r="IG21" s="132">
        <v>426205</v>
      </c>
      <c r="IH21" s="133">
        <v>926379</v>
      </c>
      <c r="II21" s="148">
        <v>3244630</v>
      </c>
      <c r="IJ21" s="139">
        <v>3244630</v>
      </c>
      <c r="IK21" s="232">
        <v>0</v>
      </c>
      <c r="IL21" s="236">
        <v>0</v>
      </c>
      <c r="IM21" s="237">
        <v>0</v>
      </c>
      <c r="IN21" s="140"/>
      <c r="IO21" s="119">
        <v>0</v>
      </c>
      <c r="IP21" s="119">
        <v>0</v>
      </c>
      <c r="IQ21" s="119">
        <v>0</v>
      </c>
      <c r="IR21" s="119">
        <v>0</v>
      </c>
      <c r="IS21" s="119">
        <v>433095</v>
      </c>
      <c r="IT21" s="141">
        <v>433095</v>
      </c>
      <c r="IU21" s="320">
        <v>433095</v>
      </c>
      <c r="IV21" s="142">
        <v>0</v>
      </c>
      <c r="IW21" s="119">
        <v>0</v>
      </c>
      <c r="IX21" s="120">
        <v>0</v>
      </c>
      <c r="IY21" s="144"/>
      <c r="IZ21" s="119">
        <v>0</v>
      </c>
      <c r="JA21" s="119">
        <v>0</v>
      </c>
      <c r="JB21" s="119">
        <v>8752</v>
      </c>
      <c r="JC21" s="119">
        <v>0</v>
      </c>
      <c r="JD21" s="119">
        <v>0</v>
      </c>
      <c r="JE21" s="120">
        <v>8752</v>
      </c>
      <c r="JF21" s="121">
        <v>8752</v>
      </c>
      <c r="JG21" s="142">
        <v>0</v>
      </c>
      <c r="JH21" s="119">
        <v>0</v>
      </c>
      <c r="JI21" s="141">
        <v>0</v>
      </c>
      <c r="JJ21" s="118">
        <v>0</v>
      </c>
      <c r="JK21" s="119">
        <v>348969</v>
      </c>
      <c r="JL21" s="119">
        <v>223894</v>
      </c>
      <c r="JM21" s="119">
        <v>288059</v>
      </c>
      <c r="JN21" s="119">
        <v>0</v>
      </c>
      <c r="JO21" s="119">
        <v>29546</v>
      </c>
      <c r="JP21" s="120">
        <v>890468</v>
      </c>
      <c r="JQ21" s="320">
        <v>890468</v>
      </c>
      <c r="JR21" s="142">
        <v>0</v>
      </c>
      <c r="JS21" s="119">
        <v>0</v>
      </c>
      <c r="JT21" s="141">
        <v>0</v>
      </c>
      <c r="JU21" s="118">
        <v>0</v>
      </c>
      <c r="JV21" s="119">
        <v>85875</v>
      </c>
      <c r="JW21" s="119">
        <v>36574</v>
      </c>
      <c r="JX21" s="119">
        <v>72345</v>
      </c>
      <c r="JY21" s="119">
        <v>0</v>
      </c>
      <c r="JZ21" s="119">
        <v>0</v>
      </c>
      <c r="KA21" s="120">
        <v>194794</v>
      </c>
      <c r="KB21" s="320">
        <v>194794</v>
      </c>
      <c r="KC21" s="234">
        <v>0</v>
      </c>
      <c r="KD21" s="230">
        <v>0</v>
      </c>
      <c r="KE21" s="120">
        <v>0</v>
      </c>
      <c r="KF21" s="118">
        <v>0</v>
      </c>
      <c r="KG21" s="119">
        <v>0</v>
      </c>
      <c r="KH21" s="119">
        <v>0</v>
      </c>
      <c r="KI21" s="119">
        <v>0</v>
      </c>
      <c r="KJ21" s="119">
        <v>0</v>
      </c>
      <c r="KK21" s="119">
        <v>247213</v>
      </c>
      <c r="KL21" s="120">
        <v>247213</v>
      </c>
      <c r="KM21" s="143">
        <v>247213</v>
      </c>
      <c r="KN21" s="232">
        <v>0</v>
      </c>
      <c r="KO21" s="236">
        <v>0</v>
      </c>
      <c r="KP21" s="237">
        <v>0</v>
      </c>
      <c r="KQ21" s="140"/>
      <c r="KR21" s="119">
        <v>193778</v>
      </c>
      <c r="KS21" s="119">
        <v>0</v>
      </c>
      <c r="KT21" s="119">
        <v>633800</v>
      </c>
      <c r="KU21" s="119">
        <v>426205</v>
      </c>
      <c r="KV21" s="119">
        <v>216525</v>
      </c>
      <c r="KW21" s="120">
        <v>1470308</v>
      </c>
      <c r="KX21" s="320">
        <v>1470308</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238854</v>
      </c>
      <c r="MK21" s="119">
        <v>200716</v>
      </c>
      <c r="ML21" s="119">
        <v>2173326</v>
      </c>
      <c r="MM21" s="119">
        <v>3581154</v>
      </c>
      <c r="MN21" s="119">
        <v>2363970</v>
      </c>
      <c r="MO21" s="120">
        <v>8558020</v>
      </c>
      <c r="MP21" s="143">
        <v>8558020</v>
      </c>
      <c r="MQ21" s="142">
        <v>0</v>
      </c>
      <c r="MR21" s="119">
        <v>0</v>
      </c>
      <c r="MS21" s="120">
        <v>0</v>
      </c>
      <c r="MT21" s="145"/>
      <c r="MU21" s="119">
        <v>0</v>
      </c>
      <c r="MV21" s="119">
        <v>0</v>
      </c>
      <c r="MW21" s="119">
        <v>1181621</v>
      </c>
      <c r="MX21" s="119">
        <v>1191926</v>
      </c>
      <c r="MY21" s="119">
        <v>1496435</v>
      </c>
      <c r="MZ21" s="120">
        <v>3869982</v>
      </c>
      <c r="NA21" s="143">
        <v>3869982</v>
      </c>
      <c r="NB21" s="142">
        <v>0</v>
      </c>
      <c r="NC21" s="119">
        <v>0</v>
      </c>
      <c r="ND21" s="120">
        <v>0</v>
      </c>
      <c r="NE21" s="145"/>
      <c r="NF21" s="119">
        <v>238854</v>
      </c>
      <c r="NG21" s="119">
        <v>200716</v>
      </c>
      <c r="NH21" s="119">
        <v>991705</v>
      </c>
      <c r="NI21" s="119">
        <v>1742519</v>
      </c>
      <c r="NJ21" s="119">
        <v>867535</v>
      </c>
      <c r="NK21" s="120">
        <v>4041329</v>
      </c>
      <c r="NL21" s="320">
        <v>4041329</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646709</v>
      </c>
      <c r="OF21" s="119">
        <v>0</v>
      </c>
      <c r="OG21" s="120">
        <v>646709</v>
      </c>
      <c r="OH21" s="121">
        <v>646709</v>
      </c>
      <c r="OI21" s="142">
        <v>192585</v>
      </c>
      <c r="OJ21" s="119">
        <v>501784</v>
      </c>
      <c r="OK21" s="141">
        <v>694369</v>
      </c>
      <c r="OL21" s="118">
        <v>0</v>
      </c>
      <c r="OM21" s="119">
        <v>4744748</v>
      </c>
      <c r="ON21" s="119">
        <v>5611678</v>
      </c>
      <c r="OO21" s="119">
        <v>7338341</v>
      </c>
      <c r="OP21" s="119">
        <v>7828777</v>
      </c>
      <c r="OQ21" s="119">
        <v>5695932</v>
      </c>
      <c r="OR21" s="120">
        <v>31219476</v>
      </c>
      <c r="OS21" s="143">
        <v>31913845</v>
      </c>
    </row>
    <row r="22" spans="2:409" ht="21" customHeight="1" x14ac:dyDescent="0.2">
      <c r="B22" s="126" t="s">
        <v>17</v>
      </c>
      <c r="C22" s="110">
        <v>345769</v>
      </c>
      <c r="D22" s="114">
        <v>595041</v>
      </c>
      <c r="E22" s="113">
        <v>940810</v>
      </c>
      <c r="F22" s="109">
        <v>0</v>
      </c>
      <c r="G22" s="114">
        <v>3576453</v>
      </c>
      <c r="H22" s="114">
        <v>6050624</v>
      </c>
      <c r="I22" s="114">
        <v>6512065</v>
      </c>
      <c r="J22" s="114">
        <v>5922351</v>
      </c>
      <c r="K22" s="114">
        <v>5166774</v>
      </c>
      <c r="L22" s="109">
        <v>27228267</v>
      </c>
      <c r="M22" s="116">
        <v>28169077</v>
      </c>
      <c r="N22" s="110">
        <v>129762</v>
      </c>
      <c r="O22" s="114">
        <v>210459</v>
      </c>
      <c r="P22" s="113">
        <v>340221</v>
      </c>
      <c r="Q22" s="110">
        <v>0</v>
      </c>
      <c r="R22" s="114">
        <v>1004500</v>
      </c>
      <c r="S22" s="114">
        <v>1373094</v>
      </c>
      <c r="T22" s="114">
        <v>2168858</v>
      </c>
      <c r="U22" s="114">
        <v>1011520</v>
      </c>
      <c r="V22" s="114">
        <v>2126524</v>
      </c>
      <c r="W22" s="113">
        <v>7684496</v>
      </c>
      <c r="X22" s="116">
        <v>8024717</v>
      </c>
      <c r="Y22" s="110">
        <v>0</v>
      </c>
      <c r="Z22" s="114">
        <v>0</v>
      </c>
      <c r="AA22" s="113">
        <v>0</v>
      </c>
      <c r="AB22" s="110">
        <v>0</v>
      </c>
      <c r="AC22" s="114">
        <v>227337</v>
      </c>
      <c r="AD22" s="114">
        <v>475337</v>
      </c>
      <c r="AE22" s="114">
        <v>1140318</v>
      </c>
      <c r="AF22" s="114">
        <v>183486</v>
      </c>
      <c r="AG22" s="114">
        <v>815006</v>
      </c>
      <c r="AH22" s="113">
        <v>2841484</v>
      </c>
      <c r="AI22" s="116">
        <v>2841484</v>
      </c>
      <c r="AJ22" s="110">
        <v>0</v>
      </c>
      <c r="AK22" s="114">
        <v>0</v>
      </c>
      <c r="AL22" s="113">
        <v>0</v>
      </c>
      <c r="AM22" s="110">
        <v>0</v>
      </c>
      <c r="AN22" s="114">
        <v>92330</v>
      </c>
      <c r="AO22" s="114">
        <v>51293</v>
      </c>
      <c r="AP22" s="114">
        <v>111563</v>
      </c>
      <c r="AQ22" s="114">
        <v>225116</v>
      </c>
      <c r="AR22" s="114">
        <v>340520</v>
      </c>
      <c r="AS22" s="113">
        <v>820822</v>
      </c>
      <c r="AT22" s="116">
        <v>820822</v>
      </c>
      <c r="AU22" s="110">
        <v>73328</v>
      </c>
      <c r="AV22" s="114">
        <v>183866</v>
      </c>
      <c r="AW22" s="113">
        <v>257194</v>
      </c>
      <c r="AX22" s="110">
        <v>0</v>
      </c>
      <c r="AY22" s="114">
        <v>507335</v>
      </c>
      <c r="AZ22" s="114">
        <v>566872</v>
      </c>
      <c r="BA22" s="114">
        <v>623622</v>
      </c>
      <c r="BB22" s="114">
        <v>189686</v>
      </c>
      <c r="BC22" s="114">
        <v>656082</v>
      </c>
      <c r="BD22" s="113">
        <v>2543597</v>
      </c>
      <c r="BE22" s="116">
        <v>2800791</v>
      </c>
      <c r="BF22" s="110">
        <v>0</v>
      </c>
      <c r="BG22" s="114">
        <v>0</v>
      </c>
      <c r="BH22" s="112">
        <v>0</v>
      </c>
      <c r="BI22" s="111">
        <v>0</v>
      </c>
      <c r="BJ22" s="114">
        <v>14013</v>
      </c>
      <c r="BK22" s="114">
        <v>42040</v>
      </c>
      <c r="BL22" s="114">
        <v>21020</v>
      </c>
      <c r="BM22" s="114">
        <v>67418</v>
      </c>
      <c r="BN22" s="114">
        <v>0</v>
      </c>
      <c r="BO22" s="113">
        <v>144491</v>
      </c>
      <c r="BP22" s="116">
        <v>144491</v>
      </c>
      <c r="BQ22" s="110">
        <v>56434</v>
      </c>
      <c r="BR22" s="114">
        <v>26593</v>
      </c>
      <c r="BS22" s="113">
        <v>83027</v>
      </c>
      <c r="BT22" s="110">
        <v>0</v>
      </c>
      <c r="BU22" s="114">
        <v>163485</v>
      </c>
      <c r="BV22" s="114">
        <v>237552</v>
      </c>
      <c r="BW22" s="114">
        <v>272335</v>
      </c>
      <c r="BX22" s="114">
        <v>345814</v>
      </c>
      <c r="BY22" s="114">
        <v>314916</v>
      </c>
      <c r="BZ22" s="113">
        <v>1334102</v>
      </c>
      <c r="CA22" s="116">
        <v>1417129</v>
      </c>
      <c r="CB22" s="110">
        <v>73535</v>
      </c>
      <c r="CC22" s="114">
        <v>100083</v>
      </c>
      <c r="CD22" s="113">
        <v>173618</v>
      </c>
      <c r="CE22" s="110">
        <v>0</v>
      </c>
      <c r="CF22" s="114">
        <v>1350321</v>
      </c>
      <c r="CG22" s="114">
        <v>2662444</v>
      </c>
      <c r="CH22" s="114">
        <v>1115343</v>
      </c>
      <c r="CI22" s="114">
        <v>878561</v>
      </c>
      <c r="CJ22" s="114">
        <v>225176</v>
      </c>
      <c r="CK22" s="113">
        <v>6231845</v>
      </c>
      <c r="CL22" s="116">
        <v>6405463</v>
      </c>
      <c r="CM22" s="110">
        <v>0</v>
      </c>
      <c r="CN22" s="114">
        <v>0</v>
      </c>
      <c r="CO22" s="113">
        <v>0</v>
      </c>
      <c r="CP22" s="111">
        <v>0</v>
      </c>
      <c r="CQ22" s="114">
        <v>1173161</v>
      </c>
      <c r="CR22" s="114">
        <v>2130804</v>
      </c>
      <c r="CS22" s="114">
        <v>696607</v>
      </c>
      <c r="CT22" s="114">
        <v>720674</v>
      </c>
      <c r="CU22" s="114">
        <v>218770</v>
      </c>
      <c r="CV22" s="113">
        <v>4940016</v>
      </c>
      <c r="CW22" s="116">
        <v>4940016</v>
      </c>
      <c r="CX22" s="110">
        <v>73535</v>
      </c>
      <c r="CY22" s="114">
        <v>100083</v>
      </c>
      <c r="CZ22" s="113">
        <v>173618</v>
      </c>
      <c r="DA22" s="110">
        <v>0</v>
      </c>
      <c r="DB22" s="114">
        <v>177160</v>
      </c>
      <c r="DC22" s="114">
        <v>531640</v>
      </c>
      <c r="DD22" s="114">
        <v>418736</v>
      </c>
      <c r="DE22" s="114">
        <v>157887</v>
      </c>
      <c r="DF22" s="114">
        <v>6406</v>
      </c>
      <c r="DG22" s="113">
        <v>1291829</v>
      </c>
      <c r="DH22" s="116">
        <v>1465447</v>
      </c>
      <c r="DI22" s="110">
        <v>0</v>
      </c>
      <c r="DJ22" s="114">
        <v>0</v>
      </c>
      <c r="DK22" s="112">
        <v>0</v>
      </c>
      <c r="DL22" s="111">
        <v>0</v>
      </c>
      <c r="DM22" s="114">
        <v>143979</v>
      </c>
      <c r="DN22" s="114">
        <v>224819</v>
      </c>
      <c r="DO22" s="114">
        <v>1167724</v>
      </c>
      <c r="DP22" s="114">
        <v>1033471</v>
      </c>
      <c r="DQ22" s="114">
        <v>261593</v>
      </c>
      <c r="DR22" s="113">
        <v>2831586</v>
      </c>
      <c r="DS22" s="116">
        <v>2831586</v>
      </c>
      <c r="DT22" s="110">
        <v>0</v>
      </c>
      <c r="DU22" s="114">
        <v>0</v>
      </c>
      <c r="DV22" s="113">
        <v>0</v>
      </c>
      <c r="DW22" s="110">
        <v>0</v>
      </c>
      <c r="DX22" s="114">
        <v>106743</v>
      </c>
      <c r="DY22" s="114">
        <v>224819</v>
      </c>
      <c r="DZ22" s="114">
        <v>718762</v>
      </c>
      <c r="EA22" s="114">
        <v>946007</v>
      </c>
      <c r="EB22" s="114">
        <v>261593</v>
      </c>
      <c r="EC22" s="113">
        <v>2257924</v>
      </c>
      <c r="ED22" s="116">
        <v>2257924</v>
      </c>
      <c r="EE22" s="110">
        <v>0</v>
      </c>
      <c r="EF22" s="112">
        <v>0</v>
      </c>
      <c r="EG22" s="113">
        <v>0</v>
      </c>
      <c r="EH22" s="110">
        <v>0</v>
      </c>
      <c r="EI22" s="114">
        <v>37236</v>
      </c>
      <c r="EJ22" s="114">
        <v>0</v>
      </c>
      <c r="EK22" s="114">
        <v>448962</v>
      </c>
      <c r="EL22" s="114">
        <v>87464</v>
      </c>
      <c r="EM22" s="114">
        <v>0</v>
      </c>
      <c r="EN22" s="112">
        <v>573662</v>
      </c>
      <c r="EO22" s="116">
        <v>573662</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46998</v>
      </c>
      <c r="FM22" s="114">
        <v>131222</v>
      </c>
      <c r="FN22" s="113">
        <v>178220</v>
      </c>
      <c r="FO22" s="110">
        <v>0</v>
      </c>
      <c r="FP22" s="114">
        <v>180761</v>
      </c>
      <c r="FQ22" s="114">
        <v>763175</v>
      </c>
      <c r="FR22" s="114">
        <v>708160</v>
      </c>
      <c r="FS22" s="114">
        <v>476567</v>
      </c>
      <c r="FT22" s="114">
        <v>381892</v>
      </c>
      <c r="FU22" s="113">
        <v>2510555</v>
      </c>
      <c r="FV22" s="116">
        <v>2688775</v>
      </c>
      <c r="FW22" s="115">
        <v>46998</v>
      </c>
      <c r="FX22" s="114">
        <v>117362</v>
      </c>
      <c r="FY22" s="112">
        <v>164360</v>
      </c>
      <c r="FZ22" s="111">
        <v>0</v>
      </c>
      <c r="GA22" s="114">
        <v>149261</v>
      </c>
      <c r="GB22" s="114">
        <v>664545</v>
      </c>
      <c r="GC22" s="114">
        <v>580181</v>
      </c>
      <c r="GD22" s="114">
        <v>465367</v>
      </c>
      <c r="GE22" s="114">
        <v>370692</v>
      </c>
      <c r="GF22" s="113">
        <v>2230046</v>
      </c>
      <c r="GG22" s="318">
        <v>2394406</v>
      </c>
      <c r="GH22" s="115">
        <v>0</v>
      </c>
      <c r="GI22" s="114">
        <v>13860</v>
      </c>
      <c r="GJ22" s="112">
        <v>13860</v>
      </c>
      <c r="GK22" s="111">
        <v>0</v>
      </c>
      <c r="GL22" s="114">
        <v>31500</v>
      </c>
      <c r="GM22" s="114">
        <v>37030</v>
      </c>
      <c r="GN22" s="114">
        <v>0</v>
      </c>
      <c r="GO22" s="114">
        <v>11200</v>
      </c>
      <c r="GP22" s="114">
        <v>11200</v>
      </c>
      <c r="GQ22" s="113">
        <v>90930</v>
      </c>
      <c r="GR22" s="116">
        <v>104790</v>
      </c>
      <c r="GS22" s="110">
        <v>0</v>
      </c>
      <c r="GT22" s="114">
        <v>0</v>
      </c>
      <c r="GU22" s="113">
        <v>0</v>
      </c>
      <c r="GV22" s="110">
        <v>0</v>
      </c>
      <c r="GW22" s="114">
        <v>0</v>
      </c>
      <c r="GX22" s="114">
        <v>61600</v>
      </c>
      <c r="GY22" s="114">
        <v>127979</v>
      </c>
      <c r="GZ22" s="114">
        <v>0</v>
      </c>
      <c r="HA22" s="114">
        <v>0</v>
      </c>
      <c r="HB22" s="112">
        <v>189579</v>
      </c>
      <c r="HC22" s="116">
        <v>189579</v>
      </c>
      <c r="HD22" s="110">
        <v>95474</v>
      </c>
      <c r="HE22" s="114">
        <v>153277</v>
      </c>
      <c r="HF22" s="112">
        <v>248751</v>
      </c>
      <c r="HG22" s="111">
        <v>0</v>
      </c>
      <c r="HH22" s="114">
        <v>896892</v>
      </c>
      <c r="HI22" s="114">
        <v>1027092</v>
      </c>
      <c r="HJ22" s="114">
        <v>1351980</v>
      </c>
      <c r="HK22" s="114">
        <v>2522232</v>
      </c>
      <c r="HL22" s="114">
        <v>2171589</v>
      </c>
      <c r="HM22" s="113">
        <v>7969785</v>
      </c>
      <c r="HN22" s="109">
        <v>8218536</v>
      </c>
      <c r="HO22" s="328"/>
      <c r="HP22" s="329"/>
      <c r="HQ22" s="330"/>
      <c r="HR22" s="331"/>
      <c r="HS22" s="329"/>
      <c r="HT22" s="329"/>
      <c r="HU22" s="329"/>
      <c r="HV22" s="329"/>
      <c r="HW22" s="329"/>
      <c r="HX22" s="332"/>
      <c r="HY22" s="333"/>
      <c r="HZ22" s="150">
        <v>0</v>
      </c>
      <c r="IA22" s="135">
        <v>0</v>
      </c>
      <c r="IB22" s="150">
        <v>0</v>
      </c>
      <c r="IC22" s="134">
        <v>0</v>
      </c>
      <c r="ID22" s="135">
        <v>822999</v>
      </c>
      <c r="IE22" s="136">
        <v>1809306</v>
      </c>
      <c r="IF22" s="137">
        <v>1490336</v>
      </c>
      <c r="IG22" s="135">
        <v>1633570</v>
      </c>
      <c r="IH22" s="137">
        <v>2436791</v>
      </c>
      <c r="II22" s="138">
        <v>8193002</v>
      </c>
      <c r="IJ22" s="150">
        <v>8193002</v>
      </c>
      <c r="IK22" s="232">
        <v>0</v>
      </c>
      <c r="IL22" s="236">
        <v>0</v>
      </c>
      <c r="IM22" s="237">
        <v>0</v>
      </c>
      <c r="IN22" s="140"/>
      <c r="IO22" s="119">
        <v>0</v>
      </c>
      <c r="IP22" s="119">
        <v>0</v>
      </c>
      <c r="IQ22" s="119">
        <v>0</v>
      </c>
      <c r="IR22" s="119">
        <v>0</v>
      </c>
      <c r="IS22" s="119">
        <v>0</v>
      </c>
      <c r="IT22" s="141">
        <v>0</v>
      </c>
      <c r="IU22" s="320">
        <v>0</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317999</v>
      </c>
      <c r="JL22" s="119">
        <v>648936</v>
      </c>
      <c r="JM22" s="119">
        <v>570156</v>
      </c>
      <c r="JN22" s="119">
        <v>297277</v>
      </c>
      <c r="JO22" s="119">
        <v>85073</v>
      </c>
      <c r="JP22" s="120">
        <v>1919441</v>
      </c>
      <c r="JQ22" s="320">
        <v>1919441</v>
      </c>
      <c r="JR22" s="142">
        <v>0</v>
      </c>
      <c r="JS22" s="119">
        <v>0</v>
      </c>
      <c r="JT22" s="141">
        <v>0</v>
      </c>
      <c r="JU22" s="118">
        <v>0</v>
      </c>
      <c r="JV22" s="119">
        <v>0</v>
      </c>
      <c r="JW22" s="119">
        <v>0</v>
      </c>
      <c r="JX22" s="119">
        <v>0</v>
      </c>
      <c r="JY22" s="119">
        <v>0</v>
      </c>
      <c r="JZ22" s="119">
        <v>0</v>
      </c>
      <c r="KA22" s="120">
        <v>0</v>
      </c>
      <c r="KB22" s="320">
        <v>0</v>
      </c>
      <c r="KC22" s="234">
        <v>0</v>
      </c>
      <c r="KD22" s="230">
        <v>0</v>
      </c>
      <c r="KE22" s="120">
        <v>0</v>
      </c>
      <c r="KF22" s="118">
        <v>0</v>
      </c>
      <c r="KG22" s="119">
        <v>107586</v>
      </c>
      <c r="KH22" s="119">
        <v>324372</v>
      </c>
      <c r="KI22" s="119">
        <v>220233</v>
      </c>
      <c r="KJ22" s="119">
        <v>234194</v>
      </c>
      <c r="KK22" s="119">
        <v>98588</v>
      </c>
      <c r="KL22" s="120">
        <v>984973</v>
      </c>
      <c r="KM22" s="143">
        <v>984973</v>
      </c>
      <c r="KN22" s="232">
        <v>0</v>
      </c>
      <c r="KO22" s="236">
        <v>0</v>
      </c>
      <c r="KP22" s="237">
        <v>0</v>
      </c>
      <c r="KQ22" s="140"/>
      <c r="KR22" s="119">
        <v>397414</v>
      </c>
      <c r="KS22" s="119">
        <v>835998</v>
      </c>
      <c r="KT22" s="119">
        <v>494633</v>
      </c>
      <c r="KU22" s="119">
        <v>879587</v>
      </c>
      <c r="KV22" s="119">
        <v>1774698</v>
      </c>
      <c r="KW22" s="120">
        <v>4382330</v>
      </c>
      <c r="KX22" s="320">
        <v>4382330</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205314</v>
      </c>
      <c r="LQ22" s="119">
        <v>222512</v>
      </c>
      <c r="LR22" s="119">
        <v>478432</v>
      </c>
      <c r="LS22" s="120">
        <v>906258</v>
      </c>
      <c r="LT22" s="320">
        <v>906258</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426197</v>
      </c>
      <c r="MK22" s="119">
        <v>1446473</v>
      </c>
      <c r="ML22" s="119">
        <v>3705897</v>
      </c>
      <c r="MM22" s="119">
        <v>2182049</v>
      </c>
      <c r="MN22" s="119">
        <v>2240233</v>
      </c>
      <c r="MO22" s="120">
        <v>10000849</v>
      </c>
      <c r="MP22" s="143">
        <v>10000849</v>
      </c>
      <c r="MQ22" s="142">
        <v>0</v>
      </c>
      <c r="MR22" s="119">
        <v>0</v>
      </c>
      <c r="MS22" s="120">
        <v>0</v>
      </c>
      <c r="MT22" s="145"/>
      <c r="MU22" s="119">
        <v>0</v>
      </c>
      <c r="MV22" s="119">
        <v>202695</v>
      </c>
      <c r="MW22" s="119">
        <v>1857132</v>
      </c>
      <c r="MX22" s="119">
        <v>1028728</v>
      </c>
      <c r="MY22" s="119">
        <v>1410018</v>
      </c>
      <c r="MZ22" s="120">
        <v>4498573</v>
      </c>
      <c r="NA22" s="143">
        <v>4498573</v>
      </c>
      <c r="NB22" s="142">
        <v>0</v>
      </c>
      <c r="NC22" s="119">
        <v>0</v>
      </c>
      <c r="ND22" s="120">
        <v>0</v>
      </c>
      <c r="NE22" s="145"/>
      <c r="NF22" s="119">
        <v>426197</v>
      </c>
      <c r="NG22" s="119">
        <v>1243778</v>
      </c>
      <c r="NH22" s="119">
        <v>1848765</v>
      </c>
      <c r="NI22" s="119">
        <v>1153321</v>
      </c>
      <c r="NJ22" s="119">
        <v>830215</v>
      </c>
      <c r="NK22" s="120">
        <v>5502276</v>
      </c>
      <c r="NL22" s="320">
        <v>5502276</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345769</v>
      </c>
      <c r="OJ22" s="119">
        <v>595041</v>
      </c>
      <c r="OK22" s="141">
        <v>940810</v>
      </c>
      <c r="OL22" s="118">
        <v>0</v>
      </c>
      <c r="OM22" s="119">
        <v>4825649</v>
      </c>
      <c r="ON22" s="119">
        <v>9306403</v>
      </c>
      <c r="OO22" s="119">
        <v>11708298</v>
      </c>
      <c r="OP22" s="119">
        <v>9737970</v>
      </c>
      <c r="OQ22" s="119">
        <v>9843798</v>
      </c>
      <c r="OR22" s="120">
        <v>45422118</v>
      </c>
      <c r="OS22" s="143">
        <v>46362928</v>
      </c>
    </row>
    <row r="23" spans="2:409" ht="21" customHeight="1" x14ac:dyDescent="0.2">
      <c r="B23" s="126" t="s">
        <v>18</v>
      </c>
      <c r="C23" s="110">
        <v>568600</v>
      </c>
      <c r="D23" s="114">
        <v>783349</v>
      </c>
      <c r="E23" s="113">
        <v>1351949</v>
      </c>
      <c r="F23" s="109">
        <v>0</v>
      </c>
      <c r="G23" s="114">
        <v>6493054</v>
      </c>
      <c r="H23" s="114">
        <v>9228128</v>
      </c>
      <c r="I23" s="114">
        <v>6578362</v>
      </c>
      <c r="J23" s="114">
        <v>7498189</v>
      </c>
      <c r="K23" s="114">
        <v>6822403</v>
      </c>
      <c r="L23" s="109">
        <v>36620136</v>
      </c>
      <c r="M23" s="116">
        <v>37972085</v>
      </c>
      <c r="N23" s="110">
        <v>203910</v>
      </c>
      <c r="O23" s="114">
        <v>203912</v>
      </c>
      <c r="P23" s="113">
        <v>407822</v>
      </c>
      <c r="Q23" s="110">
        <v>0</v>
      </c>
      <c r="R23" s="114">
        <v>2055471</v>
      </c>
      <c r="S23" s="114">
        <v>3045921</v>
      </c>
      <c r="T23" s="114">
        <v>2365532</v>
      </c>
      <c r="U23" s="114">
        <v>3302986</v>
      </c>
      <c r="V23" s="114">
        <v>2784380</v>
      </c>
      <c r="W23" s="113">
        <v>13554290</v>
      </c>
      <c r="X23" s="116">
        <v>13962112</v>
      </c>
      <c r="Y23" s="110">
        <v>0</v>
      </c>
      <c r="Z23" s="114">
        <v>0</v>
      </c>
      <c r="AA23" s="113">
        <v>0</v>
      </c>
      <c r="AB23" s="110">
        <v>0</v>
      </c>
      <c r="AC23" s="114">
        <v>975299</v>
      </c>
      <c r="AD23" s="114">
        <v>1284701</v>
      </c>
      <c r="AE23" s="114">
        <v>1291041</v>
      </c>
      <c r="AF23" s="114">
        <v>2336641</v>
      </c>
      <c r="AG23" s="114">
        <v>1624269</v>
      </c>
      <c r="AH23" s="113">
        <v>7511951</v>
      </c>
      <c r="AI23" s="116">
        <v>7511951</v>
      </c>
      <c r="AJ23" s="110">
        <v>0</v>
      </c>
      <c r="AK23" s="114">
        <v>0</v>
      </c>
      <c r="AL23" s="113">
        <v>0</v>
      </c>
      <c r="AM23" s="110">
        <v>0</v>
      </c>
      <c r="AN23" s="114">
        <v>0</v>
      </c>
      <c r="AO23" s="114">
        <v>109993</v>
      </c>
      <c r="AP23" s="114">
        <v>79872</v>
      </c>
      <c r="AQ23" s="114">
        <v>110946</v>
      </c>
      <c r="AR23" s="114">
        <v>164477</v>
      </c>
      <c r="AS23" s="113">
        <v>465288</v>
      </c>
      <c r="AT23" s="116">
        <v>465288</v>
      </c>
      <c r="AU23" s="110">
        <v>113467</v>
      </c>
      <c r="AV23" s="114">
        <v>182394</v>
      </c>
      <c r="AW23" s="113">
        <v>295861</v>
      </c>
      <c r="AX23" s="110">
        <v>0</v>
      </c>
      <c r="AY23" s="114">
        <v>615637</v>
      </c>
      <c r="AZ23" s="114">
        <v>1120258</v>
      </c>
      <c r="BA23" s="114">
        <v>474926</v>
      </c>
      <c r="BB23" s="114">
        <v>519623</v>
      </c>
      <c r="BC23" s="114">
        <v>603060</v>
      </c>
      <c r="BD23" s="113">
        <v>3333504</v>
      </c>
      <c r="BE23" s="116">
        <v>3629365</v>
      </c>
      <c r="BF23" s="110">
        <v>27737</v>
      </c>
      <c r="BG23" s="114">
        <v>0</v>
      </c>
      <c r="BH23" s="112">
        <v>27737</v>
      </c>
      <c r="BI23" s="111">
        <v>0</v>
      </c>
      <c r="BJ23" s="114">
        <v>139329</v>
      </c>
      <c r="BK23" s="114">
        <v>121413</v>
      </c>
      <c r="BL23" s="114">
        <v>175692</v>
      </c>
      <c r="BM23" s="114">
        <v>96180</v>
      </c>
      <c r="BN23" s="114">
        <v>6195</v>
      </c>
      <c r="BO23" s="113">
        <v>538809</v>
      </c>
      <c r="BP23" s="116">
        <v>566546</v>
      </c>
      <c r="BQ23" s="110">
        <v>62706</v>
      </c>
      <c r="BR23" s="114">
        <v>21518</v>
      </c>
      <c r="BS23" s="113">
        <v>84224</v>
      </c>
      <c r="BT23" s="110">
        <v>0</v>
      </c>
      <c r="BU23" s="114">
        <v>325206</v>
      </c>
      <c r="BV23" s="114">
        <v>409556</v>
      </c>
      <c r="BW23" s="114">
        <v>344001</v>
      </c>
      <c r="BX23" s="114">
        <v>239596</v>
      </c>
      <c r="BY23" s="114">
        <v>386379</v>
      </c>
      <c r="BZ23" s="113">
        <v>1704738</v>
      </c>
      <c r="CA23" s="116">
        <v>1788962</v>
      </c>
      <c r="CB23" s="110">
        <v>107238</v>
      </c>
      <c r="CC23" s="114">
        <v>147961</v>
      </c>
      <c r="CD23" s="113">
        <v>255199</v>
      </c>
      <c r="CE23" s="110">
        <v>0</v>
      </c>
      <c r="CF23" s="114">
        <v>2084477</v>
      </c>
      <c r="CG23" s="114">
        <v>3308965</v>
      </c>
      <c r="CH23" s="114">
        <v>1421110</v>
      </c>
      <c r="CI23" s="114">
        <v>1276287</v>
      </c>
      <c r="CJ23" s="114">
        <v>661903</v>
      </c>
      <c r="CK23" s="113">
        <v>8752742</v>
      </c>
      <c r="CL23" s="116">
        <v>9007941</v>
      </c>
      <c r="CM23" s="110">
        <v>0</v>
      </c>
      <c r="CN23" s="114">
        <v>0</v>
      </c>
      <c r="CO23" s="113">
        <v>0</v>
      </c>
      <c r="CP23" s="111">
        <v>0</v>
      </c>
      <c r="CQ23" s="114">
        <v>1654690</v>
      </c>
      <c r="CR23" s="114">
        <v>2607997</v>
      </c>
      <c r="CS23" s="114">
        <v>1122221</v>
      </c>
      <c r="CT23" s="114">
        <v>739525</v>
      </c>
      <c r="CU23" s="114">
        <v>492655</v>
      </c>
      <c r="CV23" s="113">
        <v>6617088</v>
      </c>
      <c r="CW23" s="116">
        <v>6617088</v>
      </c>
      <c r="CX23" s="110">
        <v>107238</v>
      </c>
      <c r="CY23" s="114">
        <v>147961</v>
      </c>
      <c r="CZ23" s="113">
        <v>255199</v>
      </c>
      <c r="DA23" s="110">
        <v>0</v>
      </c>
      <c r="DB23" s="114">
        <v>429787</v>
      </c>
      <c r="DC23" s="114">
        <v>700968</v>
      </c>
      <c r="DD23" s="114">
        <v>298889</v>
      </c>
      <c r="DE23" s="114">
        <v>536762</v>
      </c>
      <c r="DF23" s="114">
        <v>169248</v>
      </c>
      <c r="DG23" s="113">
        <v>2135654</v>
      </c>
      <c r="DH23" s="116">
        <v>2390853</v>
      </c>
      <c r="DI23" s="110">
        <v>0</v>
      </c>
      <c r="DJ23" s="114">
        <v>0</v>
      </c>
      <c r="DK23" s="112">
        <v>0</v>
      </c>
      <c r="DL23" s="111">
        <v>0</v>
      </c>
      <c r="DM23" s="114">
        <v>63620</v>
      </c>
      <c r="DN23" s="114">
        <v>713772</v>
      </c>
      <c r="DO23" s="114">
        <v>823856</v>
      </c>
      <c r="DP23" s="114">
        <v>877670</v>
      </c>
      <c r="DQ23" s="114">
        <v>714858</v>
      </c>
      <c r="DR23" s="113">
        <v>3193776</v>
      </c>
      <c r="DS23" s="116">
        <v>3193776</v>
      </c>
      <c r="DT23" s="110">
        <v>0</v>
      </c>
      <c r="DU23" s="114">
        <v>0</v>
      </c>
      <c r="DV23" s="113">
        <v>0</v>
      </c>
      <c r="DW23" s="110">
        <v>0</v>
      </c>
      <c r="DX23" s="114">
        <v>63620</v>
      </c>
      <c r="DY23" s="114">
        <v>713772</v>
      </c>
      <c r="DZ23" s="114">
        <v>785877</v>
      </c>
      <c r="EA23" s="114">
        <v>877670</v>
      </c>
      <c r="EB23" s="114">
        <v>714858</v>
      </c>
      <c r="EC23" s="113">
        <v>3155797</v>
      </c>
      <c r="ED23" s="116">
        <v>3155797</v>
      </c>
      <c r="EE23" s="110">
        <v>0</v>
      </c>
      <c r="EF23" s="112">
        <v>0</v>
      </c>
      <c r="EG23" s="113">
        <v>0</v>
      </c>
      <c r="EH23" s="110">
        <v>0</v>
      </c>
      <c r="EI23" s="114">
        <v>0</v>
      </c>
      <c r="EJ23" s="114">
        <v>0</v>
      </c>
      <c r="EK23" s="114">
        <v>37979</v>
      </c>
      <c r="EL23" s="114">
        <v>0</v>
      </c>
      <c r="EM23" s="114">
        <v>0</v>
      </c>
      <c r="EN23" s="112">
        <v>37979</v>
      </c>
      <c r="EO23" s="116">
        <v>37979</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71526</v>
      </c>
      <c r="FM23" s="114">
        <v>354172</v>
      </c>
      <c r="FN23" s="113">
        <v>425698</v>
      </c>
      <c r="FO23" s="110">
        <v>0</v>
      </c>
      <c r="FP23" s="114">
        <v>324471</v>
      </c>
      <c r="FQ23" s="114">
        <v>644868</v>
      </c>
      <c r="FR23" s="114">
        <v>456204</v>
      </c>
      <c r="FS23" s="114">
        <v>488817</v>
      </c>
      <c r="FT23" s="114">
        <v>446705</v>
      </c>
      <c r="FU23" s="113">
        <v>2361065</v>
      </c>
      <c r="FV23" s="116">
        <v>2786763</v>
      </c>
      <c r="FW23" s="115">
        <v>59976</v>
      </c>
      <c r="FX23" s="114">
        <v>110992</v>
      </c>
      <c r="FY23" s="112">
        <v>170968</v>
      </c>
      <c r="FZ23" s="111">
        <v>0</v>
      </c>
      <c r="GA23" s="114">
        <v>233709</v>
      </c>
      <c r="GB23" s="114">
        <v>618072</v>
      </c>
      <c r="GC23" s="114">
        <v>407554</v>
      </c>
      <c r="GD23" s="114">
        <v>488817</v>
      </c>
      <c r="GE23" s="114">
        <v>446705</v>
      </c>
      <c r="GF23" s="113">
        <v>2194857</v>
      </c>
      <c r="GG23" s="318">
        <v>2365825</v>
      </c>
      <c r="GH23" s="115">
        <v>0</v>
      </c>
      <c r="GI23" s="114">
        <v>0</v>
      </c>
      <c r="GJ23" s="112">
        <v>0</v>
      </c>
      <c r="GK23" s="111">
        <v>0</v>
      </c>
      <c r="GL23" s="114">
        <v>90762</v>
      </c>
      <c r="GM23" s="114">
        <v>26796</v>
      </c>
      <c r="GN23" s="114">
        <v>10150</v>
      </c>
      <c r="GO23" s="114">
        <v>0</v>
      </c>
      <c r="GP23" s="114">
        <v>0</v>
      </c>
      <c r="GQ23" s="113">
        <v>127708</v>
      </c>
      <c r="GR23" s="116">
        <v>127708</v>
      </c>
      <c r="GS23" s="110">
        <v>11550</v>
      </c>
      <c r="GT23" s="114">
        <v>243180</v>
      </c>
      <c r="GU23" s="113">
        <v>254730</v>
      </c>
      <c r="GV23" s="110">
        <v>0</v>
      </c>
      <c r="GW23" s="114">
        <v>0</v>
      </c>
      <c r="GX23" s="114">
        <v>0</v>
      </c>
      <c r="GY23" s="114">
        <v>38500</v>
      </c>
      <c r="GZ23" s="114">
        <v>0</v>
      </c>
      <c r="HA23" s="114">
        <v>0</v>
      </c>
      <c r="HB23" s="112">
        <v>38500</v>
      </c>
      <c r="HC23" s="116">
        <v>293230</v>
      </c>
      <c r="HD23" s="110">
        <v>185926</v>
      </c>
      <c r="HE23" s="114">
        <v>77304</v>
      </c>
      <c r="HF23" s="112">
        <v>263230</v>
      </c>
      <c r="HG23" s="111">
        <v>0</v>
      </c>
      <c r="HH23" s="114">
        <v>1965015</v>
      </c>
      <c r="HI23" s="114">
        <v>1514602</v>
      </c>
      <c r="HJ23" s="114">
        <v>1511660</v>
      </c>
      <c r="HK23" s="114">
        <v>1552429</v>
      </c>
      <c r="HL23" s="114">
        <v>2214557</v>
      </c>
      <c r="HM23" s="113">
        <v>8758263</v>
      </c>
      <c r="HN23" s="109">
        <v>9021493</v>
      </c>
      <c r="HO23" s="328"/>
      <c r="HP23" s="329"/>
      <c r="HQ23" s="330"/>
      <c r="HR23" s="331"/>
      <c r="HS23" s="329"/>
      <c r="HT23" s="329"/>
      <c r="HU23" s="329"/>
      <c r="HV23" s="329"/>
      <c r="HW23" s="329"/>
      <c r="HX23" s="332"/>
      <c r="HY23" s="333"/>
      <c r="HZ23" s="131">
        <v>0</v>
      </c>
      <c r="IA23" s="132">
        <v>0</v>
      </c>
      <c r="IB23" s="133">
        <v>0</v>
      </c>
      <c r="IC23" s="146">
        <v>0</v>
      </c>
      <c r="ID23" s="132">
        <v>927103</v>
      </c>
      <c r="IE23" s="147">
        <v>671874</v>
      </c>
      <c r="IF23" s="133">
        <v>2180969</v>
      </c>
      <c r="IG23" s="132">
        <v>537501</v>
      </c>
      <c r="IH23" s="133">
        <v>1161280</v>
      </c>
      <c r="II23" s="148">
        <v>5478727</v>
      </c>
      <c r="IJ23" s="139">
        <v>5478727</v>
      </c>
      <c r="IK23" s="232">
        <v>0</v>
      </c>
      <c r="IL23" s="236">
        <v>0</v>
      </c>
      <c r="IM23" s="237">
        <v>0</v>
      </c>
      <c r="IN23" s="140"/>
      <c r="IO23" s="119">
        <v>0</v>
      </c>
      <c r="IP23" s="119">
        <v>0</v>
      </c>
      <c r="IQ23" s="119">
        <v>0</v>
      </c>
      <c r="IR23" s="119">
        <v>0</v>
      </c>
      <c r="IS23" s="119">
        <v>0</v>
      </c>
      <c r="IT23" s="141">
        <v>0</v>
      </c>
      <c r="IU23" s="320">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739178</v>
      </c>
      <c r="JL23" s="119">
        <v>258688</v>
      </c>
      <c r="JM23" s="119">
        <v>821775</v>
      </c>
      <c r="JN23" s="119">
        <v>39149</v>
      </c>
      <c r="JO23" s="119">
        <v>0</v>
      </c>
      <c r="JP23" s="120">
        <v>1858790</v>
      </c>
      <c r="JQ23" s="320">
        <v>1858790</v>
      </c>
      <c r="JR23" s="142">
        <v>0</v>
      </c>
      <c r="JS23" s="119">
        <v>0</v>
      </c>
      <c r="JT23" s="141">
        <v>0</v>
      </c>
      <c r="JU23" s="118">
        <v>0</v>
      </c>
      <c r="JV23" s="119">
        <v>79632</v>
      </c>
      <c r="JW23" s="119">
        <v>0</v>
      </c>
      <c r="JX23" s="119">
        <v>115204</v>
      </c>
      <c r="JY23" s="119">
        <v>0</v>
      </c>
      <c r="JZ23" s="119">
        <v>0</v>
      </c>
      <c r="KA23" s="120">
        <v>194836</v>
      </c>
      <c r="KB23" s="320">
        <v>194836</v>
      </c>
      <c r="KC23" s="234">
        <v>0</v>
      </c>
      <c r="KD23" s="230">
        <v>0</v>
      </c>
      <c r="KE23" s="120">
        <v>0</v>
      </c>
      <c r="KF23" s="118">
        <v>0</v>
      </c>
      <c r="KG23" s="119">
        <v>108293</v>
      </c>
      <c r="KH23" s="119">
        <v>0</v>
      </c>
      <c r="KI23" s="119">
        <v>0</v>
      </c>
      <c r="KJ23" s="119">
        <v>0</v>
      </c>
      <c r="KK23" s="119">
        <v>0</v>
      </c>
      <c r="KL23" s="120">
        <v>108293</v>
      </c>
      <c r="KM23" s="143">
        <v>108293</v>
      </c>
      <c r="KN23" s="232">
        <v>0</v>
      </c>
      <c r="KO23" s="236">
        <v>0</v>
      </c>
      <c r="KP23" s="237">
        <v>0</v>
      </c>
      <c r="KQ23" s="140"/>
      <c r="KR23" s="119">
        <v>0</v>
      </c>
      <c r="KS23" s="119">
        <v>413186</v>
      </c>
      <c r="KT23" s="119">
        <v>1243990</v>
      </c>
      <c r="KU23" s="119">
        <v>0</v>
      </c>
      <c r="KV23" s="119">
        <v>219734</v>
      </c>
      <c r="KW23" s="120">
        <v>1876910</v>
      </c>
      <c r="KX23" s="320">
        <v>187691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238497</v>
      </c>
      <c r="LR23" s="119">
        <v>0</v>
      </c>
      <c r="LS23" s="120">
        <v>238497</v>
      </c>
      <c r="LT23" s="320">
        <v>238497</v>
      </c>
      <c r="LU23" s="142">
        <v>0</v>
      </c>
      <c r="LV23" s="119">
        <v>0</v>
      </c>
      <c r="LW23" s="120">
        <v>0</v>
      </c>
      <c r="LX23" s="145"/>
      <c r="LY23" s="119">
        <v>0</v>
      </c>
      <c r="LZ23" s="119">
        <v>0</v>
      </c>
      <c r="MA23" s="119">
        <v>0</v>
      </c>
      <c r="MB23" s="119">
        <v>259855</v>
      </c>
      <c r="MC23" s="119">
        <v>941546</v>
      </c>
      <c r="MD23" s="120">
        <v>1201401</v>
      </c>
      <c r="ME23" s="121">
        <v>1201401</v>
      </c>
      <c r="MF23" s="142">
        <v>0</v>
      </c>
      <c r="MG23" s="119">
        <v>0</v>
      </c>
      <c r="MH23" s="120">
        <v>0</v>
      </c>
      <c r="MI23" s="145"/>
      <c r="MJ23" s="119">
        <v>1107387</v>
      </c>
      <c r="MK23" s="119">
        <v>516961</v>
      </c>
      <c r="ML23" s="119">
        <v>2545191</v>
      </c>
      <c r="MM23" s="119">
        <v>3659424</v>
      </c>
      <c r="MN23" s="119">
        <v>2012405</v>
      </c>
      <c r="MO23" s="120">
        <v>9841368</v>
      </c>
      <c r="MP23" s="143">
        <v>9841368</v>
      </c>
      <c r="MQ23" s="142">
        <v>0</v>
      </c>
      <c r="MR23" s="119">
        <v>0</v>
      </c>
      <c r="MS23" s="120">
        <v>0</v>
      </c>
      <c r="MT23" s="145"/>
      <c r="MU23" s="119">
        <v>0</v>
      </c>
      <c r="MV23" s="119">
        <v>188980</v>
      </c>
      <c r="MW23" s="119">
        <v>1649056</v>
      </c>
      <c r="MX23" s="119">
        <v>2711017</v>
      </c>
      <c r="MY23" s="119">
        <v>1230751</v>
      </c>
      <c r="MZ23" s="120">
        <v>5779804</v>
      </c>
      <c r="NA23" s="143">
        <v>5779804</v>
      </c>
      <c r="NB23" s="142">
        <v>0</v>
      </c>
      <c r="NC23" s="119">
        <v>0</v>
      </c>
      <c r="ND23" s="120">
        <v>0</v>
      </c>
      <c r="NE23" s="145"/>
      <c r="NF23" s="119">
        <v>1107387</v>
      </c>
      <c r="NG23" s="119">
        <v>327981</v>
      </c>
      <c r="NH23" s="119">
        <v>896135</v>
      </c>
      <c r="NI23" s="119">
        <v>948407</v>
      </c>
      <c r="NJ23" s="119">
        <v>518175</v>
      </c>
      <c r="NK23" s="120">
        <v>3798085</v>
      </c>
      <c r="NL23" s="320">
        <v>3798085</v>
      </c>
      <c r="NM23" s="142">
        <v>0</v>
      </c>
      <c r="NN23" s="119">
        <v>0</v>
      </c>
      <c r="NO23" s="120">
        <v>0</v>
      </c>
      <c r="NP23" s="145"/>
      <c r="NQ23" s="119">
        <v>0</v>
      </c>
      <c r="NR23" s="119">
        <v>0</v>
      </c>
      <c r="NS23" s="119">
        <v>0</v>
      </c>
      <c r="NT23" s="119">
        <v>0</v>
      </c>
      <c r="NU23" s="119">
        <v>263479</v>
      </c>
      <c r="NV23" s="120">
        <v>263479</v>
      </c>
      <c r="NW23" s="121">
        <v>263479</v>
      </c>
      <c r="NX23" s="142">
        <v>0</v>
      </c>
      <c r="NY23" s="119">
        <v>0</v>
      </c>
      <c r="NZ23" s="120">
        <v>0</v>
      </c>
      <c r="OA23" s="145"/>
      <c r="OB23" s="119">
        <v>0</v>
      </c>
      <c r="OC23" s="119">
        <v>0</v>
      </c>
      <c r="OD23" s="119">
        <v>0</v>
      </c>
      <c r="OE23" s="119">
        <v>0</v>
      </c>
      <c r="OF23" s="119">
        <v>0</v>
      </c>
      <c r="OG23" s="120">
        <v>0</v>
      </c>
      <c r="OH23" s="121">
        <v>0</v>
      </c>
      <c r="OI23" s="142">
        <v>568600</v>
      </c>
      <c r="OJ23" s="119">
        <v>783349</v>
      </c>
      <c r="OK23" s="141">
        <v>1351949</v>
      </c>
      <c r="OL23" s="118">
        <v>0</v>
      </c>
      <c r="OM23" s="119">
        <v>8527544</v>
      </c>
      <c r="ON23" s="119">
        <v>10416963</v>
      </c>
      <c r="OO23" s="119">
        <v>11304522</v>
      </c>
      <c r="OP23" s="119">
        <v>11695114</v>
      </c>
      <c r="OQ23" s="119">
        <v>9996088</v>
      </c>
      <c r="OR23" s="120">
        <v>51940231</v>
      </c>
      <c r="OS23" s="143">
        <v>53292180</v>
      </c>
    </row>
    <row r="24" spans="2:409" ht="21" customHeight="1" x14ac:dyDescent="0.2">
      <c r="B24" s="126" t="s">
        <v>19</v>
      </c>
      <c r="C24" s="110">
        <v>95377</v>
      </c>
      <c r="D24" s="114">
        <v>528346</v>
      </c>
      <c r="E24" s="113">
        <v>623723</v>
      </c>
      <c r="F24" s="109">
        <v>0</v>
      </c>
      <c r="G24" s="114">
        <v>3021762</v>
      </c>
      <c r="H24" s="114">
        <v>2549172</v>
      </c>
      <c r="I24" s="114">
        <v>2977325</v>
      </c>
      <c r="J24" s="114">
        <v>3055675</v>
      </c>
      <c r="K24" s="114">
        <v>2524241</v>
      </c>
      <c r="L24" s="109">
        <v>14128175</v>
      </c>
      <c r="M24" s="116">
        <v>14751898</v>
      </c>
      <c r="N24" s="110">
        <v>42107</v>
      </c>
      <c r="O24" s="114">
        <v>40833</v>
      </c>
      <c r="P24" s="113">
        <v>82940</v>
      </c>
      <c r="Q24" s="110">
        <v>0</v>
      </c>
      <c r="R24" s="114">
        <v>747632</v>
      </c>
      <c r="S24" s="114">
        <v>804450</v>
      </c>
      <c r="T24" s="114">
        <v>916003</v>
      </c>
      <c r="U24" s="114">
        <v>843582</v>
      </c>
      <c r="V24" s="114">
        <v>890005</v>
      </c>
      <c r="W24" s="113">
        <v>4201672</v>
      </c>
      <c r="X24" s="116">
        <v>4284612</v>
      </c>
      <c r="Y24" s="110">
        <v>0</v>
      </c>
      <c r="Z24" s="114">
        <v>0</v>
      </c>
      <c r="AA24" s="113">
        <v>0</v>
      </c>
      <c r="AB24" s="110">
        <v>0</v>
      </c>
      <c r="AC24" s="114">
        <v>139759</v>
      </c>
      <c r="AD24" s="114">
        <v>246982</v>
      </c>
      <c r="AE24" s="114">
        <v>333337</v>
      </c>
      <c r="AF24" s="114">
        <v>178772</v>
      </c>
      <c r="AG24" s="114">
        <v>284852</v>
      </c>
      <c r="AH24" s="113">
        <v>1183702</v>
      </c>
      <c r="AI24" s="116">
        <v>1183702</v>
      </c>
      <c r="AJ24" s="110">
        <v>0</v>
      </c>
      <c r="AK24" s="114">
        <v>0</v>
      </c>
      <c r="AL24" s="113">
        <v>0</v>
      </c>
      <c r="AM24" s="110">
        <v>0</v>
      </c>
      <c r="AN24" s="114">
        <v>31951</v>
      </c>
      <c r="AO24" s="114">
        <v>0</v>
      </c>
      <c r="AP24" s="114">
        <v>79259</v>
      </c>
      <c r="AQ24" s="114">
        <v>69029</v>
      </c>
      <c r="AR24" s="114">
        <v>181907</v>
      </c>
      <c r="AS24" s="113">
        <v>362146</v>
      </c>
      <c r="AT24" s="116">
        <v>362146</v>
      </c>
      <c r="AU24" s="110">
        <v>42107</v>
      </c>
      <c r="AV24" s="114">
        <v>5931</v>
      </c>
      <c r="AW24" s="113">
        <v>48038</v>
      </c>
      <c r="AX24" s="110">
        <v>0</v>
      </c>
      <c r="AY24" s="114">
        <v>293967</v>
      </c>
      <c r="AZ24" s="114">
        <v>421892</v>
      </c>
      <c r="BA24" s="114">
        <v>296110</v>
      </c>
      <c r="BB24" s="114">
        <v>353327</v>
      </c>
      <c r="BC24" s="114">
        <v>343306</v>
      </c>
      <c r="BD24" s="113">
        <v>1708602</v>
      </c>
      <c r="BE24" s="116">
        <v>1756640</v>
      </c>
      <c r="BF24" s="110">
        <v>0</v>
      </c>
      <c r="BG24" s="114">
        <v>0</v>
      </c>
      <c r="BH24" s="112">
        <v>0</v>
      </c>
      <c r="BI24" s="111">
        <v>0</v>
      </c>
      <c r="BJ24" s="114">
        <v>107137</v>
      </c>
      <c r="BK24" s="114">
        <v>0</v>
      </c>
      <c r="BL24" s="114">
        <v>62215</v>
      </c>
      <c r="BM24" s="114">
        <v>59621</v>
      </c>
      <c r="BN24" s="114">
        <v>0</v>
      </c>
      <c r="BO24" s="113">
        <v>228973</v>
      </c>
      <c r="BP24" s="116">
        <v>228973</v>
      </c>
      <c r="BQ24" s="110">
        <v>0</v>
      </c>
      <c r="BR24" s="114">
        <v>34902</v>
      </c>
      <c r="BS24" s="113">
        <v>34902</v>
      </c>
      <c r="BT24" s="110">
        <v>0</v>
      </c>
      <c r="BU24" s="114">
        <v>174818</v>
      </c>
      <c r="BV24" s="114">
        <v>135576</v>
      </c>
      <c r="BW24" s="114">
        <v>145082</v>
      </c>
      <c r="BX24" s="114">
        <v>182833</v>
      </c>
      <c r="BY24" s="114">
        <v>79940</v>
      </c>
      <c r="BZ24" s="113">
        <v>718249</v>
      </c>
      <c r="CA24" s="116">
        <v>753151</v>
      </c>
      <c r="CB24" s="110">
        <v>0</v>
      </c>
      <c r="CC24" s="114">
        <v>103240</v>
      </c>
      <c r="CD24" s="113">
        <v>103240</v>
      </c>
      <c r="CE24" s="110">
        <v>0</v>
      </c>
      <c r="CF24" s="114">
        <v>719848</v>
      </c>
      <c r="CG24" s="114">
        <v>348208</v>
      </c>
      <c r="CH24" s="114">
        <v>818003</v>
      </c>
      <c r="CI24" s="114">
        <v>741572</v>
      </c>
      <c r="CJ24" s="114">
        <v>871854</v>
      </c>
      <c r="CK24" s="113">
        <v>3499485</v>
      </c>
      <c r="CL24" s="116">
        <v>3602725</v>
      </c>
      <c r="CM24" s="110">
        <v>0</v>
      </c>
      <c r="CN24" s="114">
        <v>0</v>
      </c>
      <c r="CO24" s="113">
        <v>0</v>
      </c>
      <c r="CP24" s="111">
        <v>0</v>
      </c>
      <c r="CQ24" s="114">
        <v>523240</v>
      </c>
      <c r="CR24" s="114">
        <v>302083</v>
      </c>
      <c r="CS24" s="114">
        <v>569716</v>
      </c>
      <c r="CT24" s="114">
        <v>365872</v>
      </c>
      <c r="CU24" s="114">
        <v>739486</v>
      </c>
      <c r="CV24" s="113">
        <v>2500397</v>
      </c>
      <c r="CW24" s="116">
        <v>2500397</v>
      </c>
      <c r="CX24" s="110">
        <v>0</v>
      </c>
      <c r="CY24" s="114">
        <v>103240</v>
      </c>
      <c r="CZ24" s="113">
        <v>103240</v>
      </c>
      <c r="DA24" s="110">
        <v>0</v>
      </c>
      <c r="DB24" s="114">
        <v>196608</v>
      </c>
      <c r="DC24" s="114">
        <v>46125</v>
      </c>
      <c r="DD24" s="114">
        <v>248287</v>
      </c>
      <c r="DE24" s="114">
        <v>375700</v>
      </c>
      <c r="DF24" s="114">
        <v>132368</v>
      </c>
      <c r="DG24" s="113">
        <v>999088</v>
      </c>
      <c r="DH24" s="116">
        <v>1102328</v>
      </c>
      <c r="DI24" s="110">
        <v>0</v>
      </c>
      <c r="DJ24" s="114">
        <v>16030</v>
      </c>
      <c r="DK24" s="112">
        <v>16030</v>
      </c>
      <c r="DL24" s="111">
        <v>0</v>
      </c>
      <c r="DM24" s="114">
        <v>0</v>
      </c>
      <c r="DN24" s="114">
        <v>101573</v>
      </c>
      <c r="DO24" s="114">
        <v>164965</v>
      </c>
      <c r="DP24" s="114">
        <v>152137</v>
      </c>
      <c r="DQ24" s="114">
        <v>237403</v>
      </c>
      <c r="DR24" s="113">
        <v>656078</v>
      </c>
      <c r="DS24" s="116">
        <v>672108</v>
      </c>
      <c r="DT24" s="110">
        <v>0</v>
      </c>
      <c r="DU24" s="114">
        <v>16030</v>
      </c>
      <c r="DV24" s="113">
        <v>16030</v>
      </c>
      <c r="DW24" s="110">
        <v>0</v>
      </c>
      <c r="DX24" s="114">
        <v>0</v>
      </c>
      <c r="DY24" s="114">
        <v>66242</v>
      </c>
      <c r="DZ24" s="114">
        <v>37633</v>
      </c>
      <c r="EA24" s="114">
        <v>152137</v>
      </c>
      <c r="EB24" s="114">
        <v>237403</v>
      </c>
      <c r="EC24" s="113">
        <v>493415</v>
      </c>
      <c r="ED24" s="116">
        <v>509445</v>
      </c>
      <c r="EE24" s="110">
        <v>0</v>
      </c>
      <c r="EF24" s="112">
        <v>0</v>
      </c>
      <c r="EG24" s="113">
        <v>0</v>
      </c>
      <c r="EH24" s="110">
        <v>0</v>
      </c>
      <c r="EI24" s="114">
        <v>0</v>
      </c>
      <c r="EJ24" s="114">
        <v>35331</v>
      </c>
      <c r="EK24" s="114">
        <v>127332</v>
      </c>
      <c r="EL24" s="114">
        <v>0</v>
      </c>
      <c r="EM24" s="114">
        <v>0</v>
      </c>
      <c r="EN24" s="112">
        <v>162663</v>
      </c>
      <c r="EO24" s="116">
        <v>162663</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53270</v>
      </c>
      <c r="FM24" s="114">
        <v>134575</v>
      </c>
      <c r="FN24" s="113">
        <v>187845</v>
      </c>
      <c r="FO24" s="110">
        <v>0</v>
      </c>
      <c r="FP24" s="114">
        <v>134673</v>
      </c>
      <c r="FQ24" s="114">
        <v>241528</v>
      </c>
      <c r="FR24" s="114">
        <v>251755</v>
      </c>
      <c r="FS24" s="114">
        <v>251034</v>
      </c>
      <c r="FT24" s="114">
        <v>158669</v>
      </c>
      <c r="FU24" s="113">
        <v>1037659</v>
      </c>
      <c r="FV24" s="116">
        <v>1225504</v>
      </c>
      <c r="FW24" s="115">
        <v>53270</v>
      </c>
      <c r="FX24" s="114">
        <v>54775</v>
      </c>
      <c r="FY24" s="112">
        <v>108045</v>
      </c>
      <c r="FZ24" s="111">
        <v>0</v>
      </c>
      <c r="GA24" s="114">
        <v>123473</v>
      </c>
      <c r="GB24" s="114">
        <v>187782</v>
      </c>
      <c r="GC24" s="114">
        <v>232890</v>
      </c>
      <c r="GD24" s="114">
        <v>230244</v>
      </c>
      <c r="GE24" s="114">
        <v>158669</v>
      </c>
      <c r="GF24" s="113">
        <v>933058</v>
      </c>
      <c r="GG24" s="318">
        <v>1041103</v>
      </c>
      <c r="GH24" s="115">
        <v>0</v>
      </c>
      <c r="GI24" s="114">
        <v>0</v>
      </c>
      <c r="GJ24" s="112">
        <v>0</v>
      </c>
      <c r="GK24" s="111">
        <v>0</v>
      </c>
      <c r="GL24" s="114">
        <v>11200</v>
      </c>
      <c r="GM24" s="114">
        <v>53746</v>
      </c>
      <c r="GN24" s="114">
        <v>18865</v>
      </c>
      <c r="GO24" s="114">
        <v>20790</v>
      </c>
      <c r="GP24" s="114">
        <v>0</v>
      </c>
      <c r="GQ24" s="113">
        <v>104601</v>
      </c>
      <c r="GR24" s="116">
        <v>104601</v>
      </c>
      <c r="GS24" s="110">
        <v>0</v>
      </c>
      <c r="GT24" s="114">
        <v>79800</v>
      </c>
      <c r="GU24" s="113">
        <v>79800</v>
      </c>
      <c r="GV24" s="110">
        <v>0</v>
      </c>
      <c r="GW24" s="114">
        <v>0</v>
      </c>
      <c r="GX24" s="114">
        <v>0</v>
      </c>
      <c r="GY24" s="114">
        <v>0</v>
      </c>
      <c r="GZ24" s="114">
        <v>0</v>
      </c>
      <c r="HA24" s="114">
        <v>0</v>
      </c>
      <c r="HB24" s="112">
        <v>0</v>
      </c>
      <c r="HC24" s="116">
        <v>79800</v>
      </c>
      <c r="HD24" s="110">
        <v>0</v>
      </c>
      <c r="HE24" s="114">
        <v>233668</v>
      </c>
      <c r="HF24" s="112">
        <v>233668</v>
      </c>
      <c r="HG24" s="111">
        <v>0</v>
      </c>
      <c r="HH24" s="114">
        <v>1419609</v>
      </c>
      <c r="HI24" s="114">
        <v>1053413</v>
      </c>
      <c r="HJ24" s="114">
        <v>826599</v>
      </c>
      <c r="HK24" s="114">
        <v>1067350</v>
      </c>
      <c r="HL24" s="114">
        <v>366310</v>
      </c>
      <c r="HM24" s="113">
        <v>4733281</v>
      </c>
      <c r="HN24" s="109">
        <v>4966949</v>
      </c>
      <c r="HO24" s="328"/>
      <c r="HP24" s="329"/>
      <c r="HQ24" s="330"/>
      <c r="HR24" s="331"/>
      <c r="HS24" s="329"/>
      <c r="HT24" s="329"/>
      <c r="HU24" s="329"/>
      <c r="HV24" s="329"/>
      <c r="HW24" s="329"/>
      <c r="HX24" s="332"/>
      <c r="HY24" s="333"/>
      <c r="HZ24" s="150">
        <v>0</v>
      </c>
      <c r="IA24" s="135">
        <v>0</v>
      </c>
      <c r="IB24" s="150">
        <v>0</v>
      </c>
      <c r="IC24" s="134">
        <v>0</v>
      </c>
      <c r="ID24" s="135">
        <v>616650</v>
      </c>
      <c r="IE24" s="136">
        <v>488477</v>
      </c>
      <c r="IF24" s="137">
        <v>336439</v>
      </c>
      <c r="IG24" s="135">
        <v>887397</v>
      </c>
      <c r="IH24" s="137">
        <v>0</v>
      </c>
      <c r="II24" s="138">
        <v>2328963</v>
      </c>
      <c r="IJ24" s="150">
        <v>2328963</v>
      </c>
      <c r="IK24" s="232">
        <v>0</v>
      </c>
      <c r="IL24" s="236">
        <v>0</v>
      </c>
      <c r="IM24" s="237">
        <v>0</v>
      </c>
      <c r="IN24" s="140"/>
      <c r="IO24" s="119">
        <v>0</v>
      </c>
      <c r="IP24" s="119">
        <v>95107</v>
      </c>
      <c r="IQ24" s="119">
        <v>0</v>
      </c>
      <c r="IR24" s="119">
        <v>348643</v>
      </c>
      <c r="IS24" s="119">
        <v>0</v>
      </c>
      <c r="IT24" s="141">
        <v>443750</v>
      </c>
      <c r="IU24" s="320">
        <v>443750</v>
      </c>
      <c r="IV24" s="142">
        <v>0</v>
      </c>
      <c r="IW24" s="119">
        <v>0</v>
      </c>
      <c r="IX24" s="120">
        <v>0</v>
      </c>
      <c r="IY24" s="144"/>
      <c r="IZ24" s="119">
        <v>0</v>
      </c>
      <c r="JA24" s="119">
        <v>0</v>
      </c>
      <c r="JB24" s="119">
        <v>0</v>
      </c>
      <c r="JC24" s="119">
        <v>8725</v>
      </c>
      <c r="JD24" s="119">
        <v>0</v>
      </c>
      <c r="JE24" s="120">
        <v>8725</v>
      </c>
      <c r="JF24" s="121">
        <v>8725</v>
      </c>
      <c r="JG24" s="142">
        <v>0</v>
      </c>
      <c r="JH24" s="119">
        <v>0</v>
      </c>
      <c r="JI24" s="141">
        <v>0</v>
      </c>
      <c r="JJ24" s="118">
        <v>0</v>
      </c>
      <c r="JK24" s="119">
        <v>474387</v>
      </c>
      <c r="JL24" s="119">
        <v>185351</v>
      </c>
      <c r="JM24" s="119">
        <v>122186</v>
      </c>
      <c r="JN24" s="119">
        <v>117162</v>
      </c>
      <c r="JO24" s="119">
        <v>0</v>
      </c>
      <c r="JP24" s="120">
        <v>899086</v>
      </c>
      <c r="JQ24" s="320">
        <v>899086</v>
      </c>
      <c r="JR24" s="142">
        <v>0</v>
      </c>
      <c r="JS24" s="119">
        <v>0</v>
      </c>
      <c r="JT24" s="141">
        <v>0</v>
      </c>
      <c r="JU24" s="118">
        <v>0</v>
      </c>
      <c r="JV24" s="119">
        <v>25839</v>
      </c>
      <c r="JW24" s="119">
        <v>208019</v>
      </c>
      <c r="JX24" s="119">
        <v>0</v>
      </c>
      <c r="JY24" s="119">
        <v>0</v>
      </c>
      <c r="JZ24" s="119">
        <v>0</v>
      </c>
      <c r="KA24" s="120">
        <v>233858</v>
      </c>
      <c r="KB24" s="320">
        <v>233858</v>
      </c>
      <c r="KC24" s="234">
        <v>0</v>
      </c>
      <c r="KD24" s="230">
        <v>0</v>
      </c>
      <c r="KE24" s="120">
        <v>0</v>
      </c>
      <c r="KF24" s="118">
        <v>0</v>
      </c>
      <c r="KG24" s="119">
        <v>116424</v>
      </c>
      <c r="KH24" s="119">
        <v>0</v>
      </c>
      <c r="KI24" s="119">
        <v>214253</v>
      </c>
      <c r="KJ24" s="119">
        <v>201728</v>
      </c>
      <c r="KK24" s="119">
        <v>0</v>
      </c>
      <c r="KL24" s="120">
        <v>532405</v>
      </c>
      <c r="KM24" s="143">
        <v>532405</v>
      </c>
      <c r="KN24" s="232">
        <v>0</v>
      </c>
      <c r="KO24" s="236">
        <v>0</v>
      </c>
      <c r="KP24" s="237">
        <v>0</v>
      </c>
      <c r="KQ24" s="140"/>
      <c r="KR24" s="119">
        <v>0</v>
      </c>
      <c r="KS24" s="119">
        <v>0</v>
      </c>
      <c r="KT24" s="119">
        <v>0</v>
      </c>
      <c r="KU24" s="119">
        <v>211139</v>
      </c>
      <c r="KV24" s="119">
        <v>0</v>
      </c>
      <c r="KW24" s="120">
        <v>211139</v>
      </c>
      <c r="KX24" s="320">
        <v>211139</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0</v>
      </c>
      <c r="LZ24" s="119">
        <v>0</v>
      </c>
      <c r="MA24" s="119">
        <v>0</v>
      </c>
      <c r="MB24" s="119">
        <v>0</v>
      </c>
      <c r="MC24" s="119">
        <v>0</v>
      </c>
      <c r="MD24" s="120">
        <v>0</v>
      </c>
      <c r="ME24" s="121">
        <v>0</v>
      </c>
      <c r="MF24" s="142">
        <v>0</v>
      </c>
      <c r="MG24" s="119">
        <v>0</v>
      </c>
      <c r="MH24" s="120">
        <v>0</v>
      </c>
      <c r="MI24" s="145"/>
      <c r="MJ24" s="119">
        <v>0</v>
      </c>
      <c r="MK24" s="119">
        <v>476725</v>
      </c>
      <c r="ML24" s="119">
        <v>1560636</v>
      </c>
      <c r="MM24" s="119">
        <v>1611497</v>
      </c>
      <c r="MN24" s="119">
        <v>1523163</v>
      </c>
      <c r="MO24" s="120">
        <v>5172021</v>
      </c>
      <c r="MP24" s="143">
        <v>5172021</v>
      </c>
      <c r="MQ24" s="142">
        <v>0</v>
      </c>
      <c r="MR24" s="119">
        <v>0</v>
      </c>
      <c r="MS24" s="120">
        <v>0</v>
      </c>
      <c r="MT24" s="145"/>
      <c r="MU24" s="119">
        <v>0</v>
      </c>
      <c r="MV24" s="119">
        <v>0</v>
      </c>
      <c r="MW24" s="119">
        <v>392668</v>
      </c>
      <c r="MX24" s="119">
        <v>864169</v>
      </c>
      <c r="MY24" s="119">
        <v>705582</v>
      </c>
      <c r="MZ24" s="120">
        <v>1962419</v>
      </c>
      <c r="NA24" s="143">
        <v>1962419</v>
      </c>
      <c r="NB24" s="142">
        <v>0</v>
      </c>
      <c r="NC24" s="119">
        <v>0</v>
      </c>
      <c r="ND24" s="120">
        <v>0</v>
      </c>
      <c r="NE24" s="145"/>
      <c r="NF24" s="119">
        <v>0</v>
      </c>
      <c r="NG24" s="119">
        <v>476725</v>
      </c>
      <c r="NH24" s="119">
        <v>1167968</v>
      </c>
      <c r="NI24" s="119">
        <v>747328</v>
      </c>
      <c r="NJ24" s="119">
        <v>817581</v>
      </c>
      <c r="NK24" s="120">
        <v>3209602</v>
      </c>
      <c r="NL24" s="320">
        <v>3209602</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95377</v>
      </c>
      <c r="OJ24" s="119">
        <v>528346</v>
      </c>
      <c r="OK24" s="141">
        <v>623723</v>
      </c>
      <c r="OL24" s="118">
        <v>0</v>
      </c>
      <c r="OM24" s="119">
        <v>3638412</v>
      </c>
      <c r="ON24" s="119">
        <v>3514374</v>
      </c>
      <c r="OO24" s="119">
        <v>4874400</v>
      </c>
      <c r="OP24" s="119">
        <v>5554569</v>
      </c>
      <c r="OQ24" s="119">
        <v>4047404</v>
      </c>
      <c r="OR24" s="120">
        <v>21629159</v>
      </c>
      <c r="OS24" s="143">
        <v>22252882</v>
      </c>
    </row>
    <row r="25" spans="2:409" ht="21" customHeight="1" x14ac:dyDescent="0.2">
      <c r="B25" s="126" t="s">
        <v>20</v>
      </c>
      <c r="C25" s="110">
        <v>262458</v>
      </c>
      <c r="D25" s="114">
        <v>394608</v>
      </c>
      <c r="E25" s="113">
        <v>657066</v>
      </c>
      <c r="F25" s="110">
        <v>0</v>
      </c>
      <c r="G25" s="114">
        <v>2905575</v>
      </c>
      <c r="H25" s="114">
        <v>3050435</v>
      </c>
      <c r="I25" s="114">
        <v>3685314</v>
      </c>
      <c r="J25" s="114">
        <v>3228603</v>
      </c>
      <c r="K25" s="114">
        <v>1742285</v>
      </c>
      <c r="L25" s="173">
        <v>14612212</v>
      </c>
      <c r="M25" s="116">
        <v>15269278</v>
      </c>
      <c r="N25" s="110">
        <v>39735</v>
      </c>
      <c r="O25" s="114">
        <v>137461</v>
      </c>
      <c r="P25" s="113">
        <v>177196</v>
      </c>
      <c r="Q25" s="110">
        <v>0</v>
      </c>
      <c r="R25" s="114">
        <v>1302352</v>
      </c>
      <c r="S25" s="114">
        <v>952724</v>
      </c>
      <c r="T25" s="114">
        <v>1108612</v>
      </c>
      <c r="U25" s="114">
        <v>915590</v>
      </c>
      <c r="V25" s="114">
        <v>550828</v>
      </c>
      <c r="W25" s="113">
        <v>4830106</v>
      </c>
      <c r="X25" s="116">
        <v>5007302</v>
      </c>
      <c r="Y25" s="110">
        <v>0</v>
      </c>
      <c r="Z25" s="114">
        <v>0</v>
      </c>
      <c r="AA25" s="113">
        <v>0</v>
      </c>
      <c r="AB25" s="110">
        <v>0</v>
      </c>
      <c r="AC25" s="114">
        <v>458493</v>
      </c>
      <c r="AD25" s="114">
        <v>299387</v>
      </c>
      <c r="AE25" s="114">
        <v>375748</v>
      </c>
      <c r="AF25" s="114">
        <v>490820</v>
      </c>
      <c r="AG25" s="114">
        <v>277307</v>
      </c>
      <c r="AH25" s="113">
        <v>1901755</v>
      </c>
      <c r="AI25" s="116">
        <v>1901755</v>
      </c>
      <c r="AJ25" s="110">
        <v>0</v>
      </c>
      <c r="AK25" s="114">
        <v>0</v>
      </c>
      <c r="AL25" s="113">
        <v>0</v>
      </c>
      <c r="AM25" s="110">
        <v>0</v>
      </c>
      <c r="AN25" s="114">
        <v>0</v>
      </c>
      <c r="AO25" s="114">
        <v>71811</v>
      </c>
      <c r="AP25" s="114">
        <v>0</v>
      </c>
      <c r="AQ25" s="114">
        <v>91040</v>
      </c>
      <c r="AR25" s="114">
        <v>129801</v>
      </c>
      <c r="AS25" s="113">
        <v>292652</v>
      </c>
      <c r="AT25" s="116">
        <v>292652</v>
      </c>
      <c r="AU25" s="110">
        <v>26197</v>
      </c>
      <c r="AV25" s="114">
        <v>77557</v>
      </c>
      <c r="AW25" s="113">
        <v>103754</v>
      </c>
      <c r="AX25" s="110">
        <v>0</v>
      </c>
      <c r="AY25" s="114">
        <v>591440</v>
      </c>
      <c r="AZ25" s="114">
        <v>374572</v>
      </c>
      <c r="BA25" s="114">
        <v>426900</v>
      </c>
      <c r="BB25" s="114">
        <v>100802</v>
      </c>
      <c r="BC25" s="114">
        <v>69040</v>
      </c>
      <c r="BD25" s="113">
        <v>1562754</v>
      </c>
      <c r="BE25" s="116">
        <v>1666508</v>
      </c>
      <c r="BF25" s="110">
        <v>0</v>
      </c>
      <c r="BG25" s="114">
        <v>51679</v>
      </c>
      <c r="BH25" s="112">
        <v>51679</v>
      </c>
      <c r="BI25" s="111">
        <v>0</v>
      </c>
      <c r="BJ25" s="114">
        <v>154503</v>
      </c>
      <c r="BK25" s="114">
        <v>89571</v>
      </c>
      <c r="BL25" s="114">
        <v>80424</v>
      </c>
      <c r="BM25" s="114">
        <v>36466</v>
      </c>
      <c r="BN25" s="114">
        <v>8103</v>
      </c>
      <c r="BO25" s="113">
        <v>369067</v>
      </c>
      <c r="BP25" s="116">
        <v>420746</v>
      </c>
      <c r="BQ25" s="110">
        <v>13538</v>
      </c>
      <c r="BR25" s="114">
        <v>8225</v>
      </c>
      <c r="BS25" s="113">
        <v>21763</v>
      </c>
      <c r="BT25" s="110">
        <v>0</v>
      </c>
      <c r="BU25" s="114">
        <v>97916</v>
      </c>
      <c r="BV25" s="114">
        <v>117383</v>
      </c>
      <c r="BW25" s="114">
        <v>225540</v>
      </c>
      <c r="BX25" s="114">
        <v>196462</v>
      </c>
      <c r="BY25" s="114">
        <v>66577</v>
      </c>
      <c r="BZ25" s="113">
        <v>703878</v>
      </c>
      <c r="CA25" s="116">
        <v>725641</v>
      </c>
      <c r="CB25" s="110">
        <v>16970</v>
      </c>
      <c r="CC25" s="114">
        <v>106072</v>
      </c>
      <c r="CD25" s="113">
        <v>123042</v>
      </c>
      <c r="CE25" s="110">
        <v>0</v>
      </c>
      <c r="CF25" s="114">
        <v>793482</v>
      </c>
      <c r="CG25" s="114">
        <v>1054500</v>
      </c>
      <c r="CH25" s="114">
        <v>1028721</v>
      </c>
      <c r="CI25" s="114">
        <v>494659</v>
      </c>
      <c r="CJ25" s="114">
        <v>639909</v>
      </c>
      <c r="CK25" s="113">
        <v>4011271</v>
      </c>
      <c r="CL25" s="116">
        <v>4134313</v>
      </c>
      <c r="CM25" s="110">
        <v>0</v>
      </c>
      <c r="CN25" s="114">
        <v>0</v>
      </c>
      <c r="CO25" s="113">
        <v>0</v>
      </c>
      <c r="CP25" s="111">
        <v>0</v>
      </c>
      <c r="CQ25" s="114">
        <v>339332</v>
      </c>
      <c r="CR25" s="114">
        <v>534079</v>
      </c>
      <c r="CS25" s="114">
        <v>766890</v>
      </c>
      <c r="CT25" s="114">
        <v>363168</v>
      </c>
      <c r="CU25" s="114">
        <v>333410</v>
      </c>
      <c r="CV25" s="113">
        <v>2336879</v>
      </c>
      <c r="CW25" s="116">
        <v>2336879</v>
      </c>
      <c r="CX25" s="110">
        <v>16970</v>
      </c>
      <c r="CY25" s="114">
        <v>106072</v>
      </c>
      <c r="CZ25" s="113">
        <v>123042</v>
      </c>
      <c r="DA25" s="110">
        <v>0</v>
      </c>
      <c r="DB25" s="114">
        <v>454150</v>
      </c>
      <c r="DC25" s="114">
        <v>520421</v>
      </c>
      <c r="DD25" s="114">
        <v>261831</v>
      </c>
      <c r="DE25" s="114">
        <v>131491</v>
      </c>
      <c r="DF25" s="114">
        <v>306499</v>
      </c>
      <c r="DG25" s="113">
        <v>1674392</v>
      </c>
      <c r="DH25" s="116">
        <v>1797434</v>
      </c>
      <c r="DI25" s="110">
        <v>0</v>
      </c>
      <c r="DJ25" s="114">
        <v>0</v>
      </c>
      <c r="DK25" s="112">
        <v>0</v>
      </c>
      <c r="DL25" s="111">
        <v>0</v>
      </c>
      <c r="DM25" s="114">
        <v>201546</v>
      </c>
      <c r="DN25" s="114">
        <v>0</v>
      </c>
      <c r="DO25" s="114">
        <v>429444</v>
      </c>
      <c r="DP25" s="114">
        <v>551750</v>
      </c>
      <c r="DQ25" s="114">
        <v>0</v>
      </c>
      <c r="DR25" s="113">
        <v>1182740</v>
      </c>
      <c r="DS25" s="116">
        <v>1182740</v>
      </c>
      <c r="DT25" s="110">
        <v>0</v>
      </c>
      <c r="DU25" s="114">
        <v>0</v>
      </c>
      <c r="DV25" s="113">
        <v>0</v>
      </c>
      <c r="DW25" s="110">
        <v>0</v>
      </c>
      <c r="DX25" s="114">
        <v>201546</v>
      </c>
      <c r="DY25" s="114">
        <v>0</v>
      </c>
      <c r="DZ25" s="114">
        <v>338474</v>
      </c>
      <c r="EA25" s="114">
        <v>551750</v>
      </c>
      <c r="EB25" s="114">
        <v>0</v>
      </c>
      <c r="EC25" s="113">
        <v>1091770</v>
      </c>
      <c r="ED25" s="116">
        <v>1091770</v>
      </c>
      <c r="EE25" s="110">
        <v>0</v>
      </c>
      <c r="EF25" s="112">
        <v>0</v>
      </c>
      <c r="EG25" s="113">
        <v>0</v>
      </c>
      <c r="EH25" s="110">
        <v>0</v>
      </c>
      <c r="EI25" s="114">
        <v>0</v>
      </c>
      <c r="EJ25" s="114">
        <v>0</v>
      </c>
      <c r="EK25" s="114">
        <v>90970</v>
      </c>
      <c r="EL25" s="114">
        <v>0</v>
      </c>
      <c r="EM25" s="114">
        <v>0</v>
      </c>
      <c r="EN25" s="112">
        <v>90970</v>
      </c>
      <c r="EO25" s="116">
        <v>90970</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155267</v>
      </c>
      <c r="FM25" s="114">
        <v>75656</v>
      </c>
      <c r="FN25" s="113">
        <v>230923</v>
      </c>
      <c r="FO25" s="110">
        <v>0</v>
      </c>
      <c r="FP25" s="114">
        <v>351701</v>
      </c>
      <c r="FQ25" s="114">
        <v>282954</v>
      </c>
      <c r="FR25" s="114">
        <v>281393</v>
      </c>
      <c r="FS25" s="114">
        <v>146615</v>
      </c>
      <c r="FT25" s="114">
        <v>150556</v>
      </c>
      <c r="FU25" s="113">
        <v>1213219</v>
      </c>
      <c r="FV25" s="116">
        <v>1444142</v>
      </c>
      <c r="FW25" s="115">
        <v>15267</v>
      </c>
      <c r="FX25" s="114">
        <v>75656</v>
      </c>
      <c r="FY25" s="112">
        <v>90923</v>
      </c>
      <c r="FZ25" s="111">
        <v>0</v>
      </c>
      <c r="GA25" s="114">
        <v>299201</v>
      </c>
      <c r="GB25" s="114">
        <v>282954</v>
      </c>
      <c r="GC25" s="114">
        <v>281393</v>
      </c>
      <c r="GD25" s="114">
        <v>146615</v>
      </c>
      <c r="GE25" s="114">
        <v>150556</v>
      </c>
      <c r="GF25" s="113">
        <v>1160719</v>
      </c>
      <c r="GG25" s="318">
        <v>1251642</v>
      </c>
      <c r="GH25" s="115">
        <v>0</v>
      </c>
      <c r="GI25" s="114">
        <v>0</v>
      </c>
      <c r="GJ25" s="112">
        <v>0</v>
      </c>
      <c r="GK25" s="111">
        <v>0</v>
      </c>
      <c r="GL25" s="114">
        <v>0</v>
      </c>
      <c r="GM25" s="114">
        <v>0</v>
      </c>
      <c r="GN25" s="114">
        <v>0</v>
      </c>
      <c r="GO25" s="114">
        <v>0</v>
      </c>
      <c r="GP25" s="114">
        <v>0</v>
      </c>
      <c r="GQ25" s="113">
        <v>0</v>
      </c>
      <c r="GR25" s="116">
        <v>0</v>
      </c>
      <c r="GS25" s="110">
        <v>140000</v>
      </c>
      <c r="GT25" s="114">
        <v>0</v>
      </c>
      <c r="GU25" s="113">
        <v>140000</v>
      </c>
      <c r="GV25" s="110">
        <v>0</v>
      </c>
      <c r="GW25" s="114">
        <v>52500</v>
      </c>
      <c r="GX25" s="114">
        <v>0</v>
      </c>
      <c r="GY25" s="114">
        <v>0</v>
      </c>
      <c r="GZ25" s="114">
        <v>0</v>
      </c>
      <c r="HA25" s="114">
        <v>0</v>
      </c>
      <c r="HB25" s="112">
        <v>52500</v>
      </c>
      <c r="HC25" s="116">
        <v>192500</v>
      </c>
      <c r="HD25" s="110">
        <v>50486</v>
      </c>
      <c r="HE25" s="114">
        <v>75419</v>
      </c>
      <c r="HF25" s="112">
        <v>125905</v>
      </c>
      <c r="HG25" s="111">
        <v>0</v>
      </c>
      <c r="HH25" s="114">
        <v>256494</v>
      </c>
      <c r="HI25" s="114">
        <v>760257</v>
      </c>
      <c r="HJ25" s="114">
        <v>837144</v>
      </c>
      <c r="HK25" s="114">
        <v>1119989</v>
      </c>
      <c r="HL25" s="114">
        <v>400992</v>
      </c>
      <c r="HM25" s="113">
        <v>3374876</v>
      </c>
      <c r="HN25" s="109">
        <v>3500781</v>
      </c>
      <c r="HO25" s="328"/>
      <c r="HP25" s="329"/>
      <c r="HQ25" s="330"/>
      <c r="HR25" s="331"/>
      <c r="HS25" s="329"/>
      <c r="HT25" s="329"/>
      <c r="HU25" s="329"/>
      <c r="HV25" s="329"/>
      <c r="HW25" s="329"/>
      <c r="HX25" s="332"/>
      <c r="HY25" s="333"/>
      <c r="HZ25" s="131">
        <v>0</v>
      </c>
      <c r="IA25" s="132">
        <v>128314</v>
      </c>
      <c r="IB25" s="133">
        <v>128314</v>
      </c>
      <c r="IC25" s="146">
        <v>0</v>
      </c>
      <c r="ID25" s="132">
        <v>514936</v>
      </c>
      <c r="IE25" s="147">
        <v>819728</v>
      </c>
      <c r="IF25" s="133">
        <v>614671</v>
      </c>
      <c r="IG25" s="132">
        <v>0</v>
      </c>
      <c r="IH25" s="133">
        <v>229093</v>
      </c>
      <c r="II25" s="148">
        <v>2178428</v>
      </c>
      <c r="IJ25" s="139">
        <v>2306742</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215187</v>
      </c>
      <c r="JL25" s="119">
        <v>612068</v>
      </c>
      <c r="JM25" s="119">
        <v>45285</v>
      </c>
      <c r="JN25" s="119">
        <v>0</v>
      </c>
      <c r="JO25" s="119">
        <v>0</v>
      </c>
      <c r="JP25" s="120">
        <v>872540</v>
      </c>
      <c r="JQ25" s="320">
        <v>872540</v>
      </c>
      <c r="JR25" s="142">
        <v>0</v>
      </c>
      <c r="JS25" s="119">
        <v>0</v>
      </c>
      <c r="JT25" s="141">
        <v>0</v>
      </c>
      <c r="JU25" s="118">
        <v>0</v>
      </c>
      <c r="JV25" s="119">
        <v>0</v>
      </c>
      <c r="JW25" s="119">
        <v>0</v>
      </c>
      <c r="JX25" s="119">
        <v>0</v>
      </c>
      <c r="JY25" s="119">
        <v>0</v>
      </c>
      <c r="JZ25" s="119">
        <v>0</v>
      </c>
      <c r="KA25" s="120">
        <v>0</v>
      </c>
      <c r="KB25" s="320">
        <v>0</v>
      </c>
      <c r="KC25" s="234">
        <v>0</v>
      </c>
      <c r="KD25" s="230">
        <v>128314</v>
      </c>
      <c r="KE25" s="120">
        <v>128314</v>
      </c>
      <c r="KF25" s="118">
        <v>0</v>
      </c>
      <c r="KG25" s="119">
        <v>100625</v>
      </c>
      <c r="KH25" s="119">
        <v>0</v>
      </c>
      <c r="KI25" s="119">
        <v>353779</v>
      </c>
      <c r="KJ25" s="119">
        <v>0</v>
      </c>
      <c r="KK25" s="119">
        <v>0</v>
      </c>
      <c r="KL25" s="120">
        <v>454404</v>
      </c>
      <c r="KM25" s="143">
        <v>582718</v>
      </c>
      <c r="KN25" s="232">
        <v>0</v>
      </c>
      <c r="KO25" s="236">
        <v>0</v>
      </c>
      <c r="KP25" s="237">
        <v>0</v>
      </c>
      <c r="KQ25" s="140"/>
      <c r="KR25" s="119">
        <v>199124</v>
      </c>
      <c r="KS25" s="119">
        <v>207660</v>
      </c>
      <c r="KT25" s="119">
        <v>215607</v>
      </c>
      <c r="KU25" s="119">
        <v>0</v>
      </c>
      <c r="KV25" s="119">
        <v>229093</v>
      </c>
      <c r="KW25" s="120">
        <v>851484</v>
      </c>
      <c r="KX25" s="320">
        <v>851484</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387181</v>
      </c>
      <c r="MK25" s="119">
        <v>607420</v>
      </c>
      <c r="ML25" s="119">
        <v>2132709</v>
      </c>
      <c r="MM25" s="119">
        <v>1640404</v>
      </c>
      <c r="MN25" s="119">
        <v>748665</v>
      </c>
      <c r="MO25" s="120">
        <v>5516379</v>
      </c>
      <c r="MP25" s="143">
        <v>5516379</v>
      </c>
      <c r="MQ25" s="142">
        <v>0</v>
      </c>
      <c r="MR25" s="119">
        <v>0</v>
      </c>
      <c r="MS25" s="120">
        <v>0</v>
      </c>
      <c r="MT25" s="145"/>
      <c r="MU25" s="119">
        <v>0</v>
      </c>
      <c r="MV25" s="119">
        <v>209925</v>
      </c>
      <c r="MW25" s="119">
        <v>275593</v>
      </c>
      <c r="MX25" s="119">
        <v>942934</v>
      </c>
      <c r="MY25" s="119">
        <v>748665</v>
      </c>
      <c r="MZ25" s="120">
        <v>2177117</v>
      </c>
      <c r="NA25" s="143">
        <v>2177117</v>
      </c>
      <c r="NB25" s="142">
        <v>0</v>
      </c>
      <c r="NC25" s="119">
        <v>0</v>
      </c>
      <c r="ND25" s="120">
        <v>0</v>
      </c>
      <c r="NE25" s="145"/>
      <c r="NF25" s="119">
        <v>387181</v>
      </c>
      <c r="NG25" s="119">
        <v>397495</v>
      </c>
      <c r="NH25" s="119">
        <v>1857116</v>
      </c>
      <c r="NI25" s="119">
        <v>697470</v>
      </c>
      <c r="NJ25" s="119">
        <v>0</v>
      </c>
      <c r="NK25" s="120">
        <v>3339262</v>
      </c>
      <c r="NL25" s="320">
        <v>3339262</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262458</v>
      </c>
      <c r="OJ25" s="119">
        <v>522922</v>
      </c>
      <c r="OK25" s="141">
        <v>785380</v>
      </c>
      <c r="OL25" s="118">
        <v>0</v>
      </c>
      <c r="OM25" s="119">
        <v>3807692</v>
      </c>
      <c r="ON25" s="119">
        <v>4477583</v>
      </c>
      <c r="OO25" s="119">
        <v>6432694</v>
      </c>
      <c r="OP25" s="119">
        <v>4869007</v>
      </c>
      <c r="OQ25" s="119">
        <v>2720043</v>
      </c>
      <c r="OR25" s="120">
        <v>22307019</v>
      </c>
      <c r="OS25" s="143">
        <v>23092399</v>
      </c>
    </row>
    <row r="26" spans="2:409" ht="21" customHeight="1" x14ac:dyDescent="0.2">
      <c r="B26" s="126" t="s">
        <v>21</v>
      </c>
      <c r="C26" s="110">
        <v>366781</v>
      </c>
      <c r="D26" s="114">
        <v>231973</v>
      </c>
      <c r="E26" s="113">
        <v>598754</v>
      </c>
      <c r="F26" s="109">
        <v>0</v>
      </c>
      <c r="G26" s="114">
        <v>2414005</v>
      </c>
      <c r="H26" s="114">
        <v>3196546</v>
      </c>
      <c r="I26" s="114">
        <v>3119867</v>
      </c>
      <c r="J26" s="114">
        <v>3157818</v>
      </c>
      <c r="K26" s="114">
        <v>1960613</v>
      </c>
      <c r="L26" s="173">
        <v>13848849</v>
      </c>
      <c r="M26" s="116">
        <v>14447603</v>
      </c>
      <c r="N26" s="110">
        <v>120252</v>
      </c>
      <c r="O26" s="114">
        <v>20958</v>
      </c>
      <c r="P26" s="113">
        <v>141210</v>
      </c>
      <c r="Q26" s="110">
        <v>0</v>
      </c>
      <c r="R26" s="114">
        <v>934171</v>
      </c>
      <c r="S26" s="114">
        <v>1232758</v>
      </c>
      <c r="T26" s="114">
        <v>1029757</v>
      </c>
      <c r="U26" s="114">
        <v>1460644</v>
      </c>
      <c r="V26" s="114">
        <v>1012529</v>
      </c>
      <c r="W26" s="113">
        <v>5669859</v>
      </c>
      <c r="X26" s="116">
        <v>5811069</v>
      </c>
      <c r="Y26" s="110">
        <v>0</v>
      </c>
      <c r="Z26" s="114">
        <v>0</v>
      </c>
      <c r="AA26" s="113">
        <v>0</v>
      </c>
      <c r="AB26" s="110">
        <v>0</v>
      </c>
      <c r="AC26" s="114">
        <v>453748</v>
      </c>
      <c r="AD26" s="114">
        <v>508330</v>
      </c>
      <c r="AE26" s="114">
        <v>623130</v>
      </c>
      <c r="AF26" s="114">
        <v>798184</v>
      </c>
      <c r="AG26" s="114">
        <v>544321</v>
      </c>
      <c r="AH26" s="113">
        <v>2927713</v>
      </c>
      <c r="AI26" s="116">
        <v>2927713</v>
      </c>
      <c r="AJ26" s="110">
        <v>0</v>
      </c>
      <c r="AK26" s="114">
        <v>0</v>
      </c>
      <c r="AL26" s="113">
        <v>0</v>
      </c>
      <c r="AM26" s="110">
        <v>0</v>
      </c>
      <c r="AN26" s="114">
        <v>0</v>
      </c>
      <c r="AO26" s="114">
        <v>10258</v>
      </c>
      <c r="AP26" s="114">
        <v>0</v>
      </c>
      <c r="AQ26" s="114">
        <v>163214</v>
      </c>
      <c r="AR26" s="114">
        <v>90194</v>
      </c>
      <c r="AS26" s="113">
        <v>263666</v>
      </c>
      <c r="AT26" s="116">
        <v>263666</v>
      </c>
      <c r="AU26" s="110">
        <v>46864</v>
      </c>
      <c r="AV26" s="114">
        <v>0</v>
      </c>
      <c r="AW26" s="113">
        <v>46864</v>
      </c>
      <c r="AX26" s="110">
        <v>0</v>
      </c>
      <c r="AY26" s="114">
        <v>308545</v>
      </c>
      <c r="AZ26" s="114">
        <v>483588</v>
      </c>
      <c r="BA26" s="114">
        <v>194968</v>
      </c>
      <c r="BB26" s="114">
        <v>267561</v>
      </c>
      <c r="BC26" s="114">
        <v>286294</v>
      </c>
      <c r="BD26" s="113">
        <v>1540956</v>
      </c>
      <c r="BE26" s="116">
        <v>1587820</v>
      </c>
      <c r="BF26" s="110">
        <v>18270</v>
      </c>
      <c r="BG26" s="114">
        <v>0</v>
      </c>
      <c r="BH26" s="112">
        <v>18270</v>
      </c>
      <c r="BI26" s="111">
        <v>0</v>
      </c>
      <c r="BJ26" s="114">
        <v>0</v>
      </c>
      <c r="BK26" s="114">
        <v>28940</v>
      </c>
      <c r="BL26" s="114">
        <v>8071</v>
      </c>
      <c r="BM26" s="114">
        <v>78273</v>
      </c>
      <c r="BN26" s="114">
        <v>21020</v>
      </c>
      <c r="BO26" s="113">
        <v>136304</v>
      </c>
      <c r="BP26" s="116">
        <v>154574</v>
      </c>
      <c r="BQ26" s="110">
        <v>55118</v>
      </c>
      <c r="BR26" s="114">
        <v>20958</v>
      </c>
      <c r="BS26" s="113">
        <v>76076</v>
      </c>
      <c r="BT26" s="110">
        <v>0</v>
      </c>
      <c r="BU26" s="114">
        <v>171878</v>
      </c>
      <c r="BV26" s="114">
        <v>201642</v>
      </c>
      <c r="BW26" s="114">
        <v>203588</v>
      </c>
      <c r="BX26" s="114">
        <v>153412</v>
      </c>
      <c r="BY26" s="114">
        <v>70700</v>
      </c>
      <c r="BZ26" s="113">
        <v>801220</v>
      </c>
      <c r="CA26" s="116">
        <v>877296</v>
      </c>
      <c r="CB26" s="110">
        <v>17738</v>
      </c>
      <c r="CC26" s="114">
        <v>32877</v>
      </c>
      <c r="CD26" s="113">
        <v>50615</v>
      </c>
      <c r="CE26" s="110">
        <v>0</v>
      </c>
      <c r="CF26" s="114">
        <v>698417</v>
      </c>
      <c r="CG26" s="114">
        <v>794742</v>
      </c>
      <c r="CH26" s="114">
        <v>357508</v>
      </c>
      <c r="CI26" s="114">
        <v>338519</v>
      </c>
      <c r="CJ26" s="114">
        <v>306233</v>
      </c>
      <c r="CK26" s="113">
        <v>2495419</v>
      </c>
      <c r="CL26" s="116">
        <v>2546034</v>
      </c>
      <c r="CM26" s="110">
        <v>0</v>
      </c>
      <c r="CN26" s="114">
        <v>0</v>
      </c>
      <c r="CO26" s="113">
        <v>0</v>
      </c>
      <c r="CP26" s="111">
        <v>0</v>
      </c>
      <c r="CQ26" s="114">
        <v>672781</v>
      </c>
      <c r="CR26" s="114">
        <v>690546</v>
      </c>
      <c r="CS26" s="114">
        <v>357508</v>
      </c>
      <c r="CT26" s="114">
        <v>338519</v>
      </c>
      <c r="CU26" s="114">
        <v>118193</v>
      </c>
      <c r="CV26" s="113">
        <v>2177547</v>
      </c>
      <c r="CW26" s="116">
        <v>2177547</v>
      </c>
      <c r="CX26" s="110">
        <v>17738</v>
      </c>
      <c r="CY26" s="114">
        <v>32877</v>
      </c>
      <c r="CZ26" s="113">
        <v>50615</v>
      </c>
      <c r="DA26" s="110">
        <v>0</v>
      </c>
      <c r="DB26" s="114">
        <v>25636</v>
      </c>
      <c r="DC26" s="114">
        <v>104196</v>
      </c>
      <c r="DD26" s="114">
        <v>0</v>
      </c>
      <c r="DE26" s="114">
        <v>0</v>
      </c>
      <c r="DF26" s="114">
        <v>188040</v>
      </c>
      <c r="DG26" s="113">
        <v>317872</v>
      </c>
      <c r="DH26" s="116">
        <v>368487</v>
      </c>
      <c r="DI26" s="110">
        <v>35654</v>
      </c>
      <c r="DJ26" s="114">
        <v>0</v>
      </c>
      <c r="DK26" s="112">
        <v>35654</v>
      </c>
      <c r="DL26" s="111">
        <v>0</v>
      </c>
      <c r="DM26" s="114">
        <v>42242</v>
      </c>
      <c r="DN26" s="114">
        <v>402692</v>
      </c>
      <c r="DO26" s="114">
        <v>526015</v>
      </c>
      <c r="DP26" s="114">
        <v>102790</v>
      </c>
      <c r="DQ26" s="114">
        <v>127006</v>
      </c>
      <c r="DR26" s="113">
        <v>1200745</v>
      </c>
      <c r="DS26" s="116">
        <v>1236399</v>
      </c>
      <c r="DT26" s="110">
        <v>35654</v>
      </c>
      <c r="DU26" s="114">
        <v>0</v>
      </c>
      <c r="DV26" s="113">
        <v>35654</v>
      </c>
      <c r="DW26" s="110">
        <v>0</v>
      </c>
      <c r="DX26" s="114">
        <v>42242</v>
      </c>
      <c r="DY26" s="114">
        <v>210469</v>
      </c>
      <c r="DZ26" s="114">
        <v>526015</v>
      </c>
      <c r="EA26" s="114">
        <v>71899</v>
      </c>
      <c r="EB26" s="114">
        <v>127006</v>
      </c>
      <c r="EC26" s="113">
        <v>977631</v>
      </c>
      <c r="ED26" s="116">
        <v>1013285</v>
      </c>
      <c r="EE26" s="110">
        <v>0</v>
      </c>
      <c r="EF26" s="112">
        <v>0</v>
      </c>
      <c r="EG26" s="113">
        <v>0</v>
      </c>
      <c r="EH26" s="110">
        <v>0</v>
      </c>
      <c r="EI26" s="114">
        <v>0</v>
      </c>
      <c r="EJ26" s="114">
        <v>192223</v>
      </c>
      <c r="EK26" s="114">
        <v>0</v>
      </c>
      <c r="EL26" s="114">
        <v>30891</v>
      </c>
      <c r="EM26" s="114">
        <v>0</v>
      </c>
      <c r="EN26" s="112">
        <v>223114</v>
      </c>
      <c r="EO26" s="116">
        <v>223114</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54054</v>
      </c>
      <c r="FM26" s="114">
        <v>98756</v>
      </c>
      <c r="FN26" s="113">
        <v>152810</v>
      </c>
      <c r="FO26" s="110">
        <v>0</v>
      </c>
      <c r="FP26" s="114">
        <v>57904</v>
      </c>
      <c r="FQ26" s="114">
        <v>310184</v>
      </c>
      <c r="FR26" s="114">
        <v>184422</v>
      </c>
      <c r="FS26" s="114">
        <v>321951</v>
      </c>
      <c r="FT26" s="114">
        <v>165235</v>
      </c>
      <c r="FU26" s="113">
        <v>1039696</v>
      </c>
      <c r="FV26" s="116">
        <v>1192506</v>
      </c>
      <c r="FW26" s="115">
        <v>54054</v>
      </c>
      <c r="FX26" s="114">
        <v>32256</v>
      </c>
      <c r="FY26" s="112">
        <v>86310</v>
      </c>
      <c r="FZ26" s="111">
        <v>0</v>
      </c>
      <c r="GA26" s="114">
        <v>57904</v>
      </c>
      <c r="GB26" s="114">
        <v>310184</v>
      </c>
      <c r="GC26" s="114">
        <v>134246</v>
      </c>
      <c r="GD26" s="114">
        <v>246491</v>
      </c>
      <c r="GE26" s="114">
        <v>165235</v>
      </c>
      <c r="GF26" s="113">
        <v>914060</v>
      </c>
      <c r="GG26" s="318">
        <v>1000370</v>
      </c>
      <c r="GH26" s="115">
        <v>0</v>
      </c>
      <c r="GI26" s="114">
        <v>0</v>
      </c>
      <c r="GJ26" s="112">
        <v>0</v>
      </c>
      <c r="GK26" s="111">
        <v>0</v>
      </c>
      <c r="GL26" s="114">
        <v>0</v>
      </c>
      <c r="GM26" s="114">
        <v>0</v>
      </c>
      <c r="GN26" s="114">
        <v>33376</v>
      </c>
      <c r="GO26" s="114">
        <v>0</v>
      </c>
      <c r="GP26" s="114">
        <v>0</v>
      </c>
      <c r="GQ26" s="113">
        <v>33376</v>
      </c>
      <c r="GR26" s="116">
        <v>33376</v>
      </c>
      <c r="GS26" s="110">
        <v>0</v>
      </c>
      <c r="GT26" s="114">
        <v>66500</v>
      </c>
      <c r="GU26" s="113">
        <v>66500</v>
      </c>
      <c r="GV26" s="110">
        <v>0</v>
      </c>
      <c r="GW26" s="114">
        <v>0</v>
      </c>
      <c r="GX26" s="114">
        <v>0</v>
      </c>
      <c r="GY26" s="114">
        <v>16800</v>
      </c>
      <c r="GZ26" s="114">
        <v>75460</v>
      </c>
      <c r="HA26" s="114">
        <v>0</v>
      </c>
      <c r="HB26" s="112">
        <v>92260</v>
      </c>
      <c r="HC26" s="116">
        <v>158760</v>
      </c>
      <c r="HD26" s="110">
        <v>139083</v>
      </c>
      <c r="HE26" s="114">
        <v>79382</v>
      </c>
      <c r="HF26" s="112">
        <v>218465</v>
      </c>
      <c r="HG26" s="111">
        <v>0</v>
      </c>
      <c r="HH26" s="114">
        <v>681271</v>
      </c>
      <c r="HI26" s="114">
        <v>456170</v>
      </c>
      <c r="HJ26" s="114">
        <v>1022165</v>
      </c>
      <c r="HK26" s="114">
        <v>933914</v>
      </c>
      <c r="HL26" s="114">
        <v>349610</v>
      </c>
      <c r="HM26" s="113">
        <v>3443130</v>
      </c>
      <c r="HN26" s="109">
        <v>3661595</v>
      </c>
      <c r="HO26" s="328"/>
      <c r="HP26" s="329"/>
      <c r="HQ26" s="330"/>
      <c r="HR26" s="331"/>
      <c r="HS26" s="329"/>
      <c r="HT26" s="329"/>
      <c r="HU26" s="329"/>
      <c r="HV26" s="329"/>
      <c r="HW26" s="329"/>
      <c r="HX26" s="332"/>
      <c r="HY26" s="333"/>
      <c r="HZ26" s="150">
        <v>0</v>
      </c>
      <c r="IA26" s="135">
        <v>0</v>
      </c>
      <c r="IB26" s="150">
        <v>0</v>
      </c>
      <c r="IC26" s="134">
        <v>0</v>
      </c>
      <c r="ID26" s="135">
        <v>719201</v>
      </c>
      <c r="IE26" s="136">
        <v>368726</v>
      </c>
      <c r="IF26" s="137">
        <v>579662</v>
      </c>
      <c r="IG26" s="135">
        <v>717114</v>
      </c>
      <c r="IH26" s="137">
        <v>221812</v>
      </c>
      <c r="II26" s="138">
        <v>2606515</v>
      </c>
      <c r="IJ26" s="150">
        <v>2606515</v>
      </c>
      <c r="IK26" s="232">
        <v>0</v>
      </c>
      <c r="IL26" s="236">
        <v>0</v>
      </c>
      <c r="IM26" s="237">
        <v>0</v>
      </c>
      <c r="IN26" s="140"/>
      <c r="IO26" s="119">
        <v>0</v>
      </c>
      <c r="IP26" s="119">
        <v>0</v>
      </c>
      <c r="IQ26" s="119">
        <v>0</v>
      </c>
      <c r="IR26" s="119">
        <v>0</v>
      </c>
      <c r="IS26" s="119">
        <v>0</v>
      </c>
      <c r="IT26" s="141">
        <v>0</v>
      </c>
      <c r="IU26" s="320">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438836</v>
      </c>
      <c r="JL26" s="119">
        <v>162590</v>
      </c>
      <c r="JM26" s="119">
        <v>149904</v>
      </c>
      <c r="JN26" s="119">
        <v>63333</v>
      </c>
      <c r="JO26" s="119">
        <v>0</v>
      </c>
      <c r="JP26" s="120">
        <v>814663</v>
      </c>
      <c r="JQ26" s="320">
        <v>814663</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91610</v>
      </c>
      <c r="KH26" s="119">
        <v>0</v>
      </c>
      <c r="KI26" s="119">
        <v>0</v>
      </c>
      <c r="KJ26" s="119">
        <v>219695</v>
      </c>
      <c r="KK26" s="119">
        <v>0</v>
      </c>
      <c r="KL26" s="120">
        <v>311305</v>
      </c>
      <c r="KM26" s="143">
        <v>311305</v>
      </c>
      <c r="KN26" s="232">
        <v>0</v>
      </c>
      <c r="KO26" s="236">
        <v>0</v>
      </c>
      <c r="KP26" s="237">
        <v>0</v>
      </c>
      <c r="KQ26" s="140"/>
      <c r="KR26" s="119">
        <v>188755</v>
      </c>
      <c r="KS26" s="119">
        <v>206136</v>
      </c>
      <c r="KT26" s="119">
        <v>213356</v>
      </c>
      <c r="KU26" s="119">
        <v>434086</v>
      </c>
      <c r="KV26" s="119">
        <v>221812</v>
      </c>
      <c r="KW26" s="120">
        <v>1264145</v>
      </c>
      <c r="KX26" s="320">
        <v>1264145</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216402</v>
      </c>
      <c r="MB26" s="119">
        <v>0</v>
      </c>
      <c r="MC26" s="119">
        <v>0</v>
      </c>
      <c r="MD26" s="120">
        <v>216402</v>
      </c>
      <c r="ME26" s="121">
        <v>216402</v>
      </c>
      <c r="MF26" s="142">
        <v>0</v>
      </c>
      <c r="MG26" s="119">
        <v>0</v>
      </c>
      <c r="MH26" s="120">
        <v>0</v>
      </c>
      <c r="MI26" s="145"/>
      <c r="MJ26" s="119">
        <v>0</v>
      </c>
      <c r="MK26" s="119">
        <v>891356</v>
      </c>
      <c r="ML26" s="119">
        <v>606216</v>
      </c>
      <c r="MM26" s="119">
        <v>1060926</v>
      </c>
      <c r="MN26" s="119">
        <v>1783236</v>
      </c>
      <c r="MO26" s="120">
        <v>4341734</v>
      </c>
      <c r="MP26" s="143">
        <v>4341734</v>
      </c>
      <c r="MQ26" s="142">
        <v>0</v>
      </c>
      <c r="MR26" s="119">
        <v>0</v>
      </c>
      <c r="MS26" s="120">
        <v>0</v>
      </c>
      <c r="MT26" s="145"/>
      <c r="MU26" s="119">
        <v>0</v>
      </c>
      <c r="MV26" s="119">
        <v>0</v>
      </c>
      <c r="MW26" s="119">
        <v>381446</v>
      </c>
      <c r="MX26" s="119">
        <v>547283</v>
      </c>
      <c r="MY26" s="119">
        <v>967324</v>
      </c>
      <c r="MZ26" s="120">
        <v>1896053</v>
      </c>
      <c r="NA26" s="143">
        <v>1896053</v>
      </c>
      <c r="NB26" s="142">
        <v>0</v>
      </c>
      <c r="NC26" s="119">
        <v>0</v>
      </c>
      <c r="ND26" s="120">
        <v>0</v>
      </c>
      <c r="NE26" s="145"/>
      <c r="NF26" s="119">
        <v>0</v>
      </c>
      <c r="NG26" s="119">
        <v>891356</v>
      </c>
      <c r="NH26" s="119">
        <v>224770</v>
      </c>
      <c r="NI26" s="119">
        <v>513643</v>
      </c>
      <c r="NJ26" s="119">
        <v>519712</v>
      </c>
      <c r="NK26" s="120">
        <v>2149481</v>
      </c>
      <c r="NL26" s="320">
        <v>2149481</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296200</v>
      </c>
      <c r="OG26" s="120">
        <v>296200</v>
      </c>
      <c r="OH26" s="121">
        <v>296200</v>
      </c>
      <c r="OI26" s="142">
        <v>366781</v>
      </c>
      <c r="OJ26" s="119">
        <v>231973</v>
      </c>
      <c r="OK26" s="141">
        <v>598754</v>
      </c>
      <c r="OL26" s="118">
        <v>0</v>
      </c>
      <c r="OM26" s="119">
        <v>3133206</v>
      </c>
      <c r="ON26" s="119">
        <v>4456628</v>
      </c>
      <c r="OO26" s="119">
        <v>4305745</v>
      </c>
      <c r="OP26" s="119">
        <v>4935858</v>
      </c>
      <c r="OQ26" s="119">
        <v>3965661</v>
      </c>
      <c r="OR26" s="120">
        <v>20797098</v>
      </c>
      <c r="OS26" s="143">
        <v>21395852</v>
      </c>
    </row>
    <row r="27" spans="2:409" ht="21" customHeight="1" x14ac:dyDescent="0.2">
      <c r="B27" s="126" t="s">
        <v>22</v>
      </c>
      <c r="C27" s="110">
        <v>11074</v>
      </c>
      <c r="D27" s="114">
        <v>34258</v>
      </c>
      <c r="E27" s="113">
        <v>45332</v>
      </c>
      <c r="F27" s="109">
        <v>0</v>
      </c>
      <c r="G27" s="114">
        <v>1230747</v>
      </c>
      <c r="H27" s="114">
        <v>1145676</v>
      </c>
      <c r="I27" s="114">
        <v>654065</v>
      </c>
      <c r="J27" s="114">
        <v>1404234</v>
      </c>
      <c r="K27" s="114">
        <v>1820476</v>
      </c>
      <c r="L27" s="173">
        <v>6255198</v>
      </c>
      <c r="M27" s="116">
        <v>6300530</v>
      </c>
      <c r="N27" s="110">
        <v>6384</v>
      </c>
      <c r="O27" s="114">
        <v>19978</v>
      </c>
      <c r="P27" s="113">
        <v>26362</v>
      </c>
      <c r="Q27" s="110">
        <v>0</v>
      </c>
      <c r="R27" s="114">
        <v>412154</v>
      </c>
      <c r="S27" s="114">
        <v>260288</v>
      </c>
      <c r="T27" s="114">
        <v>120900</v>
      </c>
      <c r="U27" s="114">
        <v>307066</v>
      </c>
      <c r="V27" s="114">
        <v>1091384</v>
      </c>
      <c r="W27" s="113">
        <v>2191792</v>
      </c>
      <c r="X27" s="116">
        <v>2218154</v>
      </c>
      <c r="Y27" s="110">
        <v>0</v>
      </c>
      <c r="Z27" s="114">
        <v>0</v>
      </c>
      <c r="AA27" s="113">
        <v>0</v>
      </c>
      <c r="AB27" s="110">
        <v>0</v>
      </c>
      <c r="AC27" s="114">
        <v>167154</v>
      </c>
      <c r="AD27" s="114">
        <v>36558</v>
      </c>
      <c r="AE27" s="114">
        <v>69632</v>
      </c>
      <c r="AF27" s="114">
        <v>0</v>
      </c>
      <c r="AG27" s="114">
        <v>403158</v>
      </c>
      <c r="AH27" s="113">
        <v>676502</v>
      </c>
      <c r="AI27" s="116">
        <v>676502</v>
      </c>
      <c r="AJ27" s="110">
        <v>0</v>
      </c>
      <c r="AK27" s="114">
        <v>0</v>
      </c>
      <c r="AL27" s="113">
        <v>0</v>
      </c>
      <c r="AM27" s="110">
        <v>0</v>
      </c>
      <c r="AN27" s="114">
        <v>0</v>
      </c>
      <c r="AO27" s="114">
        <v>0</v>
      </c>
      <c r="AP27" s="114">
        <v>0</v>
      </c>
      <c r="AQ27" s="114">
        <v>0</v>
      </c>
      <c r="AR27" s="114">
        <v>379169</v>
      </c>
      <c r="AS27" s="113">
        <v>379169</v>
      </c>
      <c r="AT27" s="116">
        <v>379169</v>
      </c>
      <c r="AU27" s="110">
        <v>6384</v>
      </c>
      <c r="AV27" s="114">
        <v>19978</v>
      </c>
      <c r="AW27" s="113">
        <v>26362</v>
      </c>
      <c r="AX27" s="110">
        <v>0</v>
      </c>
      <c r="AY27" s="114">
        <v>119413</v>
      </c>
      <c r="AZ27" s="114">
        <v>132100</v>
      </c>
      <c r="BA27" s="114">
        <v>32235</v>
      </c>
      <c r="BB27" s="114">
        <v>165743</v>
      </c>
      <c r="BC27" s="114">
        <v>292257</v>
      </c>
      <c r="BD27" s="113">
        <v>741748</v>
      </c>
      <c r="BE27" s="116">
        <v>768110</v>
      </c>
      <c r="BF27" s="110">
        <v>0</v>
      </c>
      <c r="BG27" s="114">
        <v>0</v>
      </c>
      <c r="BH27" s="112">
        <v>0</v>
      </c>
      <c r="BI27" s="111">
        <v>0</v>
      </c>
      <c r="BJ27" s="114">
        <v>86996</v>
      </c>
      <c r="BK27" s="114">
        <v>72828</v>
      </c>
      <c r="BL27" s="114">
        <v>0</v>
      </c>
      <c r="BM27" s="114">
        <v>78232</v>
      </c>
      <c r="BN27" s="114">
        <v>0</v>
      </c>
      <c r="BO27" s="113">
        <v>238056</v>
      </c>
      <c r="BP27" s="116">
        <v>238056</v>
      </c>
      <c r="BQ27" s="110">
        <v>0</v>
      </c>
      <c r="BR27" s="114">
        <v>0</v>
      </c>
      <c r="BS27" s="113">
        <v>0</v>
      </c>
      <c r="BT27" s="110">
        <v>0</v>
      </c>
      <c r="BU27" s="114">
        <v>38591</v>
      </c>
      <c r="BV27" s="114">
        <v>18802</v>
      </c>
      <c r="BW27" s="114">
        <v>19033</v>
      </c>
      <c r="BX27" s="114">
        <v>63091</v>
      </c>
      <c r="BY27" s="114">
        <v>16800</v>
      </c>
      <c r="BZ27" s="113">
        <v>156317</v>
      </c>
      <c r="CA27" s="116">
        <v>156317</v>
      </c>
      <c r="CB27" s="110">
        <v>0</v>
      </c>
      <c r="CC27" s="114">
        <v>0</v>
      </c>
      <c r="CD27" s="113">
        <v>0</v>
      </c>
      <c r="CE27" s="110">
        <v>0</v>
      </c>
      <c r="CF27" s="114">
        <v>398338</v>
      </c>
      <c r="CG27" s="114">
        <v>91809</v>
      </c>
      <c r="CH27" s="114">
        <v>106299</v>
      </c>
      <c r="CI27" s="114">
        <v>270186</v>
      </c>
      <c r="CJ27" s="114">
        <v>189728</v>
      </c>
      <c r="CK27" s="113">
        <v>1056360</v>
      </c>
      <c r="CL27" s="116">
        <v>1056360</v>
      </c>
      <c r="CM27" s="110">
        <v>0</v>
      </c>
      <c r="CN27" s="114">
        <v>0</v>
      </c>
      <c r="CO27" s="113">
        <v>0</v>
      </c>
      <c r="CP27" s="111">
        <v>0</v>
      </c>
      <c r="CQ27" s="114">
        <v>398338</v>
      </c>
      <c r="CR27" s="114">
        <v>84728</v>
      </c>
      <c r="CS27" s="114">
        <v>90208</v>
      </c>
      <c r="CT27" s="114">
        <v>257376</v>
      </c>
      <c r="CU27" s="114">
        <v>189728</v>
      </c>
      <c r="CV27" s="113">
        <v>1020378</v>
      </c>
      <c r="CW27" s="116">
        <v>1020378</v>
      </c>
      <c r="CX27" s="110">
        <v>0</v>
      </c>
      <c r="CY27" s="114">
        <v>0</v>
      </c>
      <c r="CZ27" s="113">
        <v>0</v>
      </c>
      <c r="DA27" s="110">
        <v>0</v>
      </c>
      <c r="DB27" s="114">
        <v>0</v>
      </c>
      <c r="DC27" s="114">
        <v>7081</v>
      </c>
      <c r="DD27" s="114">
        <v>16091</v>
      </c>
      <c r="DE27" s="114">
        <v>12810</v>
      </c>
      <c r="DF27" s="114">
        <v>0</v>
      </c>
      <c r="DG27" s="113">
        <v>35982</v>
      </c>
      <c r="DH27" s="116">
        <v>35982</v>
      </c>
      <c r="DI27" s="110">
        <v>0</v>
      </c>
      <c r="DJ27" s="114">
        <v>0</v>
      </c>
      <c r="DK27" s="112">
        <v>0</v>
      </c>
      <c r="DL27" s="111">
        <v>0</v>
      </c>
      <c r="DM27" s="114">
        <v>73212</v>
      </c>
      <c r="DN27" s="114">
        <v>27316</v>
      </c>
      <c r="DO27" s="114">
        <v>158185</v>
      </c>
      <c r="DP27" s="114">
        <v>47145</v>
      </c>
      <c r="DQ27" s="114">
        <v>53712</v>
      </c>
      <c r="DR27" s="113">
        <v>359570</v>
      </c>
      <c r="DS27" s="116">
        <v>359570</v>
      </c>
      <c r="DT27" s="110">
        <v>0</v>
      </c>
      <c r="DU27" s="114">
        <v>0</v>
      </c>
      <c r="DV27" s="113">
        <v>0</v>
      </c>
      <c r="DW27" s="110">
        <v>0</v>
      </c>
      <c r="DX27" s="114">
        <v>73212</v>
      </c>
      <c r="DY27" s="114">
        <v>27316</v>
      </c>
      <c r="DZ27" s="114">
        <v>158185</v>
      </c>
      <c r="EA27" s="114">
        <v>47145</v>
      </c>
      <c r="EB27" s="114">
        <v>53712</v>
      </c>
      <c r="EC27" s="113">
        <v>359570</v>
      </c>
      <c r="ED27" s="116">
        <v>359570</v>
      </c>
      <c r="EE27" s="110">
        <v>0</v>
      </c>
      <c r="EF27" s="112">
        <v>0</v>
      </c>
      <c r="EG27" s="113">
        <v>0</v>
      </c>
      <c r="EH27" s="110">
        <v>0</v>
      </c>
      <c r="EI27" s="114">
        <v>0</v>
      </c>
      <c r="EJ27" s="114">
        <v>0</v>
      </c>
      <c r="EK27" s="114">
        <v>0</v>
      </c>
      <c r="EL27" s="114">
        <v>0</v>
      </c>
      <c r="EM27" s="114">
        <v>0</v>
      </c>
      <c r="EN27" s="112">
        <v>0</v>
      </c>
      <c r="EO27" s="116">
        <v>0</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4690</v>
      </c>
      <c r="FM27" s="114">
        <v>14280</v>
      </c>
      <c r="FN27" s="113">
        <v>18970</v>
      </c>
      <c r="FO27" s="110">
        <v>0</v>
      </c>
      <c r="FP27" s="114">
        <v>67620</v>
      </c>
      <c r="FQ27" s="114">
        <v>89362</v>
      </c>
      <c r="FR27" s="114">
        <v>45822</v>
      </c>
      <c r="FS27" s="114">
        <v>68432</v>
      </c>
      <c r="FT27" s="114">
        <v>97188</v>
      </c>
      <c r="FU27" s="113">
        <v>368424</v>
      </c>
      <c r="FV27" s="116">
        <v>387394</v>
      </c>
      <c r="FW27" s="115">
        <v>4690</v>
      </c>
      <c r="FX27" s="114">
        <v>14280</v>
      </c>
      <c r="FY27" s="112">
        <v>18970</v>
      </c>
      <c r="FZ27" s="111">
        <v>0</v>
      </c>
      <c r="GA27" s="114">
        <v>67620</v>
      </c>
      <c r="GB27" s="114">
        <v>89362</v>
      </c>
      <c r="GC27" s="114">
        <v>45822</v>
      </c>
      <c r="GD27" s="114">
        <v>68432</v>
      </c>
      <c r="GE27" s="114">
        <v>97188</v>
      </c>
      <c r="GF27" s="113">
        <v>368424</v>
      </c>
      <c r="GG27" s="318">
        <v>387394</v>
      </c>
      <c r="GH27" s="115">
        <v>0</v>
      </c>
      <c r="GI27" s="114">
        <v>0</v>
      </c>
      <c r="GJ27" s="112">
        <v>0</v>
      </c>
      <c r="GK27" s="111">
        <v>0</v>
      </c>
      <c r="GL27" s="114">
        <v>0</v>
      </c>
      <c r="GM27" s="114">
        <v>0</v>
      </c>
      <c r="GN27" s="114">
        <v>0</v>
      </c>
      <c r="GO27" s="114">
        <v>0</v>
      </c>
      <c r="GP27" s="114">
        <v>0</v>
      </c>
      <c r="GQ27" s="113">
        <v>0</v>
      </c>
      <c r="GR27" s="116">
        <v>0</v>
      </c>
      <c r="GS27" s="110">
        <v>0</v>
      </c>
      <c r="GT27" s="114">
        <v>0</v>
      </c>
      <c r="GU27" s="113">
        <v>0</v>
      </c>
      <c r="GV27" s="110">
        <v>0</v>
      </c>
      <c r="GW27" s="114">
        <v>0</v>
      </c>
      <c r="GX27" s="114">
        <v>0</v>
      </c>
      <c r="GY27" s="114">
        <v>0</v>
      </c>
      <c r="GZ27" s="114">
        <v>0</v>
      </c>
      <c r="HA27" s="114">
        <v>0</v>
      </c>
      <c r="HB27" s="112">
        <v>0</v>
      </c>
      <c r="HC27" s="116">
        <v>0</v>
      </c>
      <c r="HD27" s="110">
        <v>0</v>
      </c>
      <c r="HE27" s="114">
        <v>0</v>
      </c>
      <c r="HF27" s="112">
        <v>0</v>
      </c>
      <c r="HG27" s="111">
        <v>0</v>
      </c>
      <c r="HH27" s="114">
        <v>279423</v>
      </c>
      <c r="HI27" s="114">
        <v>676901</v>
      </c>
      <c r="HJ27" s="114">
        <v>222859</v>
      </c>
      <c r="HK27" s="114">
        <v>711405</v>
      </c>
      <c r="HL27" s="114">
        <v>388464</v>
      </c>
      <c r="HM27" s="113">
        <v>2279052</v>
      </c>
      <c r="HN27" s="109">
        <v>2279052</v>
      </c>
      <c r="HO27" s="328"/>
      <c r="HP27" s="329"/>
      <c r="HQ27" s="330"/>
      <c r="HR27" s="331"/>
      <c r="HS27" s="329"/>
      <c r="HT27" s="329"/>
      <c r="HU27" s="329"/>
      <c r="HV27" s="329"/>
      <c r="HW27" s="329"/>
      <c r="HX27" s="332"/>
      <c r="HY27" s="333"/>
      <c r="HZ27" s="131">
        <v>34923</v>
      </c>
      <c r="IA27" s="132">
        <v>0</v>
      </c>
      <c r="IB27" s="133">
        <v>34923</v>
      </c>
      <c r="IC27" s="146">
        <v>0</v>
      </c>
      <c r="ID27" s="132">
        <v>669095</v>
      </c>
      <c r="IE27" s="147">
        <v>367339</v>
      </c>
      <c r="IF27" s="133">
        <v>275618</v>
      </c>
      <c r="IG27" s="132">
        <v>460502</v>
      </c>
      <c r="IH27" s="133">
        <v>0</v>
      </c>
      <c r="II27" s="148">
        <v>1772554</v>
      </c>
      <c r="IJ27" s="139">
        <v>1807477</v>
      </c>
      <c r="IK27" s="232">
        <v>0</v>
      </c>
      <c r="IL27" s="236">
        <v>0</v>
      </c>
      <c r="IM27" s="237">
        <v>0</v>
      </c>
      <c r="IN27" s="140"/>
      <c r="IO27" s="119">
        <v>155190</v>
      </c>
      <c r="IP27" s="119">
        <v>86688</v>
      </c>
      <c r="IQ27" s="119">
        <v>0</v>
      </c>
      <c r="IR27" s="119">
        <v>0</v>
      </c>
      <c r="IS27" s="119">
        <v>0</v>
      </c>
      <c r="IT27" s="141">
        <v>241878</v>
      </c>
      <c r="IU27" s="320">
        <v>241878</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317338</v>
      </c>
      <c r="JL27" s="119">
        <v>25529</v>
      </c>
      <c r="JM27" s="119">
        <v>0</v>
      </c>
      <c r="JN27" s="119">
        <v>109172</v>
      </c>
      <c r="JO27" s="119">
        <v>0</v>
      </c>
      <c r="JP27" s="120">
        <v>452039</v>
      </c>
      <c r="JQ27" s="320">
        <v>452039</v>
      </c>
      <c r="JR27" s="142">
        <v>0</v>
      </c>
      <c r="JS27" s="119">
        <v>0</v>
      </c>
      <c r="JT27" s="141">
        <v>0</v>
      </c>
      <c r="JU27" s="118">
        <v>0</v>
      </c>
      <c r="JV27" s="119">
        <v>0</v>
      </c>
      <c r="JW27" s="119">
        <v>0</v>
      </c>
      <c r="JX27" s="119">
        <v>72646</v>
      </c>
      <c r="JY27" s="119">
        <v>0</v>
      </c>
      <c r="JZ27" s="119">
        <v>0</v>
      </c>
      <c r="KA27" s="120">
        <v>72646</v>
      </c>
      <c r="KB27" s="320">
        <v>72646</v>
      </c>
      <c r="KC27" s="234">
        <v>34923</v>
      </c>
      <c r="KD27" s="230">
        <v>0</v>
      </c>
      <c r="KE27" s="120">
        <v>34923</v>
      </c>
      <c r="KF27" s="118">
        <v>0</v>
      </c>
      <c r="KG27" s="119">
        <v>0</v>
      </c>
      <c r="KH27" s="119">
        <v>255122</v>
      </c>
      <c r="KI27" s="119">
        <v>0</v>
      </c>
      <c r="KJ27" s="119">
        <v>0</v>
      </c>
      <c r="KK27" s="119">
        <v>0</v>
      </c>
      <c r="KL27" s="120">
        <v>255122</v>
      </c>
      <c r="KM27" s="143">
        <v>290045</v>
      </c>
      <c r="KN27" s="232">
        <v>0</v>
      </c>
      <c r="KO27" s="236">
        <v>0</v>
      </c>
      <c r="KP27" s="237">
        <v>0</v>
      </c>
      <c r="KQ27" s="140"/>
      <c r="KR27" s="119">
        <v>196567</v>
      </c>
      <c r="KS27" s="119">
        <v>0</v>
      </c>
      <c r="KT27" s="119">
        <v>202972</v>
      </c>
      <c r="KU27" s="119">
        <v>0</v>
      </c>
      <c r="KV27" s="119">
        <v>0</v>
      </c>
      <c r="KW27" s="120">
        <v>399539</v>
      </c>
      <c r="KX27" s="320">
        <v>399539</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351330</v>
      </c>
      <c r="LR27" s="119">
        <v>0</v>
      </c>
      <c r="LS27" s="120">
        <v>351330</v>
      </c>
      <c r="LT27" s="320">
        <v>351330</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0</v>
      </c>
      <c r="ML27" s="119">
        <v>660864</v>
      </c>
      <c r="MM27" s="119">
        <v>0</v>
      </c>
      <c r="MN27" s="119">
        <v>0</v>
      </c>
      <c r="MO27" s="120">
        <v>660864</v>
      </c>
      <c r="MP27" s="143">
        <v>660864</v>
      </c>
      <c r="MQ27" s="142">
        <v>0</v>
      </c>
      <c r="MR27" s="119">
        <v>0</v>
      </c>
      <c r="MS27" s="120">
        <v>0</v>
      </c>
      <c r="MT27" s="145"/>
      <c r="MU27" s="119">
        <v>0</v>
      </c>
      <c r="MV27" s="119">
        <v>0</v>
      </c>
      <c r="MW27" s="119">
        <v>0</v>
      </c>
      <c r="MX27" s="119">
        <v>0</v>
      </c>
      <c r="MY27" s="119">
        <v>0</v>
      </c>
      <c r="MZ27" s="120">
        <v>0</v>
      </c>
      <c r="NA27" s="143">
        <v>0</v>
      </c>
      <c r="NB27" s="142">
        <v>0</v>
      </c>
      <c r="NC27" s="119">
        <v>0</v>
      </c>
      <c r="ND27" s="120">
        <v>0</v>
      </c>
      <c r="NE27" s="145"/>
      <c r="NF27" s="119">
        <v>0</v>
      </c>
      <c r="NG27" s="119">
        <v>0</v>
      </c>
      <c r="NH27" s="119">
        <v>660864</v>
      </c>
      <c r="NI27" s="119">
        <v>0</v>
      </c>
      <c r="NJ27" s="119">
        <v>0</v>
      </c>
      <c r="NK27" s="120">
        <v>660864</v>
      </c>
      <c r="NL27" s="320">
        <v>660864</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45997</v>
      </c>
      <c r="OJ27" s="119">
        <v>34258</v>
      </c>
      <c r="OK27" s="141">
        <v>80255</v>
      </c>
      <c r="OL27" s="118">
        <v>0</v>
      </c>
      <c r="OM27" s="119">
        <v>1899842</v>
      </c>
      <c r="ON27" s="119">
        <v>1513015</v>
      </c>
      <c r="OO27" s="119">
        <v>1590547</v>
      </c>
      <c r="OP27" s="119">
        <v>1864736</v>
      </c>
      <c r="OQ27" s="119">
        <v>1820476</v>
      </c>
      <c r="OR27" s="120">
        <v>8688616</v>
      </c>
      <c r="OS27" s="143">
        <v>8768871</v>
      </c>
    </row>
    <row r="28" spans="2:409" ht="21" customHeight="1" x14ac:dyDescent="0.2">
      <c r="B28" s="126" t="s">
        <v>23</v>
      </c>
      <c r="C28" s="110">
        <v>58425</v>
      </c>
      <c r="D28" s="114">
        <v>157405</v>
      </c>
      <c r="E28" s="113">
        <v>215830</v>
      </c>
      <c r="F28" s="109">
        <v>0</v>
      </c>
      <c r="G28" s="114">
        <v>1515147</v>
      </c>
      <c r="H28" s="114">
        <v>2081848</v>
      </c>
      <c r="I28" s="114">
        <v>854372</v>
      </c>
      <c r="J28" s="114">
        <v>3044968</v>
      </c>
      <c r="K28" s="114">
        <v>918068</v>
      </c>
      <c r="L28" s="173">
        <v>8414403</v>
      </c>
      <c r="M28" s="116">
        <v>8630233</v>
      </c>
      <c r="N28" s="110">
        <v>48541</v>
      </c>
      <c r="O28" s="114">
        <v>58250</v>
      </c>
      <c r="P28" s="113">
        <v>106791</v>
      </c>
      <c r="Q28" s="110">
        <v>0</v>
      </c>
      <c r="R28" s="114">
        <v>236072</v>
      </c>
      <c r="S28" s="114">
        <v>641807</v>
      </c>
      <c r="T28" s="114">
        <v>646274</v>
      </c>
      <c r="U28" s="114">
        <v>454298</v>
      </c>
      <c r="V28" s="114">
        <v>37135</v>
      </c>
      <c r="W28" s="113">
        <v>2015586</v>
      </c>
      <c r="X28" s="116">
        <v>2122377</v>
      </c>
      <c r="Y28" s="110">
        <v>0</v>
      </c>
      <c r="Z28" s="114">
        <v>0</v>
      </c>
      <c r="AA28" s="113">
        <v>0</v>
      </c>
      <c r="AB28" s="110">
        <v>0</v>
      </c>
      <c r="AC28" s="114">
        <v>6312</v>
      </c>
      <c r="AD28" s="114">
        <v>243404</v>
      </c>
      <c r="AE28" s="114">
        <v>361353</v>
      </c>
      <c r="AF28" s="114">
        <v>61722</v>
      </c>
      <c r="AG28" s="114">
        <v>0</v>
      </c>
      <c r="AH28" s="113">
        <v>672791</v>
      </c>
      <c r="AI28" s="116">
        <v>672791</v>
      </c>
      <c r="AJ28" s="110">
        <v>0</v>
      </c>
      <c r="AK28" s="114">
        <v>0</v>
      </c>
      <c r="AL28" s="113">
        <v>0</v>
      </c>
      <c r="AM28" s="110">
        <v>0</v>
      </c>
      <c r="AN28" s="114">
        <v>42667</v>
      </c>
      <c r="AO28" s="114">
        <v>0</v>
      </c>
      <c r="AP28" s="114">
        <v>89864</v>
      </c>
      <c r="AQ28" s="114">
        <v>29952</v>
      </c>
      <c r="AR28" s="114">
        <v>0</v>
      </c>
      <c r="AS28" s="113">
        <v>162483</v>
      </c>
      <c r="AT28" s="116">
        <v>162483</v>
      </c>
      <c r="AU28" s="110">
        <v>48541</v>
      </c>
      <c r="AV28" s="114">
        <v>20822</v>
      </c>
      <c r="AW28" s="113">
        <v>69363</v>
      </c>
      <c r="AX28" s="110">
        <v>0</v>
      </c>
      <c r="AY28" s="114">
        <v>132906</v>
      </c>
      <c r="AZ28" s="114">
        <v>144946</v>
      </c>
      <c r="BA28" s="114">
        <v>190175</v>
      </c>
      <c r="BB28" s="114">
        <v>155445</v>
      </c>
      <c r="BC28" s="114">
        <v>0</v>
      </c>
      <c r="BD28" s="113">
        <v>623472</v>
      </c>
      <c r="BE28" s="116">
        <v>692835</v>
      </c>
      <c r="BF28" s="110">
        <v>0</v>
      </c>
      <c r="BG28" s="114">
        <v>33802</v>
      </c>
      <c r="BH28" s="112">
        <v>33802</v>
      </c>
      <c r="BI28" s="111">
        <v>0</v>
      </c>
      <c r="BJ28" s="114">
        <v>0</v>
      </c>
      <c r="BK28" s="114">
        <v>201244</v>
      </c>
      <c r="BL28" s="114">
        <v>15699</v>
      </c>
      <c r="BM28" s="114">
        <v>0</v>
      </c>
      <c r="BN28" s="114">
        <v>0</v>
      </c>
      <c r="BO28" s="113">
        <v>216943</v>
      </c>
      <c r="BP28" s="116">
        <v>250745</v>
      </c>
      <c r="BQ28" s="110">
        <v>0</v>
      </c>
      <c r="BR28" s="114">
        <v>3626</v>
      </c>
      <c r="BS28" s="113">
        <v>3626</v>
      </c>
      <c r="BT28" s="110">
        <v>0</v>
      </c>
      <c r="BU28" s="114">
        <v>54187</v>
      </c>
      <c r="BV28" s="114">
        <v>52213</v>
      </c>
      <c r="BW28" s="114">
        <v>-10817</v>
      </c>
      <c r="BX28" s="114">
        <v>207179</v>
      </c>
      <c r="BY28" s="114">
        <v>37135</v>
      </c>
      <c r="BZ28" s="113">
        <v>339897</v>
      </c>
      <c r="CA28" s="116">
        <v>343523</v>
      </c>
      <c r="CB28" s="110">
        <v>0</v>
      </c>
      <c r="CC28" s="114">
        <v>0</v>
      </c>
      <c r="CD28" s="113">
        <v>0</v>
      </c>
      <c r="CE28" s="110">
        <v>0</v>
      </c>
      <c r="CF28" s="114">
        <v>456823</v>
      </c>
      <c r="CG28" s="114">
        <v>1004928</v>
      </c>
      <c r="CH28" s="114">
        <v>-72870</v>
      </c>
      <c r="CI28" s="114">
        <v>791591</v>
      </c>
      <c r="CJ28" s="114">
        <v>0</v>
      </c>
      <c r="CK28" s="113">
        <v>2180472</v>
      </c>
      <c r="CL28" s="116">
        <v>2180472</v>
      </c>
      <c r="CM28" s="110">
        <v>0</v>
      </c>
      <c r="CN28" s="114">
        <v>0</v>
      </c>
      <c r="CO28" s="113">
        <v>0</v>
      </c>
      <c r="CP28" s="111">
        <v>0</v>
      </c>
      <c r="CQ28" s="114">
        <v>334890</v>
      </c>
      <c r="CR28" s="114">
        <v>909132</v>
      </c>
      <c r="CS28" s="114">
        <v>-599943</v>
      </c>
      <c r="CT28" s="114">
        <v>510003</v>
      </c>
      <c r="CU28" s="114">
        <v>0</v>
      </c>
      <c r="CV28" s="113">
        <v>1154082</v>
      </c>
      <c r="CW28" s="116">
        <v>1154082</v>
      </c>
      <c r="CX28" s="110">
        <v>0</v>
      </c>
      <c r="CY28" s="114">
        <v>0</v>
      </c>
      <c r="CZ28" s="113">
        <v>0</v>
      </c>
      <c r="DA28" s="110">
        <v>0</v>
      </c>
      <c r="DB28" s="114">
        <v>121933</v>
      </c>
      <c r="DC28" s="114">
        <v>95796</v>
      </c>
      <c r="DD28" s="114">
        <v>527073</v>
      </c>
      <c r="DE28" s="114">
        <v>281588</v>
      </c>
      <c r="DF28" s="114">
        <v>0</v>
      </c>
      <c r="DG28" s="113">
        <v>1026390</v>
      </c>
      <c r="DH28" s="116">
        <v>1026390</v>
      </c>
      <c r="DI28" s="110">
        <v>0</v>
      </c>
      <c r="DJ28" s="114">
        <v>0</v>
      </c>
      <c r="DK28" s="112">
        <v>0</v>
      </c>
      <c r="DL28" s="111">
        <v>0</v>
      </c>
      <c r="DM28" s="114">
        <v>72408</v>
      </c>
      <c r="DN28" s="114">
        <v>94010</v>
      </c>
      <c r="DO28" s="114">
        <v>336694</v>
      </c>
      <c r="DP28" s="114">
        <v>157794</v>
      </c>
      <c r="DQ28" s="114">
        <v>133417</v>
      </c>
      <c r="DR28" s="113">
        <v>794323</v>
      </c>
      <c r="DS28" s="116">
        <v>794323</v>
      </c>
      <c r="DT28" s="110">
        <v>0</v>
      </c>
      <c r="DU28" s="114">
        <v>0</v>
      </c>
      <c r="DV28" s="113">
        <v>0</v>
      </c>
      <c r="DW28" s="110">
        <v>0</v>
      </c>
      <c r="DX28" s="114">
        <v>72408</v>
      </c>
      <c r="DY28" s="114">
        <v>94010</v>
      </c>
      <c r="DZ28" s="114">
        <v>336694</v>
      </c>
      <c r="EA28" s="114">
        <v>157794</v>
      </c>
      <c r="EB28" s="114">
        <v>133417</v>
      </c>
      <c r="EC28" s="113">
        <v>794323</v>
      </c>
      <c r="ED28" s="116">
        <v>794323</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9884</v>
      </c>
      <c r="FM28" s="114">
        <v>22414</v>
      </c>
      <c r="FN28" s="113">
        <v>32298</v>
      </c>
      <c r="FO28" s="110">
        <v>0</v>
      </c>
      <c r="FP28" s="114">
        <v>208306</v>
      </c>
      <c r="FQ28" s="114">
        <v>191051</v>
      </c>
      <c r="FR28" s="114">
        <v>-408069</v>
      </c>
      <c r="FS28" s="114">
        <v>163807</v>
      </c>
      <c r="FT28" s="114">
        <v>24262</v>
      </c>
      <c r="FU28" s="113">
        <v>179357</v>
      </c>
      <c r="FV28" s="116">
        <v>211655</v>
      </c>
      <c r="FW28" s="115">
        <v>9884</v>
      </c>
      <c r="FX28" s="114">
        <v>22414</v>
      </c>
      <c r="FY28" s="112">
        <v>32298</v>
      </c>
      <c r="FZ28" s="111">
        <v>0</v>
      </c>
      <c r="GA28" s="114">
        <v>162106</v>
      </c>
      <c r="GB28" s="114">
        <v>191051</v>
      </c>
      <c r="GC28" s="114">
        <v>-408069</v>
      </c>
      <c r="GD28" s="114">
        <v>163807</v>
      </c>
      <c r="GE28" s="114">
        <v>24262</v>
      </c>
      <c r="GF28" s="113">
        <v>133157</v>
      </c>
      <c r="GG28" s="318">
        <v>165455</v>
      </c>
      <c r="GH28" s="115">
        <v>0</v>
      </c>
      <c r="GI28" s="114">
        <v>0</v>
      </c>
      <c r="GJ28" s="112">
        <v>0</v>
      </c>
      <c r="GK28" s="111">
        <v>0</v>
      </c>
      <c r="GL28" s="114">
        <v>46200</v>
      </c>
      <c r="GM28" s="114">
        <v>0</v>
      </c>
      <c r="GN28" s="114">
        <v>0</v>
      </c>
      <c r="GO28" s="114">
        <v>0</v>
      </c>
      <c r="GP28" s="114">
        <v>0</v>
      </c>
      <c r="GQ28" s="113">
        <v>46200</v>
      </c>
      <c r="GR28" s="116">
        <v>46200</v>
      </c>
      <c r="GS28" s="110">
        <v>0</v>
      </c>
      <c r="GT28" s="114">
        <v>0</v>
      </c>
      <c r="GU28" s="113">
        <v>0</v>
      </c>
      <c r="GV28" s="110">
        <v>0</v>
      </c>
      <c r="GW28" s="114">
        <v>0</v>
      </c>
      <c r="GX28" s="114">
        <v>0</v>
      </c>
      <c r="GY28" s="114">
        <v>0</v>
      </c>
      <c r="GZ28" s="114">
        <v>0</v>
      </c>
      <c r="HA28" s="114">
        <v>0</v>
      </c>
      <c r="HB28" s="112">
        <v>0</v>
      </c>
      <c r="HC28" s="116">
        <v>0</v>
      </c>
      <c r="HD28" s="110">
        <v>0</v>
      </c>
      <c r="HE28" s="114">
        <v>76741</v>
      </c>
      <c r="HF28" s="112">
        <v>76741</v>
      </c>
      <c r="HG28" s="111">
        <v>0</v>
      </c>
      <c r="HH28" s="114">
        <v>541538</v>
      </c>
      <c r="HI28" s="114">
        <v>150052</v>
      </c>
      <c r="HJ28" s="114">
        <v>352343</v>
      </c>
      <c r="HK28" s="114">
        <v>1477478</v>
      </c>
      <c r="HL28" s="114">
        <v>723254</v>
      </c>
      <c r="HM28" s="113">
        <v>3244665</v>
      </c>
      <c r="HN28" s="109">
        <v>3321406</v>
      </c>
      <c r="HO28" s="328"/>
      <c r="HP28" s="329"/>
      <c r="HQ28" s="330"/>
      <c r="HR28" s="331"/>
      <c r="HS28" s="329"/>
      <c r="HT28" s="329"/>
      <c r="HU28" s="329"/>
      <c r="HV28" s="329"/>
      <c r="HW28" s="329"/>
      <c r="HX28" s="332"/>
      <c r="HY28" s="333"/>
      <c r="HZ28" s="150">
        <v>0</v>
      </c>
      <c r="IA28" s="135">
        <v>0</v>
      </c>
      <c r="IB28" s="150">
        <v>0</v>
      </c>
      <c r="IC28" s="134">
        <v>0</v>
      </c>
      <c r="ID28" s="135">
        <v>232856</v>
      </c>
      <c r="IE28" s="136">
        <v>368743</v>
      </c>
      <c r="IF28" s="137">
        <v>495017</v>
      </c>
      <c r="IG28" s="135">
        <v>0</v>
      </c>
      <c r="IH28" s="137">
        <v>223824</v>
      </c>
      <c r="II28" s="138">
        <v>1320440</v>
      </c>
      <c r="IJ28" s="150">
        <v>1320440</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32528</v>
      </c>
      <c r="JL28" s="119">
        <v>147707</v>
      </c>
      <c r="JM28" s="119">
        <v>66902</v>
      </c>
      <c r="JN28" s="119">
        <v>0</v>
      </c>
      <c r="JO28" s="119">
        <v>223824</v>
      </c>
      <c r="JP28" s="120">
        <v>470961</v>
      </c>
      <c r="JQ28" s="320">
        <v>470961</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200328</v>
      </c>
      <c r="KS28" s="119">
        <v>221036</v>
      </c>
      <c r="KT28" s="119">
        <v>428115</v>
      </c>
      <c r="KU28" s="119">
        <v>0</v>
      </c>
      <c r="KV28" s="119">
        <v>0</v>
      </c>
      <c r="KW28" s="120">
        <v>849479</v>
      </c>
      <c r="KX28" s="320">
        <v>849479</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0</v>
      </c>
      <c r="ML28" s="119">
        <v>436407</v>
      </c>
      <c r="MM28" s="119">
        <v>1619280</v>
      </c>
      <c r="MN28" s="119">
        <v>1121745</v>
      </c>
      <c r="MO28" s="120">
        <v>3177432</v>
      </c>
      <c r="MP28" s="143">
        <v>3177432</v>
      </c>
      <c r="MQ28" s="142">
        <v>0</v>
      </c>
      <c r="MR28" s="119">
        <v>0</v>
      </c>
      <c r="MS28" s="120">
        <v>0</v>
      </c>
      <c r="MT28" s="145"/>
      <c r="MU28" s="119">
        <v>0</v>
      </c>
      <c r="MV28" s="119">
        <v>0</v>
      </c>
      <c r="MW28" s="119">
        <v>207155</v>
      </c>
      <c r="MX28" s="119">
        <v>1120091</v>
      </c>
      <c r="MY28" s="119">
        <v>32478</v>
      </c>
      <c r="MZ28" s="120">
        <v>1359724</v>
      </c>
      <c r="NA28" s="143">
        <v>1359724</v>
      </c>
      <c r="NB28" s="142">
        <v>0</v>
      </c>
      <c r="NC28" s="119">
        <v>0</v>
      </c>
      <c r="ND28" s="120">
        <v>0</v>
      </c>
      <c r="NE28" s="145"/>
      <c r="NF28" s="119">
        <v>0</v>
      </c>
      <c r="NG28" s="119">
        <v>0</v>
      </c>
      <c r="NH28" s="119">
        <v>229252</v>
      </c>
      <c r="NI28" s="119">
        <v>499189</v>
      </c>
      <c r="NJ28" s="119">
        <v>778927</v>
      </c>
      <c r="NK28" s="120">
        <v>1507368</v>
      </c>
      <c r="NL28" s="320">
        <v>1507368</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310340</v>
      </c>
      <c r="OG28" s="120">
        <v>310340</v>
      </c>
      <c r="OH28" s="121">
        <v>310340</v>
      </c>
      <c r="OI28" s="142">
        <v>58425</v>
      </c>
      <c r="OJ28" s="119">
        <v>157405</v>
      </c>
      <c r="OK28" s="141">
        <v>215830</v>
      </c>
      <c r="OL28" s="118">
        <v>0</v>
      </c>
      <c r="OM28" s="119">
        <v>1748003</v>
      </c>
      <c r="ON28" s="119">
        <v>2450591</v>
      </c>
      <c r="OO28" s="119">
        <v>1785796</v>
      </c>
      <c r="OP28" s="119">
        <v>4664248</v>
      </c>
      <c r="OQ28" s="119">
        <v>2263637</v>
      </c>
      <c r="OR28" s="120">
        <v>12912275</v>
      </c>
      <c r="OS28" s="143">
        <v>13128105</v>
      </c>
    </row>
    <row r="29" spans="2:409" ht="21" customHeight="1" x14ac:dyDescent="0.2">
      <c r="B29" s="126" t="s">
        <v>24</v>
      </c>
      <c r="C29" s="110">
        <v>167342</v>
      </c>
      <c r="D29" s="114">
        <v>342573</v>
      </c>
      <c r="E29" s="113">
        <v>509915</v>
      </c>
      <c r="F29" s="109">
        <v>0</v>
      </c>
      <c r="G29" s="114">
        <v>1381940</v>
      </c>
      <c r="H29" s="114">
        <v>2159010</v>
      </c>
      <c r="I29" s="114">
        <v>1382193</v>
      </c>
      <c r="J29" s="114">
        <v>2195726</v>
      </c>
      <c r="K29" s="114">
        <v>2274217</v>
      </c>
      <c r="L29" s="173">
        <v>9393086</v>
      </c>
      <c r="M29" s="116">
        <v>9903001</v>
      </c>
      <c r="N29" s="110">
        <v>30914</v>
      </c>
      <c r="O29" s="114">
        <v>61707</v>
      </c>
      <c r="P29" s="113">
        <v>92621</v>
      </c>
      <c r="Q29" s="110">
        <v>0</v>
      </c>
      <c r="R29" s="114">
        <v>404077</v>
      </c>
      <c r="S29" s="114">
        <v>333913</v>
      </c>
      <c r="T29" s="114">
        <v>519560</v>
      </c>
      <c r="U29" s="114">
        <v>821308</v>
      </c>
      <c r="V29" s="114">
        <v>1176040</v>
      </c>
      <c r="W29" s="113">
        <v>3254898</v>
      </c>
      <c r="X29" s="116">
        <v>3347519</v>
      </c>
      <c r="Y29" s="110">
        <v>0</v>
      </c>
      <c r="Z29" s="114">
        <v>0</v>
      </c>
      <c r="AA29" s="113">
        <v>0</v>
      </c>
      <c r="AB29" s="110">
        <v>0</v>
      </c>
      <c r="AC29" s="114">
        <v>162906</v>
      </c>
      <c r="AD29" s="114">
        <v>167364</v>
      </c>
      <c r="AE29" s="114">
        <v>155413</v>
      </c>
      <c r="AF29" s="114">
        <v>486203</v>
      </c>
      <c r="AG29" s="114">
        <v>740407</v>
      </c>
      <c r="AH29" s="113">
        <v>1712293</v>
      </c>
      <c r="AI29" s="116">
        <v>1712293</v>
      </c>
      <c r="AJ29" s="110">
        <v>0</v>
      </c>
      <c r="AK29" s="114">
        <v>0</v>
      </c>
      <c r="AL29" s="113">
        <v>0</v>
      </c>
      <c r="AM29" s="110">
        <v>0</v>
      </c>
      <c r="AN29" s="114">
        <v>0</v>
      </c>
      <c r="AO29" s="114">
        <v>0</v>
      </c>
      <c r="AP29" s="114">
        <v>0</v>
      </c>
      <c r="AQ29" s="114">
        <v>0</v>
      </c>
      <c r="AR29" s="114">
        <v>143857</v>
      </c>
      <c r="AS29" s="113">
        <v>143857</v>
      </c>
      <c r="AT29" s="116">
        <v>143857</v>
      </c>
      <c r="AU29" s="110">
        <v>12035</v>
      </c>
      <c r="AV29" s="114">
        <v>34631</v>
      </c>
      <c r="AW29" s="113">
        <v>46666</v>
      </c>
      <c r="AX29" s="110">
        <v>0</v>
      </c>
      <c r="AY29" s="114">
        <v>159278</v>
      </c>
      <c r="AZ29" s="114">
        <v>56572</v>
      </c>
      <c r="BA29" s="114">
        <v>290654</v>
      </c>
      <c r="BB29" s="114">
        <v>154939</v>
      </c>
      <c r="BC29" s="114">
        <v>127850</v>
      </c>
      <c r="BD29" s="113">
        <v>789293</v>
      </c>
      <c r="BE29" s="116">
        <v>835959</v>
      </c>
      <c r="BF29" s="110">
        <v>0</v>
      </c>
      <c r="BG29" s="114">
        <v>0</v>
      </c>
      <c r="BH29" s="112">
        <v>0</v>
      </c>
      <c r="BI29" s="111">
        <v>0</v>
      </c>
      <c r="BJ29" s="114">
        <v>0</v>
      </c>
      <c r="BK29" s="114">
        <v>0</v>
      </c>
      <c r="BL29" s="114">
        <v>0</v>
      </c>
      <c r="BM29" s="114">
        <v>0</v>
      </c>
      <c r="BN29" s="114">
        <v>28490</v>
      </c>
      <c r="BO29" s="113">
        <v>28490</v>
      </c>
      <c r="BP29" s="116">
        <v>28490</v>
      </c>
      <c r="BQ29" s="110">
        <v>18879</v>
      </c>
      <c r="BR29" s="114">
        <v>27076</v>
      </c>
      <c r="BS29" s="113">
        <v>45955</v>
      </c>
      <c r="BT29" s="110">
        <v>0</v>
      </c>
      <c r="BU29" s="114">
        <v>81893</v>
      </c>
      <c r="BV29" s="114">
        <v>109977</v>
      </c>
      <c r="BW29" s="114">
        <v>73493</v>
      </c>
      <c r="BX29" s="114">
        <v>180166</v>
      </c>
      <c r="BY29" s="114">
        <v>135436</v>
      </c>
      <c r="BZ29" s="113">
        <v>580965</v>
      </c>
      <c r="CA29" s="116">
        <v>626920</v>
      </c>
      <c r="CB29" s="110">
        <v>17708</v>
      </c>
      <c r="CC29" s="114">
        <v>33197</v>
      </c>
      <c r="CD29" s="113">
        <v>50905</v>
      </c>
      <c r="CE29" s="110">
        <v>0</v>
      </c>
      <c r="CF29" s="114">
        <v>302903</v>
      </c>
      <c r="CG29" s="114">
        <v>571879</v>
      </c>
      <c r="CH29" s="114">
        <v>56928</v>
      </c>
      <c r="CI29" s="114">
        <v>153452</v>
      </c>
      <c r="CJ29" s="114">
        <v>222731</v>
      </c>
      <c r="CK29" s="113">
        <v>1307893</v>
      </c>
      <c r="CL29" s="116">
        <v>1358798</v>
      </c>
      <c r="CM29" s="110">
        <v>0</v>
      </c>
      <c r="CN29" s="114">
        <v>0</v>
      </c>
      <c r="CO29" s="113">
        <v>0</v>
      </c>
      <c r="CP29" s="111">
        <v>0</v>
      </c>
      <c r="CQ29" s="114">
        <v>140247</v>
      </c>
      <c r="CR29" s="114">
        <v>301755</v>
      </c>
      <c r="CS29" s="114">
        <v>56928</v>
      </c>
      <c r="CT29" s="114">
        <v>67461</v>
      </c>
      <c r="CU29" s="114">
        <v>83428</v>
      </c>
      <c r="CV29" s="113">
        <v>649819</v>
      </c>
      <c r="CW29" s="116">
        <v>649819</v>
      </c>
      <c r="CX29" s="110">
        <v>17708</v>
      </c>
      <c r="CY29" s="114">
        <v>33197</v>
      </c>
      <c r="CZ29" s="113">
        <v>50905</v>
      </c>
      <c r="DA29" s="110">
        <v>0</v>
      </c>
      <c r="DB29" s="114">
        <v>162656</v>
      </c>
      <c r="DC29" s="114">
        <v>270124</v>
      </c>
      <c r="DD29" s="114">
        <v>0</v>
      </c>
      <c r="DE29" s="114">
        <v>85991</v>
      </c>
      <c r="DF29" s="114">
        <v>139303</v>
      </c>
      <c r="DG29" s="113">
        <v>658074</v>
      </c>
      <c r="DH29" s="116">
        <v>708979</v>
      </c>
      <c r="DI29" s="110">
        <v>0</v>
      </c>
      <c r="DJ29" s="114">
        <v>0</v>
      </c>
      <c r="DK29" s="112">
        <v>0</v>
      </c>
      <c r="DL29" s="111">
        <v>0</v>
      </c>
      <c r="DM29" s="114">
        <v>0</v>
      </c>
      <c r="DN29" s="114">
        <v>64318</v>
      </c>
      <c r="DO29" s="114">
        <v>58975</v>
      </c>
      <c r="DP29" s="114">
        <v>0</v>
      </c>
      <c r="DQ29" s="114">
        <v>432963</v>
      </c>
      <c r="DR29" s="113">
        <v>556256</v>
      </c>
      <c r="DS29" s="116">
        <v>556256</v>
      </c>
      <c r="DT29" s="110">
        <v>0</v>
      </c>
      <c r="DU29" s="114">
        <v>0</v>
      </c>
      <c r="DV29" s="113">
        <v>0</v>
      </c>
      <c r="DW29" s="110">
        <v>0</v>
      </c>
      <c r="DX29" s="114">
        <v>0</v>
      </c>
      <c r="DY29" s="114">
        <v>64318</v>
      </c>
      <c r="DZ29" s="114">
        <v>58975</v>
      </c>
      <c r="EA29" s="114">
        <v>0</v>
      </c>
      <c r="EB29" s="114">
        <v>50927</v>
      </c>
      <c r="EC29" s="113">
        <v>174220</v>
      </c>
      <c r="ED29" s="116">
        <v>174220</v>
      </c>
      <c r="EE29" s="110">
        <v>0</v>
      </c>
      <c r="EF29" s="112">
        <v>0</v>
      </c>
      <c r="EG29" s="113">
        <v>0</v>
      </c>
      <c r="EH29" s="110">
        <v>0</v>
      </c>
      <c r="EI29" s="114">
        <v>0</v>
      </c>
      <c r="EJ29" s="114">
        <v>0</v>
      </c>
      <c r="EK29" s="114">
        <v>0</v>
      </c>
      <c r="EL29" s="114">
        <v>0</v>
      </c>
      <c r="EM29" s="114">
        <v>382036</v>
      </c>
      <c r="EN29" s="112">
        <v>382036</v>
      </c>
      <c r="EO29" s="116">
        <v>382036</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27650</v>
      </c>
      <c r="FM29" s="114">
        <v>27853</v>
      </c>
      <c r="FN29" s="113">
        <v>55503</v>
      </c>
      <c r="FO29" s="110">
        <v>0</v>
      </c>
      <c r="FP29" s="114">
        <v>45570</v>
      </c>
      <c r="FQ29" s="114">
        <v>147700</v>
      </c>
      <c r="FR29" s="114">
        <v>153272</v>
      </c>
      <c r="FS29" s="114">
        <v>99631</v>
      </c>
      <c r="FT29" s="114">
        <v>241101</v>
      </c>
      <c r="FU29" s="113">
        <v>687274</v>
      </c>
      <c r="FV29" s="116">
        <v>742777</v>
      </c>
      <c r="FW29" s="115">
        <v>27650</v>
      </c>
      <c r="FX29" s="114">
        <v>27853</v>
      </c>
      <c r="FY29" s="112">
        <v>55503</v>
      </c>
      <c r="FZ29" s="111">
        <v>0</v>
      </c>
      <c r="GA29" s="114">
        <v>45570</v>
      </c>
      <c r="GB29" s="114">
        <v>147700</v>
      </c>
      <c r="GC29" s="114">
        <v>142877</v>
      </c>
      <c r="GD29" s="114">
        <v>75131</v>
      </c>
      <c r="GE29" s="114">
        <v>241101</v>
      </c>
      <c r="GF29" s="113">
        <v>652379</v>
      </c>
      <c r="GG29" s="318">
        <v>707882</v>
      </c>
      <c r="GH29" s="115">
        <v>0</v>
      </c>
      <c r="GI29" s="114">
        <v>0</v>
      </c>
      <c r="GJ29" s="112">
        <v>0</v>
      </c>
      <c r="GK29" s="111">
        <v>0</v>
      </c>
      <c r="GL29" s="114">
        <v>0</v>
      </c>
      <c r="GM29" s="114">
        <v>0</v>
      </c>
      <c r="GN29" s="114">
        <v>10395</v>
      </c>
      <c r="GO29" s="114">
        <v>24500</v>
      </c>
      <c r="GP29" s="114">
        <v>0</v>
      </c>
      <c r="GQ29" s="113">
        <v>34895</v>
      </c>
      <c r="GR29" s="116">
        <v>34895</v>
      </c>
      <c r="GS29" s="110">
        <v>0</v>
      </c>
      <c r="GT29" s="114">
        <v>0</v>
      </c>
      <c r="GU29" s="113">
        <v>0</v>
      </c>
      <c r="GV29" s="110">
        <v>0</v>
      </c>
      <c r="GW29" s="114">
        <v>0</v>
      </c>
      <c r="GX29" s="114">
        <v>0</v>
      </c>
      <c r="GY29" s="114">
        <v>0</v>
      </c>
      <c r="GZ29" s="114">
        <v>0</v>
      </c>
      <c r="HA29" s="114">
        <v>0</v>
      </c>
      <c r="HB29" s="112">
        <v>0</v>
      </c>
      <c r="HC29" s="116">
        <v>0</v>
      </c>
      <c r="HD29" s="110">
        <v>91070</v>
      </c>
      <c r="HE29" s="114">
        <v>219816</v>
      </c>
      <c r="HF29" s="112">
        <v>310886</v>
      </c>
      <c r="HG29" s="111">
        <v>0</v>
      </c>
      <c r="HH29" s="114">
        <v>629390</v>
      </c>
      <c r="HI29" s="114">
        <v>1041200</v>
      </c>
      <c r="HJ29" s="114">
        <v>593458</v>
      </c>
      <c r="HK29" s="114">
        <v>1121335</v>
      </c>
      <c r="HL29" s="114">
        <v>201382</v>
      </c>
      <c r="HM29" s="113">
        <v>3586765</v>
      </c>
      <c r="HN29" s="109">
        <v>3897651</v>
      </c>
      <c r="HO29" s="328"/>
      <c r="HP29" s="329"/>
      <c r="HQ29" s="330"/>
      <c r="HR29" s="331"/>
      <c r="HS29" s="329"/>
      <c r="HT29" s="329"/>
      <c r="HU29" s="329"/>
      <c r="HV29" s="329"/>
      <c r="HW29" s="329"/>
      <c r="HX29" s="332"/>
      <c r="HY29" s="333"/>
      <c r="HZ29" s="131">
        <v>0</v>
      </c>
      <c r="IA29" s="132">
        <v>61296</v>
      </c>
      <c r="IB29" s="133">
        <v>61296</v>
      </c>
      <c r="IC29" s="146">
        <v>0</v>
      </c>
      <c r="ID29" s="132">
        <v>267883</v>
      </c>
      <c r="IE29" s="147">
        <v>79034</v>
      </c>
      <c r="IF29" s="133">
        <v>604787</v>
      </c>
      <c r="IG29" s="132">
        <v>389379</v>
      </c>
      <c r="IH29" s="133">
        <v>674521</v>
      </c>
      <c r="II29" s="148">
        <v>2015604</v>
      </c>
      <c r="IJ29" s="139">
        <v>2076900</v>
      </c>
      <c r="IK29" s="232">
        <v>0</v>
      </c>
      <c r="IL29" s="236">
        <v>0</v>
      </c>
      <c r="IM29" s="237">
        <v>0</v>
      </c>
      <c r="IN29" s="140"/>
      <c r="IO29" s="119">
        <v>0</v>
      </c>
      <c r="IP29" s="119">
        <v>0</v>
      </c>
      <c r="IQ29" s="119">
        <v>0</v>
      </c>
      <c r="IR29" s="119">
        <v>185413</v>
      </c>
      <c r="IS29" s="119">
        <v>0</v>
      </c>
      <c r="IT29" s="141">
        <v>185413</v>
      </c>
      <c r="IU29" s="320">
        <v>185413</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0</v>
      </c>
      <c r="JM29" s="119">
        <v>50164</v>
      </c>
      <c r="JN29" s="119">
        <v>0</v>
      </c>
      <c r="JO29" s="119">
        <v>0</v>
      </c>
      <c r="JP29" s="120">
        <v>50164</v>
      </c>
      <c r="JQ29" s="320">
        <v>50164</v>
      </c>
      <c r="JR29" s="142">
        <v>0</v>
      </c>
      <c r="JS29" s="119">
        <v>0</v>
      </c>
      <c r="JT29" s="141">
        <v>0</v>
      </c>
      <c r="JU29" s="118">
        <v>0</v>
      </c>
      <c r="JV29" s="119">
        <v>0</v>
      </c>
      <c r="JW29" s="119">
        <v>79034</v>
      </c>
      <c r="JX29" s="119">
        <v>0</v>
      </c>
      <c r="JY29" s="119">
        <v>0</v>
      </c>
      <c r="JZ29" s="119">
        <v>229909</v>
      </c>
      <c r="KA29" s="120">
        <v>308943</v>
      </c>
      <c r="KB29" s="320">
        <v>308943</v>
      </c>
      <c r="KC29" s="234">
        <v>0</v>
      </c>
      <c r="KD29" s="230">
        <v>61296</v>
      </c>
      <c r="KE29" s="120">
        <v>61296</v>
      </c>
      <c r="KF29" s="118">
        <v>0</v>
      </c>
      <c r="KG29" s="119">
        <v>267883</v>
      </c>
      <c r="KH29" s="119">
        <v>0</v>
      </c>
      <c r="KI29" s="119">
        <v>351628</v>
      </c>
      <c r="KJ29" s="119">
        <v>0</v>
      </c>
      <c r="KK29" s="119">
        <v>235751</v>
      </c>
      <c r="KL29" s="120">
        <v>855262</v>
      </c>
      <c r="KM29" s="143">
        <v>916558</v>
      </c>
      <c r="KN29" s="232">
        <v>0</v>
      </c>
      <c r="KO29" s="236">
        <v>0</v>
      </c>
      <c r="KP29" s="237">
        <v>0</v>
      </c>
      <c r="KQ29" s="140"/>
      <c r="KR29" s="119">
        <v>0</v>
      </c>
      <c r="KS29" s="119">
        <v>0</v>
      </c>
      <c r="KT29" s="119">
        <v>202995</v>
      </c>
      <c r="KU29" s="119">
        <v>203966</v>
      </c>
      <c r="KV29" s="119">
        <v>208861</v>
      </c>
      <c r="KW29" s="120">
        <v>615822</v>
      </c>
      <c r="KX29" s="320">
        <v>615822</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429159</v>
      </c>
      <c r="MM29" s="119">
        <v>938997</v>
      </c>
      <c r="MN29" s="119">
        <v>719135</v>
      </c>
      <c r="MO29" s="120">
        <v>2087291</v>
      </c>
      <c r="MP29" s="143">
        <v>2087291</v>
      </c>
      <c r="MQ29" s="142">
        <v>0</v>
      </c>
      <c r="MR29" s="119">
        <v>0</v>
      </c>
      <c r="MS29" s="120">
        <v>0</v>
      </c>
      <c r="MT29" s="145"/>
      <c r="MU29" s="119">
        <v>0</v>
      </c>
      <c r="MV29" s="119">
        <v>0</v>
      </c>
      <c r="MW29" s="119">
        <v>207308</v>
      </c>
      <c r="MX29" s="119">
        <v>667788</v>
      </c>
      <c r="MY29" s="119">
        <v>471554</v>
      </c>
      <c r="MZ29" s="120">
        <v>1346650</v>
      </c>
      <c r="NA29" s="143">
        <v>1346650</v>
      </c>
      <c r="NB29" s="142">
        <v>0</v>
      </c>
      <c r="NC29" s="119">
        <v>0</v>
      </c>
      <c r="ND29" s="120">
        <v>0</v>
      </c>
      <c r="NE29" s="145"/>
      <c r="NF29" s="119">
        <v>0</v>
      </c>
      <c r="NG29" s="119">
        <v>0</v>
      </c>
      <c r="NH29" s="119">
        <v>221851</v>
      </c>
      <c r="NI29" s="119">
        <v>271209</v>
      </c>
      <c r="NJ29" s="119">
        <v>247581</v>
      </c>
      <c r="NK29" s="120">
        <v>740641</v>
      </c>
      <c r="NL29" s="320">
        <v>740641</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167342</v>
      </c>
      <c r="OJ29" s="119">
        <v>403869</v>
      </c>
      <c r="OK29" s="141">
        <v>571211</v>
      </c>
      <c r="OL29" s="118">
        <v>0</v>
      </c>
      <c r="OM29" s="119">
        <v>1649823</v>
      </c>
      <c r="ON29" s="119">
        <v>2238044</v>
      </c>
      <c r="OO29" s="119">
        <v>2416139</v>
      </c>
      <c r="OP29" s="119">
        <v>3524102</v>
      </c>
      <c r="OQ29" s="119">
        <v>3667873</v>
      </c>
      <c r="OR29" s="120">
        <v>13495981</v>
      </c>
      <c r="OS29" s="143">
        <v>14067192</v>
      </c>
    </row>
    <row r="30" spans="2:409" ht="21" customHeight="1" x14ac:dyDescent="0.2">
      <c r="B30" s="126" t="s">
        <v>25</v>
      </c>
      <c r="C30" s="110">
        <v>43435</v>
      </c>
      <c r="D30" s="114">
        <v>162280</v>
      </c>
      <c r="E30" s="113">
        <v>205715</v>
      </c>
      <c r="F30" s="109">
        <v>0</v>
      </c>
      <c r="G30" s="114">
        <v>806426</v>
      </c>
      <c r="H30" s="114">
        <v>1310938</v>
      </c>
      <c r="I30" s="114">
        <v>506535</v>
      </c>
      <c r="J30" s="114">
        <v>628349</v>
      </c>
      <c r="K30" s="114">
        <v>1400113</v>
      </c>
      <c r="L30" s="173">
        <v>4652361</v>
      </c>
      <c r="M30" s="116">
        <v>4858076</v>
      </c>
      <c r="N30" s="110">
        <v>31535</v>
      </c>
      <c r="O30" s="114">
        <v>64504</v>
      </c>
      <c r="P30" s="113">
        <v>96039</v>
      </c>
      <c r="Q30" s="110">
        <v>0</v>
      </c>
      <c r="R30" s="114">
        <v>274334</v>
      </c>
      <c r="S30" s="114">
        <v>206562</v>
      </c>
      <c r="T30" s="114">
        <v>118322</v>
      </c>
      <c r="U30" s="114">
        <v>45311</v>
      </c>
      <c r="V30" s="114">
        <v>575930</v>
      </c>
      <c r="W30" s="113">
        <v>1220459</v>
      </c>
      <c r="X30" s="116">
        <v>1316498</v>
      </c>
      <c r="Y30" s="110">
        <v>0</v>
      </c>
      <c r="Z30" s="114">
        <v>0</v>
      </c>
      <c r="AA30" s="113">
        <v>0</v>
      </c>
      <c r="AB30" s="110">
        <v>0</v>
      </c>
      <c r="AC30" s="114">
        <v>123244</v>
      </c>
      <c r="AD30" s="114">
        <v>80531</v>
      </c>
      <c r="AE30" s="114">
        <v>21533</v>
      </c>
      <c r="AF30" s="114">
        <v>0</v>
      </c>
      <c r="AG30" s="114">
        <v>33120</v>
      </c>
      <c r="AH30" s="113">
        <v>258428</v>
      </c>
      <c r="AI30" s="116">
        <v>258428</v>
      </c>
      <c r="AJ30" s="110">
        <v>0</v>
      </c>
      <c r="AK30" s="114">
        <v>0</v>
      </c>
      <c r="AL30" s="113">
        <v>0</v>
      </c>
      <c r="AM30" s="110">
        <v>0</v>
      </c>
      <c r="AN30" s="114">
        <v>0</v>
      </c>
      <c r="AO30" s="114">
        <v>0</v>
      </c>
      <c r="AP30" s="114">
        <v>0</v>
      </c>
      <c r="AQ30" s="114">
        <v>0</v>
      </c>
      <c r="AR30" s="114">
        <v>363557</v>
      </c>
      <c r="AS30" s="113">
        <v>363557</v>
      </c>
      <c r="AT30" s="116">
        <v>363557</v>
      </c>
      <c r="AU30" s="110">
        <v>17780</v>
      </c>
      <c r="AV30" s="114">
        <v>62418</v>
      </c>
      <c r="AW30" s="113">
        <v>80198</v>
      </c>
      <c r="AX30" s="110">
        <v>0</v>
      </c>
      <c r="AY30" s="114">
        <v>136908</v>
      </c>
      <c r="AZ30" s="114">
        <v>71760</v>
      </c>
      <c r="BA30" s="114">
        <v>70420</v>
      </c>
      <c r="BB30" s="114">
        <v>33285</v>
      </c>
      <c r="BC30" s="114">
        <v>128482</v>
      </c>
      <c r="BD30" s="113">
        <v>440855</v>
      </c>
      <c r="BE30" s="116">
        <v>521053</v>
      </c>
      <c r="BF30" s="110">
        <v>0</v>
      </c>
      <c r="BG30" s="114">
        <v>0</v>
      </c>
      <c r="BH30" s="112">
        <v>0</v>
      </c>
      <c r="BI30" s="111">
        <v>0</v>
      </c>
      <c r="BJ30" s="114">
        <v>0</v>
      </c>
      <c r="BK30" s="114">
        <v>0</v>
      </c>
      <c r="BL30" s="114">
        <v>0</v>
      </c>
      <c r="BM30" s="114">
        <v>0</v>
      </c>
      <c r="BN30" s="114">
        <v>0</v>
      </c>
      <c r="BO30" s="113">
        <v>0</v>
      </c>
      <c r="BP30" s="116">
        <v>0</v>
      </c>
      <c r="BQ30" s="110">
        <v>13755</v>
      </c>
      <c r="BR30" s="114">
        <v>2086</v>
      </c>
      <c r="BS30" s="113">
        <v>15841</v>
      </c>
      <c r="BT30" s="110">
        <v>0</v>
      </c>
      <c r="BU30" s="114">
        <v>14182</v>
      </c>
      <c r="BV30" s="114">
        <v>54271</v>
      </c>
      <c r="BW30" s="114">
        <v>26369</v>
      </c>
      <c r="BX30" s="114">
        <v>12026</v>
      </c>
      <c r="BY30" s="114">
        <v>50771</v>
      </c>
      <c r="BZ30" s="113">
        <v>157619</v>
      </c>
      <c r="CA30" s="116">
        <v>173460</v>
      </c>
      <c r="CB30" s="110">
        <v>0</v>
      </c>
      <c r="CC30" s="114">
        <v>31579</v>
      </c>
      <c r="CD30" s="113">
        <v>31579</v>
      </c>
      <c r="CE30" s="110">
        <v>0</v>
      </c>
      <c r="CF30" s="114">
        <v>405774</v>
      </c>
      <c r="CG30" s="114">
        <v>657240</v>
      </c>
      <c r="CH30" s="114">
        <v>208169</v>
      </c>
      <c r="CI30" s="114">
        <v>83864</v>
      </c>
      <c r="CJ30" s="114">
        <v>65674</v>
      </c>
      <c r="CK30" s="113">
        <v>1420721</v>
      </c>
      <c r="CL30" s="116">
        <v>1452300</v>
      </c>
      <c r="CM30" s="110">
        <v>0</v>
      </c>
      <c r="CN30" s="114">
        <v>0</v>
      </c>
      <c r="CO30" s="113">
        <v>0</v>
      </c>
      <c r="CP30" s="111">
        <v>0</v>
      </c>
      <c r="CQ30" s="114">
        <v>296492</v>
      </c>
      <c r="CR30" s="114">
        <v>344239</v>
      </c>
      <c r="CS30" s="114">
        <v>132392</v>
      </c>
      <c r="CT30" s="114">
        <v>83864</v>
      </c>
      <c r="CU30" s="114">
        <v>0</v>
      </c>
      <c r="CV30" s="113">
        <v>856987</v>
      </c>
      <c r="CW30" s="116">
        <v>856987</v>
      </c>
      <c r="CX30" s="110">
        <v>0</v>
      </c>
      <c r="CY30" s="114">
        <v>31579</v>
      </c>
      <c r="CZ30" s="113">
        <v>31579</v>
      </c>
      <c r="DA30" s="110">
        <v>0</v>
      </c>
      <c r="DB30" s="114">
        <v>109282</v>
      </c>
      <c r="DC30" s="114">
        <v>313001</v>
      </c>
      <c r="DD30" s="114">
        <v>75777</v>
      </c>
      <c r="DE30" s="114">
        <v>0</v>
      </c>
      <c r="DF30" s="114">
        <v>65674</v>
      </c>
      <c r="DG30" s="113">
        <v>563734</v>
      </c>
      <c r="DH30" s="116">
        <v>595313</v>
      </c>
      <c r="DI30" s="110">
        <v>0</v>
      </c>
      <c r="DJ30" s="114">
        <v>17435</v>
      </c>
      <c r="DK30" s="112">
        <v>17435</v>
      </c>
      <c r="DL30" s="111">
        <v>0</v>
      </c>
      <c r="DM30" s="114">
        <v>91248</v>
      </c>
      <c r="DN30" s="114">
        <v>22346</v>
      </c>
      <c r="DO30" s="114">
        <v>118710</v>
      </c>
      <c r="DP30" s="114">
        <v>122472</v>
      </c>
      <c r="DQ30" s="114">
        <v>0</v>
      </c>
      <c r="DR30" s="113">
        <v>354776</v>
      </c>
      <c r="DS30" s="116">
        <v>372211</v>
      </c>
      <c r="DT30" s="110">
        <v>0</v>
      </c>
      <c r="DU30" s="114">
        <v>17435</v>
      </c>
      <c r="DV30" s="113">
        <v>17435</v>
      </c>
      <c r="DW30" s="110">
        <v>0</v>
      </c>
      <c r="DX30" s="114">
        <v>91248</v>
      </c>
      <c r="DY30" s="114">
        <v>22346</v>
      </c>
      <c r="DZ30" s="114">
        <v>118710</v>
      </c>
      <c r="EA30" s="114">
        <v>122472</v>
      </c>
      <c r="EB30" s="114">
        <v>0</v>
      </c>
      <c r="EC30" s="113">
        <v>354776</v>
      </c>
      <c r="ED30" s="116">
        <v>372211</v>
      </c>
      <c r="EE30" s="110">
        <v>0</v>
      </c>
      <c r="EF30" s="112">
        <v>0</v>
      </c>
      <c r="EG30" s="113">
        <v>0</v>
      </c>
      <c r="EH30" s="110">
        <v>0</v>
      </c>
      <c r="EI30" s="114">
        <v>0</v>
      </c>
      <c r="EJ30" s="114">
        <v>0</v>
      </c>
      <c r="EK30" s="114">
        <v>0</v>
      </c>
      <c r="EL30" s="114">
        <v>0</v>
      </c>
      <c r="EM30" s="114">
        <v>0</v>
      </c>
      <c r="EN30" s="112">
        <v>0</v>
      </c>
      <c r="EO30" s="116">
        <v>0</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11900</v>
      </c>
      <c r="FM30" s="114">
        <v>48762</v>
      </c>
      <c r="FN30" s="113">
        <v>60662</v>
      </c>
      <c r="FO30" s="110">
        <v>0</v>
      </c>
      <c r="FP30" s="114">
        <v>35070</v>
      </c>
      <c r="FQ30" s="114">
        <v>126357</v>
      </c>
      <c r="FR30" s="114">
        <v>61334</v>
      </c>
      <c r="FS30" s="114">
        <v>16506</v>
      </c>
      <c r="FT30" s="114">
        <v>173355</v>
      </c>
      <c r="FU30" s="113">
        <v>412622</v>
      </c>
      <c r="FV30" s="116">
        <v>473284</v>
      </c>
      <c r="FW30" s="115">
        <v>11900</v>
      </c>
      <c r="FX30" s="114">
        <v>39662</v>
      </c>
      <c r="FY30" s="112">
        <v>51562</v>
      </c>
      <c r="FZ30" s="111">
        <v>0</v>
      </c>
      <c r="GA30" s="114">
        <v>23870</v>
      </c>
      <c r="GB30" s="114">
        <v>126357</v>
      </c>
      <c r="GC30" s="114">
        <v>61334</v>
      </c>
      <c r="GD30" s="114">
        <v>16506</v>
      </c>
      <c r="GE30" s="114">
        <v>173355</v>
      </c>
      <c r="GF30" s="113">
        <v>401422</v>
      </c>
      <c r="GG30" s="318">
        <v>452984</v>
      </c>
      <c r="GH30" s="115">
        <v>0</v>
      </c>
      <c r="GI30" s="114">
        <v>0</v>
      </c>
      <c r="GJ30" s="112">
        <v>0</v>
      </c>
      <c r="GK30" s="111">
        <v>0</v>
      </c>
      <c r="GL30" s="114">
        <v>11200</v>
      </c>
      <c r="GM30" s="114">
        <v>0</v>
      </c>
      <c r="GN30" s="114">
        <v>0</v>
      </c>
      <c r="GO30" s="114">
        <v>0</v>
      </c>
      <c r="GP30" s="114">
        <v>0</v>
      </c>
      <c r="GQ30" s="113">
        <v>11200</v>
      </c>
      <c r="GR30" s="116">
        <v>11200</v>
      </c>
      <c r="GS30" s="110">
        <v>0</v>
      </c>
      <c r="GT30" s="114">
        <v>9100</v>
      </c>
      <c r="GU30" s="113">
        <v>9100</v>
      </c>
      <c r="GV30" s="110">
        <v>0</v>
      </c>
      <c r="GW30" s="114">
        <v>0</v>
      </c>
      <c r="GX30" s="114">
        <v>0</v>
      </c>
      <c r="GY30" s="114">
        <v>0</v>
      </c>
      <c r="GZ30" s="114">
        <v>0</v>
      </c>
      <c r="HA30" s="114">
        <v>0</v>
      </c>
      <c r="HB30" s="112">
        <v>0</v>
      </c>
      <c r="HC30" s="116">
        <v>9100</v>
      </c>
      <c r="HD30" s="110">
        <v>0</v>
      </c>
      <c r="HE30" s="114">
        <v>0</v>
      </c>
      <c r="HF30" s="112">
        <v>0</v>
      </c>
      <c r="HG30" s="111">
        <v>0</v>
      </c>
      <c r="HH30" s="114">
        <v>0</v>
      </c>
      <c r="HI30" s="114">
        <v>298433</v>
      </c>
      <c r="HJ30" s="114">
        <v>0</v>
      </c>
      <c r="HK30" s="114">
        <v>360196</v>
      </c>
      <c r="HL30" s="114">
        <v>585154</v>
      </c>
      <c r="HM30" s="113">
        <v>1243783</v>
      </c>
      <c r="HN30" s="109">
        <v>1243783</v>
      </c>
      <c r="HO30" s="328"/>
      <c r="HP30" s="329"/>
      <c r="HQ30" s="330"/>
      <c r="HR30" s="331"/>
      <c r="HS30" s="329"/>
      <c r="HT30" s="329"/>
      <c r="HU30" s="329"/>
      <c r="HV30" s="329"/>
      <c r="HW30" s="329"/>
      <c r="HX30" s="332"/>
      <c r="HY30" s="333"/>
      <c r="HZ30" s="150">
        <v>0</v>
      </c>
      <c r="IA30" s="135">
        <v>0</v>
      </c>
      <c r="IB30" s="150">
        <v>0</v>
      </c>
      <c r="IC30" s="134">
        <v>0</v>
      </c>
      <c r="ID30" s="135">
        <v>276563</v>
      </c>
      <c r="IE30" s="136">
        <v>222791</v>
      </c>
      <c r="IF30" s="137">
        <v>154667</v>
      </c>
      <c r="IG30" s="135">
        <v>0</v>
      </c>
      <c r="IH30" s="137">
        <v>0</v>
      </c>
      <c r="II30" s="138">
        <v>654021</v>
      </c>
      <c r="IJ30" s="150">
        <v>654021</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83711</v>
      </c>
      <c r="JL30" s="119">
        <v>21403</v>
      </c>
      <c r="JM30" s="119">
        <v>34475</v>
      </c>
      <c r="JN30" s="119">
        <v>0</v>
      </c>
      <c r="JO30" s="119">
        <v>0</v>
      </c>
      <c r="JP30" s="120">
        <v>139589</v>
      </c>
      <c r="JQ30" s="320">
        <v>139589</v>
      </c>
      <c r="JR30" s="142">
        <v>0</v>
      </c>
      <c r="JS30" s="119">
        <v>0</v>
      </c>
      <c r="JT30" s="141">
        <v>0</v>
      </c>
      <c r="JU30" s="118">
        <v>0</v>
      </c>
      <c r="JV30" s="119">
        <v>0</v>
      </c>
      <c r="JW30" s="119">
        <v>0</v>
      </c>
      <c r="JX30" s="119">
        <v>0</v>
      </c>
      <c r="JY30" s="119">
        <v>0</v>
      </c>
      <c r="JZ30" s="119">
        <v>0</v>
      </c>
      <c r="KA30" s="120">
        <v>0</v>
      </c>
      <c r="KB30" s="320">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192852</v>
      </c>
      <c r="KS30" s="119">
        <v>201388</v>
      </c>
      <c r="KT30" s="119">
        <v>120192</v>
      </c>
      <c r="KU30" s="119">
        <v>0</v>
      </c>
      <c r="KV30" s="119">
        <v>0</v>
      </c>
      <c r="KW30" s="120">
        <v>514432</v>
      </c>
      <c r="KX30" s="320">
        <v>514432</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289774</v>
      </c>
      <c r="MM30" s="119">
        <v>447145</v>
      </c>
      <c r="MN30" s="119">
        <v>43472</v>
      </c>
      <c r="MO30" s="120">
        <v>780391</v>
      </c>
      <c r="MP30" s="143">
        <v>780391</v>
      </c>
      <c r="MQ30" s="142">
        <v>0</v>
      </c>
      <c r="MR30" s="119">
        <v>0</v>
      </c>
      <c r="MS30" s="120">
        <v>0</v>
      </c>
      <c r="MT30" s="145"/>
      <c r="MU30" s="119">
        <v>0</v>
      </c>
      <c r="MV30" s="119">
        <v>0</v>
      </c>
      <c r="MW30" s="119">
        <v>289774</v>
      </c>
      <c r="MX30" s="119">
        <v>210408</v>
      </c>
      <c r="MY30" s="119">
        <v>43472</v>
      </c>
      <c r="MZ30" s="120">
        <v>543654</v>
      </c>
      <c r="NA30" s="143">
        <v>543654</v>
      </c>
      <c r="NB30" s="142">
        <v>0</v>
      </c>
      <c r="NC30" s="119">
        <v>0</v>
      </c>
      <c r="ND30" s="120">
        <v>0</v>
      </c>
      <c r="NE30" s="145"/>
      <c r="NF30" s="119">
        <v>0</v>
      </c>
      <c r="NG30" s="119">
        <v>0</v>
      </c>
      <c r="NH30" s="119">
        <v>0</v>
      </c>
      <c r="NI30" s="119">
        <v>236737</v>
      </c>
      <c r="NJ30" s="119">
        <v>0</v>
      </c>
      <c r="NK30" s="120">
        <v>236737</v>
      </c>
      <c r="NL30" s="320">
        <v>236737</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43435</v>
      </c>
      <c r="OJ30" s="119">
        <v>162280</v>
      </c>
      <c r="OK30" s="141">
        <v>205715</v>
      </c>
      <c r="OL30" s="118">
        <v>0</v>
      </c>
      <c r="OM30" s="119">
        <v>1082989</v>
      </c>
      <c r="ON30" s="119">
        <v>1533729</v>
      </c>
      <c r="OO30" s="119">
        <v>950976</v>
      </c>
      <c r="OP30" s="119">
        <v>1075494</v>
      </c>
      <c r="OQ30" s="119">
        <v>1443585</v>
      </c>
      <c r="OR30" s="120">
        <v>6086773</v>
      </c>
      <c r="OS30" s="143">
        <v>6292488</v>
      </c>
    </row>
    <row r="31" spans="2:409" ht="21" customHeight="1" x14ac:dyDescent="0.2">
      <c r="B31" s="126" t="s">
        <v>26</v>
      </c>
      <c r="C31" s="110">
        <v>182920</v>
      </c>
      <c r="D31" s="114">
        <v>205009</v>
      </c>
      <c r="E31" s="113">
        <v>387929</v>
      </c>
      <c r="F31" s="109">
        <v>0</v>
      </c>
      <c r="G31" s="114">
        <v>830040</v>
      </c>
      <c r="H31" s="114">
        <v>2077441</v>
      </c>
      <c r="I31" s="114">
        <v>722028</v>
      </c>
      <c r="J31" s="114">
        <v>1290015</v>
      </c>
      <c r="K31" s="114">
        <v>504288</v>
      </c>
      <c r="L31" s="173">
        <v>5423812</v>
      </c>
      <c r="M31" s="116">
        <v>5811741</v>
      </c>
      <c r="N31" s="110">
        <v>34153</v>
      </c>
      <c r="O31" s="114">
        <v>49247</v>
      </c>
      <c r="P31" s="113">
        <v>83400</v>
      </c>
      <c r="Q31" s="110">
        <v>0</v>
      </c>
      <c r="R31" s="114">
        <v>233772</v>
      </c>
      <c r="S31" s="114">
        <v>264369</v>
      </c>
      <c r="T31" s="114">
        <v>391776</v>
      </c>
      <c r="U31" s="114">
        <v>755339</v>
      </c>
      <c r="V31" s="114">
        <v>446958</v>
      </c>
      <c r="W31" s="113">
        <v>2092214</v>
      </c>
      <c r="X31" s="116">
        <v>2175614</v>
      </c>
      <c r="Y31" s="110">
        <v>0</v>
      </c>
      <c r="Z31" s="114">
        <v>0</v>
      </c>
      <c r="AA31" s="113">
        <v>0</v>
      </c>
      <c r="AB31" s="110">
        <v>0</v>
      </c>
      <c r="AC31" s="114">
        <v>38016</v>
      </c>
      <c r="AD31" s="114">
        <v>24536</v>
      </c>
      <c r="AE31" s="114">
        <v>150283</v>
      </c>
      <c r="AF31" s="114">
        <v>502194</v>
      </c>
      <c r="AG31" s="114">
        <v>213619</v>
      </c>
      <c r="AH31" s="113">
        <v>928648</v>
      </c>
      <c r="AI31" s="116">
        <v>928648</v>
      </c>
      <c r="AJ31" s="110">
        <v>0</v>
      </c>
      <c r="AK31" s="114">
        <v>0</v>
      </c>
      <c r="AL31" s="113">
        <v>0</v>
      </c>
      <c r="AM31" s="110">
        <v>0</v>
      </c>
      <c r="AN31" s="114">
        <v>0</v>
      </c>
      <c r="AO31" s="114">
        <v>0</v>
      </c>
      <c r="AP31" s="114">
        <v>81783</v>
      </c>
      <c r="AQ31" s="114">
        <v>0</v>
      </c>
      <c r="AR31" s="114">
        <v>40872</v>
      </c>
      <c r="AS31" s="113">
        <v>122655</v>
      </c>
      <c r="AT31" s="116">
        <v>122655</v>
      </c>
      <c r="AU31" s="110">
        <v>0</v>
      </c>
      <c r="AV31" s="114">
        <v>49247</v>
      </c>
      <c r="AW31" s="113">
        <v>49247</v>
      </c>
      <c r="AX31" s="110">
        <v>0</v>
      </c>
      <c r="AY31" s="114">
        <v>160896</v>
      </c>
      <c r="AZ31" s="114">
        <v>145459</v>
      </c>
      <c r="BA31" s="114">
        <v>96348</v>
      </c>
      <c r="BB31" s="114">
        <v>182354</v>
      </c>
      <c r="BC31" s="114">
        <v>149991</v>
      </c>
      <c r="BD31" s="113">
        <v>735048</v>
      </c>
      <c r="BE31" s="116">
        <v>784295</v>
      </c>
      <c r="BF31" s="110">
        <v>0</v>
      </c>
      <c r="BG31" s="114">
        <v>0</v>
      </c>
      <c r="BH31" s="112">
        <v>0</v>
      </c>
      <c r="BI31" s="111">
        <v>0</v>
      </c>
      <c r="BJ31" s="114">
        <v>0</v>
      </c>
      <c r="BK31" s="114">
        <v>0</v>
      </c>
      <c r="BL31" s="114">
        <v>48389</v>
      </c>
      <c r="BM31" s="114">
        <v>0</v>
      </c>
      <c r="BN31" s="114">
        <v>0</v>
      </c>
      <c r="BO31" s="113">
        <v>48389</v>
      </c>
      <c r="BP31" s="116">
        <v>48389</v>
      </c>
      <c r="BQ31" s="110">
        <v>34153</v>
      </c>
      <c r="BR31" s="114">
        <v>0</v>
      </c>
      <c r="BS31" s="113">
        <v>34153</v>
      </c>
      <c r="BT31" s="110">
        <v>0</v>
      </c>
      <c r="BU31" s="114">
        <v>34860</v>
      </c>
      <c r="BV31" s="114">
        <v>94374</v>
      </c>
      <c r="BW31" s="114">
        <v>14973</v>
      </c>
      <c r="BX31" s="114">
        <v>70791</v>
      </c>
      <c r="BY31" s="114">
        <v>42476</v>
      </c>
      <c r="BZ31" s="113">
        <v>257474</v>
      </c>
      <c r="CA31" s="116">
        <v>291627</v>
      </c>
      <c r="CB31" s="110">
        <v>0</v>
      </c>
      <c r="CC31" s="114">
        <v>31656</v>
      </c>
      <c r="CD31" s="113">
        <v>31656</v>
      </c>
      <c r="CE31" s="110">
        <v>0</v>
      </c>
      <c r="CF31" s="114">
        <v>290471</v>
      </c>
      <c r="CG31" s="114">
        <v>328746</v>
      </c>
      <c r="CH31" s="114">
        <v>152595</v>
      </c>
      <c r="CI31" s="114">
        <v>27049</v>
      </c>
      <c r="CJ31" s="114">
        <v>0</v>
      </c>
      <c r="CK31" s="113">
        <v>798861</v>
      </c>
      <c r="CL31" s="116">
        <v>830517</v>
      </c>
      <c r="CM31" s="110">
        <v>0</v>
      </c>
      <c r="CN31" s="114">
        <v>0</v>
      </c>
      <c r="CO31" s="113">
        <v>0</v>
      </c>
      <c r="CP31" s="111">
        <v>0</v>
      </c>
      <c r="CQ31" s="114">
        <v>290471</v>
      </c>
      <c r="CR31" s="114">
        <v>79614</v>
      </c>
      <c r="CS31" s="114">
        <v>54826</v>
      </c>
      <c r="CT31" s="114">
        <v>27049</v>
      </c>
      <c r="CU31" s="114">
        <v>0</v>
      </c>
      <c r="CV31" s="113">
        <v>451960</v>
      </c>
      <c r="CW31" s="116">
        <v>451960</v>
      </c>
      <c r="CX31" s="110">
        <v>0</v>
      </c>
      <c r="CY31" s="114">
        <v>31656</v>
      </c>
      <c r="CZ31" s="113">
        <v>31656</v>
      </c>
      <c r="DA31" s="110">
        <v>0</v>
      </c>
      <c r="DB31" s="114">
        <v>0</v>
      </c>
      <c r="DC31" s="114">
        <v>249132</v>
      </c>
      <c r="DD31" s="114">
        <v>97769</v>
      </c>
      <c r="DE31" s="114">
        <v>0</v>
      </c>
      <c r="DF31" s="114">
        <v>0</v>
      </c>
      <c r="DG31" s="113">
        <v>346901</v>
      </c>
      <c r="DH31" s="116">
        <v>378557</v>
      </c>
      <c r="DI31" s="110">
        <v>0</v>
      </c>
      <c r="DJ31" s="114">
        <v>46711</v>
      </c>
      <c r="DK31" s="112">
        <v>46711</v>
      </c>
      <c r="DL31" s="111">
        <v>0</v>
      </c>
      <c r="DM31" s="114">
        <v>0</v>
      </c>
      <c r="DN31" s="114">
        <v>15908</v>
      </c>
      <c r="DO31" s="114">
        <v>104255</v>
      </c>
      <c r="DP31" s="114">
        <v>0</v>
      </c>
      <c r="DQ31" s="114">
        <v>0</v>
      </c>
      <c r="DR31" s="113">
        <v>120163</v>
      </c>
      <c r="DS31" s="116">
        <v>166874</v>
      </c>
      <c r="DT31" s="110">
        <v>0</v>
      </c>
      <c r="DU31" s="114">
        <v>46711</v>
      </c>
      <c r="DV31" s="113">
        <v>46711</v>
      </c>
      <c r="DW31" s="110">
        <v>0</v>
      </c>
      <c r="DX31" s="114">
        <v>0</v>
      </c>
      <c r="DY31" s="114">
        <v>0</v>
      </c>
      <c r="DZ31" s="114">
        <v>104255</v>
      </c>
      <c r="EA31" s="114">
        <v>0</v>
      </c>
      <c r="EB31" s="114">
        <v>0</v>
      </c>
      <c r="EC31" s="113">
        <v>104255</v>
      </c>
      <c r="ED31" s="116">
        <v>150966</v>
      </c>
      <c r="EE31" s="110">
        <v>0</v>
      </c>
      <c r="EF31" s="112">
        <v>0</v>
      </c>
      <c r="EG31" s="113">
        <v>0</v>
      </c>
      <c r="EH31" s="110">
        <v>0</v>
      </c>
      <c r="EI31" s="114">
        <v>0</v>
      </c>
      <c r="EJ31" s="114">
        <v>15908</v>
      </c>
      <c r="EK31" s="114">
        <v>0</v>
      </c>
      <c r="EL31" s="114">
        <v>0</v>
      </c>
      <c r="EM31" s="114">
        <v>0</v>
      </c>
      <c r="EN31" s="112">
        <v>15908</v>
      </c>
      <c r="EO31" s="116">
        <v>15908</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10500</v>
      </c>
      <c r="FM31" s="114">
        <v>77395</v>
      </c>
      <c r="FN31" s="113">
        <v>87895</v>
      </c>
      <c r="FO31" s="110">
        <v>0</v>
      </c>
      <c r="FP31" s="114">
        <v>38563</v>
      </c>
      <c r="FQ31" s="114">
        <v>101220</v>
      </c>
      <c r="FR31" s="114">
        <v>73402</v>
      </c>
      <c r="FS31" s="114">
        <v>102375</v>
      </c>
      <c r="FT31" s="114">
        <v>57330</v>
      </c>
      <c r="FU31" s="113">
        <v>372890</v>
      </c>
      <c r="FV31" s="116">
        <v>460785</v>
      </c>
      <c r="FW31" s="115">
        <v>10500</v>
      </c>
      <c r="FX31" s="114">
        <v>40880</v>
      </c>
      <c r="FY31" s="112">
        <v>51380</v>
      </c>
      <c r="FZ31" s="111">
        <v>0</v>
      </c>
      <c r="GA31" s="114">
        <v>38563</v>
      </c>
      <c r="GB31" s="114">
        <v>101220</v>
      </c>
      <c r="GC31" s="114">
        <v>73402</v>
      </c>
      <c r="GD31" s="114">
        <v>102375</v>
      </c>
      <c r="GE31" s="114">
        <v>57330</v>
      </c>
      <c r="GF31" s="113">
        <v>372890</v>
      </c>
      <c r="GG31" s="318">
        <v>424270</v>
      </c>
      <c r="GH31" s="115">
        <v>0</v>
      </c>
      <c r="GI31" s="114">
        <v>0</v>
      </c>
      <c r="GJ31" s="112">
        <v>0</v>
      </c>
      <c r="GK31" s="111">
        <v>0</v>
      </c>
      <c r="GL31" s="114">
        <v>0</v>
      </c>
      <c r="GM31" s="114">
        <v>0</v>
      </c>
      <c r="GN31" s="114">
        <v>0</v>
      </c>
      <c r="GO31" s="114">
        <v>0</v>
      </c>
      <c r="GP31" s="114">
        <v>0</v>
      </c>
      <c r="GQ31" s="113">
        <v>0</v>
      </c>
      <c r="GR31" s="116">
        <v>0</v>
      </c>
      <c r="GS31" s="110">
        <v>0</v>
      </c>
      <c r="GT31" s="114">
        <v>36515</v>
      </c>
      <c r="GU31" s="113">
        <v>36515</v>
      </c>
      <c r="GV31" s="110">
        <v>0</v>
      </c>
      <c r="GW31" s="114">
        <v>0</v>
      </c>
      <c r="GX31" s="114">
        <v>0</v>
      </c>
      <c r="GY31" s="114">
        <v>0</v>
      </c>
      <c r="GZ31" s="114">
        <v>0</v>
      </c>
      <c r="HA31" s="114">
        <v>0</v>
      </c>
      <c r="HB31" s="112">
        <v>0</v>
      </c>
      <c r="HC31" s="116">
        <v>36515</v>
      </c>
      <c r="HD31" s="110">
        <v>138267</v>
      </c>
      <c r="HE31" s="114">
        <v>0</v>
      </c>
      <c r="HF31" s="112">
        <v>138267</v>
      </c>
      <c r="HG31" s="111">
        <v>0</v>
      </c>
      <c r="HH31" s="114">
        <v>267234</v>
      </c>
      <c r="HI31" s="114">
        <v>1367198</v>
      </c>
      <c r="HJ31" s="114">
        <v>0</v>
      </c>
      <c r="HK31" s="114">
        <v>405252</v>
      </c>
      <c r="HL31" s="114">
        <v>0</v>
      </c>
      <c r="HM31" s="113">
        <v>2039684</v>
      </c>
      <c r="HN31" s="109">
        <v>2177951</v>
      </c>
      <c r="HO31" s="328"/>
      <c r="HP31" s="329"/>
      <c r="HQ31" s="330"/>
      <c r="HR31" s="331"/>
      <c r="HS31" s="329"/>
      <c r="HT31" s="329"/>
      <c r="HU31" s="329"/>
      <c r="HV31" s="329"/>
      <c r="HW31" s="329"/>
      <c r="HX31" s="332"/>
      <c r="HY31" s="333"/>
      <c r="HZ31" s="131">
        <v>0</v>
      </c>
      <c r="IA31" s="132">
        <v>0</v>
      </c>
      <c r="IB31" s="133">
        <v>0</v>
      </c>
      <c r="IC31" s="146">
        <v>0</v>
      </c>
      <c r="ID31" s="132">
        <v>272773</v>
      </c>
      <c r="IE31" s="147">
        <v>0</v>
      </c>
      <c r="IF31" s="133">
        <v>476744</v>
      </c>
      <c r="IG31" s="132">
        <v>209659</v>
      </c>
      <c r="IH31" s="133">
        <v>427456</v>
      </c>
      <c r="II31" s="148">
        <v>1386632</v>
      </c>
      <c r="IJ31" s="139">
        <v>1386632</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66370</v>
      </c>
      <c r="JL31" s="119">
        <v>0</v>
      </c>
      <c r="JM31" s="119">
        <v>268537</v>
      </c>
      <c r="JN31" s="119">
        <v>0</v>
      </c>
      <c r="JO31" s="119">
        <v>0</v>
      </c>
      <c r="JP31" s="120">
        <v>434907</v>
      </c>
      <c r="JQ31" s="320">
        <v>434907</v>
      </c>
      <c r="JR31" s="142">
        <v>0</v>
      </c>
      <c r="JS31" s="119">
        <v>0</v>
      </c>
      <c r="JT31" s="141">
        <v>0</v>
      </c>
      <c r="JU31" s="118">
        <v>0</v>
      </c>
      <c r="JV31" s="119">
        <v>0</v>
      </c>
      <c r="JW31" s="119">
        <v>0</v>
      </c>
      <c r="JX31" s="119">
        <v>0</v>
      </c>
      <c r="JY31" s="119">
        <v>0</v>
      </c>
      <c r="JZ31" s="119">
        <v>0</v>
      </c>
      <c r="KA31" s="120">
        <v>0</v>
      </c>
      <c r="KB31" s="320">
        <v>0</v>
      </c>
      <c r="KC31" s="234">
        <v>0</v>
      </c>
      <c r="KD31" s="230">
        <v>0</v>
      </c>
      <c r="KE31" s="120">
        <v>0</v>
      </c>
      <c r="KF31" s="118">
        <v>0</v>
      </c>
      <c r="KG31" s="119">
        <v>106403</v>
      </c>
      <c r="KH31" s="119">
        <v>0</v>
      </c>
      <c r="KI31" s="119">
        <v>0</v>
      </c>
      <c r="KJ31" s="119">
        <v>0</v>
      </c>
      <c r="KK31" s="119">
        <v>0</v>
      </c>
      <c r="KL31" s="120">
        <v>106403</v>
      </c>
      <c r="KM31" s="143">
        <v>106403</v>
      </c>
      <c r="KN31" s="232">
        <v>0</v>
      </c>
      <c r="KO31" s="236">
        <v>0</v>
      </c>
      <c r="KP31" s="237">
        <v>0</v>
      </c>
      <c r="KQ31" s="140"/>
      <c r="KR31" s="119">
        <v>0</v>
      </c>
      <c r="KS31" s="119">
        <v>0</v>
      </c>
      <c r="KT31" s="119">
        <v>208207</v>
      </c>
      <c r="KU31" s="119">
        <v>209659</v>
      </c>
      <c r="KV31" s="119">
        <v>427456</v>
      </c>
      <c r="KW31" s="120">
        <v>845322</v>
      </c>
      <c r="KX31" s="320">
        <v>845322</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191557</v>
      </c>
      <c r="MK31" s="119">
        <v>0</v>
      </c>
      <c r="ML31" s="119">
        <v>0</v>
      </c>
      <c r="MM31" s="119">
        <v>189094</v>
      </c>
      <c r="MN31" s="119">
        <v>-242</v>
      </c>
      <c r="MO31" s="120">
        <v>380409</v>
      </c>
      <c r="MP31" s="143">
        <v>380409</v>
      </c>
      <c r="MQ31" s="142">
        <v>0</v>
      </c>
      <c r="MR31" s="119">
        <v>0</v>
      </c>
      <c r="MS31" s="120">
        <v>0</v>
      </c>
      <c r="MT31" s="145"/>
      <c r="MU31" s="119">
        <v>0</v>
      </c>
      <c r="MV31" s="119">
        <v>0</v>
      </c>
      <c r="MW31" s="119">
        <v>0</v>
      </c>
      <c r="MX31" s="119">
        <v>189094</v>
      </c>
      <c r="MY31" s="119">
        <v>-242</v>
      </c>
      <c r="MZ31" s="120">
        <v>188852</v>
      </c>
      <c r="NA31" s="143">
        <v>188852</v>
      </c>
      <c r="NB31" s="142">
        <v>0</v>
      </c>
      <c r="NC31" s="119">
        <v>0</v>
      </c>
      <c r="ND31" s="120">
        <v>0</v>
      </c>
      <c r="NE31" s="145"/>
      <c r="NF31" s="119">
        <v>191557</v>
      </c>
      <c r="NG31" s="119">
        <v>0</v>
      </c>
      <c r="NH31" s="119">
        <v>0</v>
      </c>
      <c r="NI31" s="119">
        <v>0</v>
      </c>
      <c r="NJ31" s="119">
        <v>0</v>
      </c>
      <c r="NK31" s="120">
        <v>191557</v>
      </c>
      <c r="NL31" s="320">
        <v>191557</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82920</v>
      </c>
      <c r="OJ31" s="119">
        <v>205009</v>
      </c>
      <c r="OK31" s="141">
        <v>387929</v>
      </c>
      <c r="OL31" s="118">
        <v>0</v>
      </c>
      <c r="OM31" s="119">
        <v>1294370</v>
      </c>
      <c r="ON31" s="119">
        <v>2077441</v>
      </c>
      <c r="OO31" s="119">
        <v>1198772</v>
      </c>
      <c r="OP31" s="119">
        <v>1688768</v>
      </c>
      <c r="OQ31" s="119">
        <v>931502</v>
      </c>
      <c r="OR31" s="120">
        <v>7190853</v>
      </c>
      <c r="OS31" s="143">
        <v>7578782</v>
      </c>
    </row>
    <row r="32" spans="2:409" ht="21" customHeight="1" x14ac:dyDescent="0.2">
      <c r="B32" s="126" t="s">
        <v>27</v>
      </c>
      <c r="C32" s="110">
        <v>171500</v>
      </c>
      <c r="D32" s="114">
        <v>227198</v>
      </c>
      <c r="E32" s="113">
        <v>398698</v>
      </c>
      <c r="F32" s="109">
        <v>0</v>
      </c>
      <c r="G32" s="114">
        <v>592463</v>
      </c>
      <c r="H32" s="114">
        <v>991103</v>
      </c>
      <c r="I32" s="114">
        <v>1749901</v>
      </c>
      <c r="J32" s="114">
        <v>761536</v>
      </c>
      <c r="K32" s="114">
        <v>267216</v>
      </c>
      <c r="L32" s="173">
        <v>4362219</v>
      </c>
      <c r="M32" s="116">
        <v>4760917</v>
      </c>
      <c r="N32" s="110">
        <v>60574</v>
      </c>
      <c r="O32" s="114">
        <v>55801</v>
      </c>
      <c r="P32" s="113">
        <v>116375</v>
      </c>
      <c r="Q32" s="110">
        <v>0</v>
      </c>
      <c r="R32" s="114">
        <v>77868</v>
      </c>
      <c r="S32" s="114">
        <v>413078</v>
      </c>
      <c r="T32" s="114">
        <v>272471</v>
      </c>
      <c r="U32" s="114">
        <v>252997</v>
      </c>
      <c r="V32" s="114">
        <v>257066</v>
      </c>
      <c r="W32" s="113">
        <v>1273480</v>
      </c>
      <c r="X32" s="116">
        <v>1389855</v>
      </c>
      <c r="Y32" s="110">
        <v>0</v>
      </c>
      <c r="Z32" s="114">
        <v>0</v>
      </c>
      <c r="AA32" s="113">
        <v>0</v>
      </c>
      <c r="AB32" s="110">
        <v>0</v>
      </c>
      <c r="AC32" s="114">
        <v>32253</v>
      </c>
      <c r="AD32" s="114">
        <v>259355</v>
      </c>
      <c r="AE32" s="114">
        <v>71991</v>
      </c>
      <c r="AF32" s="114">
        <v>0</v>
      </c>
      <c r="AG32" s="114">
        <v>209974</v>
      </c>
      <c r="AH32" s="113">
        <v>573573</v>
      </c>
      <c r="AI32" s="116">
        <v>573573</v>
      </c>
      <c r="AJ32" s="110">
        <v>0</v>
      </c>
      <c r="AK32" s="114">
        <v>0</v>
      </c>
      <c r="AL32" s="113">
        <v>0</v>
      </c>
      <c r="AM32" s="110">
        <v>0</v>
      </c>
      <c r="AN32" s="114">
        <v>0</v>
      </c>
      <c r="AO32" s="114">
        <v>0</v>
      </c>
      <c r="AP32" s="114">
        <v>0</v>
      </c>
      <c r="AQ32" s="114">
        <v>134496</v>
      </c>
      <c r="AR32" s="114">
        <v>0</v>
      </c>
      <c r="AS32" s="113">
        <v>134496</v>
      </c>
      <c r="AT32" s="116">
        <v>134496</v>
      </c>
      <c r="AU32" s="110">
        <v>60574</v>
      </c>
      <c r="AV32" s="114">
        <v>39547</v>
      </c>
      <c r="AW32" s="113">
        <v>100121</v>
      </c>
      <c r="AX32" s="110">
        <v>0</v>
      </c>
      <c r="AY32" s="114">
        <v>21983</v>
      </c>
      <c r="AZ32" s="114">
        <v>129496</v>
      </c>
      <c r="BA32" s="114">
        <v>72471</v>
      </c>
      <c r="BB32" s="114">
        <v>68808</v>
      </c>
      <c r="BC32" s="114">
        <v>33015</v>
      </c>
      <c r="BD32" s="113">
        <v>325773</v>
      </c>
      <c r="BE32" s="116">
        <v>425894</v>
      </c>
      <c r="BF32" s="110">
        <v>0</v>
      </c>
      <c r="BG32" s="114">
        <v>0</v>
      </c>
      <c r="BH32" s="112">
        <v>0</v>
      </c>
      <c r="BI32" s="111">
        <v>0</v>
      </c>
      <c r="BJ32" s="114">
        <v>0</v>
      </c>
      <c r="BK32" s="114">
        <v>0</v>
      </c>
      <c r="BL32" s="114">
        <v>0</v>
      </c>
      <c r="BM32" s="114">
        <v>0</v>
      </c>
      <c r="BN32" s="114">
        <v>0</v>
      </c>
      <c r="BO32" s="113">
        <v>0</v>
      </c>
      <c r="BP32" s="116">
        <v>0</v>
      </c>
      <c r="BQ32" s="110">
        <v>0</v>
      </c>
      <c r="BR32" s="114">
        <v>16254</v>
      </c>
      <c r="BS32" s="113">
        <v>16254</v>
      </c>
      <c r="BT32" s="110">
        <v>0</v>
      </c>
      <c r="BU32" s="114">
        <v>23632</v>
      </c>
      <c r="BV32" s="114">
        <v>24227</v>
      </c>
      <c r="BW32" s="114">
        <v>128009</v>
      </c>
      <c r="BX32" s="114">
        <v>49693</v>
      </c>
      <c r="BY32" s="114">
        <v>14077</v>
      </c>
      <c r="BZ32" s="113">
        <v>239638</v>
      </c>
      <c r="CA32" s="116">
        <v>255892</v>
      </c>
      <c r="CB32" s="110">
        <v>36348</v>
      </c>
      <c r="CC32" s="114">
        <v>33638</v>
      </c>
      <c r="CD32" s="113">
        <v>69986</v>
      </c>
      <c r="CE32" s="110">
        <v>0</v>
      </c>
      <c r="CF32" s="114">
        <v>11620</v>
      </c>
      <c r="CG32" s="114">
        <v>72524</v>
      </c>
      <c r="CH32" s="114">
        <v>342251</v>
      </c>
      <c r="CI32" s="114">
        <v>68036</v>
      </c>
      <c r="CJ32" s="114">
        <v>0</v>
      </c>
      <c r="CK32" s="113">
        <v>494431</v>
      </c>
      <c r="CL32" s="116">
        <v>564417</v>
      </c>
      <c r="CM32" s="110">
        <v>0</v>
      </c>
      <c r="CN32" s="114">
        <v>0</v>
      </c>
      <c r="CO32" s="113">
        <v>0</v>
      </c>
      <c r="CP32" s="111">
        <v>0</v>
      </c>
      <c r="CQ32" s="114">
        <v>0</v>
      </c>
      <c r="CR32" s="114">
        <v>65706</v>
      </c>
      <c r="CS32" s="114">
        <v>211892</v>
      </c>
      <c r="CT32" s="114">
        <v>68036</v>
      </c>
      <c r="CU32" s="114">
        <v>0</v>
      </c>
      <c r="CV32" s="113">
        <v>345634</v>
      </c>
      <c r="CW32" s="116">
        <v>345634</v>
      </c>
      <c r="CX32" s="110">
        <v>36348</v>
      </c>
      <c r="CY32" s="114">
        <v>33638</v>
      </c>
      <c r="CZ32" s="113">
        <v>69986</v>
      </c>
      <c r="DA32" s="110">
        <v>0</v>
      </c>
      <c r="DB32" s="114">
        <v>11620</v>
      </c>
      <c r="DC32" s="114">
        <v>6818</v>
      </c>
      <c r="DD32" s="114">
        <v>130359</v>
      </c>
      <c r="DE32" s="114">
        <v>0</v>
      </c>
      <c r="DF32" s="114">
        <v>0</v>
      </c>
      <c r="DG32" s="113">
        <v>148797</v>
      </c>
      <c r="DH32" s="116">
        <v>218783</v>
      </c>
      <c r="DI32" s="110">
        <v>0</v>
      </c>
      <c r="DJ32" s="114">
        <v>0</v>
      </c>
      <c r="DK32" s="112">
        <v>0</v>
      </c>
      <c r="DL32" s="111">
        <v>0</v>
      </c>
      <c r="DM32" s="114">
        <v>0</v>
      </c>
      <c r="DN32" s="114">
        <v>0</v>
      </c>
      <c r="DO32" s="114">
        <v>96576</v>
      </c>
      <c r="DP32" s="114">
        <v>70946</v>
      </c>
      <c r="DQ32" s="114">
        <v>0</v>
      </c>
      <c r="DR32" s="113">
        <v>167522</v>
      </c>
      <c r="DS32" s="116">
        <v>167522</v>
      </c>
      <c r="DT32" s="110">
        <v>0</v>
      </c>
      <c r="DU32" s="114">
        <v>0</v>
      </c>
      <c r="DV32" s="113">
        <v>0</v>
      </c>
      <c r="DW32" s="110">
        <v>0</v>
      </c>
      <c r="DX32" s="114">
        <v>0</v>
      </c>
      <c r="DY32" s="114">
        <v>0</v>
      </c>
      <c r="DZ32" s="114">
        <v>96576</v>
      </c>
      <c r="EA32" s="114">
        <v>70946</v>
      </c>
      <c r="EB32" s="114">
        <v>0</v>
      </c>
      <c r="EC32" s="113">
        <v>167522</v>
      </c>
      <c r="ED32" s="116">
        <v>167522</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74578</v>
      </c>
      <c r="FM32" s="114">
        <v>54390</v>
      </c>
      <c r="FN32" s="113">
        <v>128968</v>
      </c>
      <c r="FO32" s="110">
        <v>0</v>
      </c>
      <c r="FP32" s="114">
        <v>25200</v>
      </c>
      <c r="FQ32" s="114">
        <v>66486</v>
      </c>
      <c r="FR32" s="114">
        <v>58807</v>
      </c>
      <c r="FS32" s="114">
        <v>36750</v>
      </c>
      <c r="FT32" s="114">
        <v>10150</v>
      </c>
      <c r="FU32" s="113">
        <v>197393</v>
      </c>
      <c r="FV32" s="116">
        <v>326361</v>
      </c>
      <c r="FW32" s="115">
        <v>74578</v>
      </c>
      <c r="FX32" s="114">
        <v>54390</v>
      </c>
      <c r="FY32" s="112">
        <v>128968</v>
      </c>
      <c r="FZ32" s="111">
        <v>0</v>
      </c>
      <c r="GA32" s="114">
        <v>25200</v>
      </c>
      <c r="GB32" s="114">
        <v>46158</v>
      </c>
      <c r="GC32" s="114">
        <v>58807</v>
      </c>
      <c r="GD32" s="114">
        <v>36750</v>
      </c>
      <c r="GE32" s="114">
        <v>10150</v>
      </c>
      <c r="GF32" s="113">
        <v>177065</v>
      </c>
      <c r="GG32" s="318">
        <v>306033</v>
      </c>
      <c r="GH32" s="115">
        <v>0</v>
      </c>
      <c r="GI32" s="114">
        <v>0</v>
      </c>
      <c r="GJ32" s="112">
        <v>0</v>
      </c>
      <c r="GK32" s="111">
        <v>0</v>
      </c>
      <c r="GL32" s="114">
        <v>0</v>
      </c>
      <c r="GM32" s="114">
        <v>20328</v>
      </c>
      <c r="GN32" s="114">
        <v>0</v>
      </c>
      <c r="GO32" s="114">
        <v>0</v>
      </c>
      <c r="GP32" s="114">
        <v>0</v>
      </c>
      <c r="GQ32" s="113">
        <v>20328</v>
      </c>
      <c r="GR32" s="116">
        <v>20328</v>
      </c>
      <c r="GS32" s="110">
        <v>0</v>
      </c>
      <c r="GT32" s="114">
        <v>0</v>
      </c>
      <c r="GU32" s="113">
        <v>0</v>
      </c>
      <c r="GV32" s="110">
        <v>0</v>
      </c>
      <c r="GW32" s="114">
        <v>0</v>
      </c>
      <c r="GX32" s="114">
        <v>0</v>
      </c>
      <c r="GY32" s="114">
        <v>0</v>
      </c>
      <c r="GZ32" s="114">
        <v>0</v>
      </c>
      <c r="HA32" s="114">
        <v>0</v>
      </c>
      <c r="HB32" s="112">
        <v>0</v>
      </c>
      <c r="HC32" s="116">
        <v>0</v>
      </c>
      <c r="HD32" s="110">
        <v>0</v>
      </c>
      <c r="HE32" s="114">
        <v>83369</v>
      </c>
      <c r="HF32" s="112">
        <v>83369</v>
      </c>
      <c r="HG32" s="111">
        <v>0</v>
      </c>
      <c r="HH32" s="114">
        <v>477775</v>
      </c>
      <c r="HI32" s="114">
        <v>439015</v>
      </c>
      <c r="HJ32" s="114">
        <v>979796</v>
      </c>
      <c r="HK32" s="114">
        <v>332807</v>
      </c>
      <c r="HL32" s="114">
        <v>0</v>
      </c>
      <c r="HM32" s="113">
        <v>2229393</v>
      </c>
      <c r="HN32" s="109">
        <v>2312762</v>
      </c>
      <c r="HO32" s="328"/>
      <c r="HP32" s="329"/>
      <c r="HQ32" s="330"/>
      <c r="HR32" s="331"/>
      <c r="HS32" s="329"/>
      <c r="HT32" s="329"/>
      <c r="HU32" s="329"/>
      <c r="HV32" s="329"/>
      <c r="HW32" s="329"/>
      <c r="HX32" s="332"/>
      <c r="HY32" s="333"/>
      <c r="HZ32" s="150">
        <v>0</v>
      </c>
      <c r="IA32" s="135">
        <v>0</v>
      </c>
      <c r="IB32" s="150">
        <v>0</v>
      </c>
      <c r="IC32" s="134">
        <v>0</v>
      </c>
      <c r="ID32" s="135">
        <v>44821</v>
      </c>
      <c r="IE32" s="136">
        <v>36925</v>
      </c>
      <c r="IF32" s="137">
        <v>40355</v>
      </c>
      <c r="IG32" s="135">
        <v>0</v>
      </c>
      <c r="IH32" s="137">
        <v>0</v>
      </c>
      <c r="II32" s="138">
        <v>122101</v>
      </c>
      <c r="IJ32" s="150">
        <v>122101</v>
      </c>
      <c r="IK32" s="232">
        <v>0</v>
      </c>
      <c r="IL32" s="236">
        <v>0</v>
      </c>
      <c r="IM32" s="237">
        <v>0</v>
      </c>
      <c r="IN32" s="140"/>
      <c r="IO32" s="119">
        <v>0</v>
      </c>
      <c r="IP32" s="119">
        <v>0</v>
      </c>
      <c r="IQ32" s="119">
        <v>0</v>
      </c>
      <c r="IR32" s="119">
        <v>0</v>
      </c>
      <c r="IS32" s="119">
        <v>0</v>
      </c>
      <c r="IT32" s="141">
        <v>0</v>
      </c>
      <c r="IU32" s="320">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44821</v>
      </c>
      <c r="JL32" s="119">
        <v>0</v>
      </c>
      <c r="JM32" s="119">
        <v>0</v>
      </c>
      <c r="JN32" s="119">
        <v>0</v>
      </c>
      <c r="JO32" s="119">
        <v>0</v>
      </c>
      <c r="JP32" s="120">
        <v>44821</v>
      </c>
      <c r="JQ32" s="320">
        <v>44821</v>
      </c>
      <c r="JR32" s="142">
        <v>0</v>
      </c>
      <c r="JS32" s="119">
        <v>0</v>
      </c>
      <c r="JT32" s="141">
        <v>0</v>
      </c>
      <c r="JU32" s="118">
        <v>0</v>
      </c>
      <c r="JV32" s="119">
        <v>0</v>
      </c>
      <c r="JW32" s="119">
        <v>36925</v>
      </c>
      <c r="JX32" s="119">
        <v>40355</v>
      </c>
      <c r="JY32" s="119">
        <v>0</v>
      </c>
      <c r="JZ32" s="119">
        <v>0</v>
      </c>
      <c r="KA32" s="120">
        <v>77280</v>
      </c>
      <c r="KB32" s="320">
        <v>77280</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20">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20">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0</v>
      </c>
      <c r="ML32" s="119">
        <v>189386</v>
      </c>
      <c r="MM32" s="119">
        <v>398830</v>
      </c>
      <c r="MN32" s="119">
        <v>0</v>
      </c>
      <c r="MO32" s="120">
        <v>588216</v>
      </c>
      <c r="MP32" s="143">
        <v>588216</v>
      </c>
      <c r="MQ32" s="142">
        <v>0</v>
      </c>
      <c r="MR32" s="119">
        <v>0</v>
      </c>
      <c r="MS32" s="120">
        <v>0</v>
      </c>
      <c r="MT32" s="145"/>
      <c r="MU32" s="119">
        <v>0</v>
      </c>
      <c r="MV32" s="119">
        <v>0</v>
      </c>
      <c r="MW32" s="119">
        <v>189386</v>
      </c>
      <c r="MX32" s="119">
        <v>398830</v>
      </c>
      <c r="MY32" s="119">
        <v>0</v>
      </c>
      <c r="MZ32" s="120">
        <v>588216</v>
      </c>
      <c r="NA32" s="143">
        <v>588216</v>
      </c>
      <c r="NB32" s="142">
        <v>0</v>
      </c>
      <c r="NC32" s="119">
        <v>0</v>
      </c>
      <c r="ND32" s="120">
        <v>0</v>
      </c>
      <c r="NE32" s="145"/>
      <c r="NF32" s="119">
        <v>0</v>
      </c>
      <c r="NG32" s="119">
        <v>0</v>
      </c>
      <c r="NH32" s="119">
        <v>0</v>
      </c>
      <c r="NI32" s="119">
        <v>0</v>
      </c>
      <c r="NJ32" s="119">
        <v>0</v>
      </c>
      <c r="NK32" s="120">
        <v>0</v>
      </c>
      <c r="NL32" s="320">
        <v>0</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171500</v>
      </c>
      <c r="OJ32" s="119">
        <v>227198</v>
      </c>
      <c r="OK32" s="141">
        <v>398698</v>
      </c>
      <c r="OL32" s="118">
        <v>0</v>
      </c>
      <c r="OM32" s="119">
        <v>637284</v>
      </c>
      <c r="ON32" s="119">
        <v>1028028</v>
      </c>
      <c r="OO32" s="119">
        <v>1979642</v>
      </c>
      <c r="OP32" s="119">
        <v>1160366</v>
      </c>
      <c r="OQ32" s="119">
        <v>267216</v>
      </c>
      <c r="OR32" s="120">
        <v>5072536</v>
      </c>
      <c r="OS32" s="143">
        <v>5471234</v>
      </c>
    </row>
    <row r="33" spans="2:409" ht="21" customHeight="1" x14ac:dyDescent="0.2">
      <c r="B33" s="126" t="s">
        <v>28</v>
      </c>
      <c r="C33" s="110">
        <v>4760</v>
      </c>
      <c r="D33" s="114">
        <v>7700</v>
      </c>
      <c r="E33" s="113">
        <v>12460</v>
      </c>
      <c r="F33" s="109">
        <v>0</v>
      </c>
      <c r="G33" s="114">
        <v>254819</v>
      </c>
      <c r="H33" s="114">
        <v>209759</v>
      </c>
      <c r="I33" s="114">
        <v>256932</v>
      </c>
      <c r="J33" s="114">
        <v>274680</v>
      </c>
      <c r="K33" s="114">
        <v>218078</v>
      </c>
      <c r="L33" s="173">
        <v>1214268</v>
      </c>
      <c r="M33" s="116">
        <v>1226728</v>
      </c>
      <c r="N33" s="110">
        <v>0</v>
      </c>
      <c r="O33" s="114">
        <v>0</v>
      </c>
      <c r="P33" s="113">
        <v>0</v>
      </c>
      <c r="Q33" s="110">
        <v>0</v>
      </c>
      <c r="R33" s="114">
        <v>106953</v>
      </c>
      <c r="S33" s="114">
        <v>113701</v>
      </c>
      <c r="T33" s="114">
        <v>32844</v>
      </c>
      <c r="U33" s="114">
        <v>8400</v>
      </c>
      <c r="V33" s="114">
        <v>71134</v>
      </c>
      <c r="W33" s="113">
        <v>333032</v>
      </c>
      <c r="X33" s="116">
        <v>333032</v>
      </c>
      <c r="Y33" s="110">
        <v>0</v>
      </c>
      <c r="Z33" s="114">
        <v>0</v>
      </c>
      <c r="AA33" s="113">
        <v>0</v>
      </c>
      <c r="AB33" s="110">
        <v>0</v>
      </c>
      <c r="AC33" s="114">
        <v>26710</v>
      </c>
      <c r="AD33" s="114">
        <v>43617</v>
      </c>
      <c r="AE33" s="114">
        <v>0</v>
      </c>
      <c r="AF33" s="114">
        <v>0</v>
      </c>
      <c r="AG33" s="114">
        <v>62083</v>
      </c>
      <c r="AH33" s="113">
        <v>132410</v>
      </c>
      <c r="AI33" s="116">
        <v>132410</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14532</v>
      </c>
      <c r="AZ33" s="114">
        <v>55076</v>
      </c>
      <c r="BA33" s="114">
        <v>14532</v>
      </c>
      <c r="BB33" s="114">
        <v>0</v>
      </c>
      <c r="BC33" s="114">
        <v>0</v>
      </c>
      <c r="BD33" s="113">
        <v>84140</v>
      </c>
      <c r="BE33" s="116">
        <v>84140</v>
      </c>
      <c r="BF33" s="110">
        <v>0</v>
      </c>
      <c r="BG33" s="114">
        <v>0</v>
      </c>
      <c r="BH33" s="112">
        <v>0</v>
      </c>
      <c r="BI33" s="111">
        <v>0</v>
      </c>
      <c r="BJ33" s="114">
        <v>62092</v>
      </c>
      <c r="BK33" s="114">
        <v>0</v>
      </c>
      <c r="BL33" s="114">
        <v>0</v>
      </c>
      <c r="BM33" s="114">
        <v>0</v>
      </c>
      <c r="BN33" s="114">
        <v>0</v>
      </c>
      <c r="BO33" s="113">
        <v>62092</v>
      </c>
      <c r="BP33" s="116">
        <v>62092</v>
      </c>
      <c r="BQ33" s="110">
        <v>0</v>
      </c>
      <c r="BR33" s="114">
        <v>0</v>
      </c>
      <c r="BS33" s="113">
        <v>0</v>
      </c>
      <c r="BT33" s="110">
        <v>0</v>
      </c>
      <c r="BU33" s="114">
        <v>3619</v>
      </c>
      <c r="BV33" s="114">
        <v>15008</v>
      </c>
      <c r="BW33" s="114">
        <v>18312</v>
      </c>
      <c r="BX33" s="114">
        <v>8400</v>
      </c>
      <c r="BY33" s="114">
        <v>9051</v>
      </c>
      <c r="BZ33" s="113">
        <v>54390</v>
      </c>
      <c r="CA33" s="116">
        <v>54390</v>
      </c>
      <c r="CB33" s="110">
        <v>0</v>
      </c>
      <c r="CC33" s="114">
        <v>0</v>
      </c>
      <c r="CD33" s="113">
        <v>0</v>
      </c>
      <c r="CE33" s="110">
        <v>0</v>
      </c>
      <c r="CF33" s="114">
        <v>118816</v>
      </c>
      <c r="CG33" s="114">
        <v>57432</v>
      </c>
      <c r="CH33" s="114">
        <v>54411</v>
      </c>
      <c r="CI33" s="114">
        <v>84378</v>
      </c>
      <c r="CJ33" s="114">
        <v>80444</v>
      </c>
      <c r="CK33" s="113">
        <v>395481</v>
      </c>
      <c r="CL33" s="116">
        <v>395481</v>
      </c>
      <c r="CM33" s="110">
        <v>0</v>
      </c>
      <c r="CN33" s="114">
        <v>0</v>
      </c>
      <c r="CO33" s="113">
        <v>0</v>
      </c>
      <c r="CP33" s="111">
        <v>0</v>
      </c>
      <c r="CQ33" s="114">
        <v>42371</v>
      </c>
      <c r="CR33" s="114">
        <v>31423</v>
      </c>
      <c r="CS33" s="114">
        <v>0</v>
      </c>
      <c r="CT33" s="114">
        <v>84378</v>
      </c>
      <c r="CU33" s="114">
        <v>0</v>
      </c>
      <c r="CV33" s="113">
        <v>158172</v>
      </c>
      <c r="CW33" s="116">
        <v>158172</v>
      </c>
      <c r="CX33" s="110">
        <v>0</v>
      </c>
      <c r="CY33" s="114">
        <v>0</v>
      </c>
      <c r="CZ33" s="113">
        <v>0</v>
      </c>
      <c r="DA33" s="110">
        <v>0</v>
      </c>
      <c r="DB33" s="114">
        <v>76445</v>
      </c>
      <c r="DC33" s="114">
        <v>26009</v>
      </c>
      <c r="DD33" s="114">
        <v>54411</v>
      </c>
      <c r="DE33" s="114">
        <v>0</v>
      </c>
      <c r="DF33" s="114">
        <v>80444</v>
      </c>
      <c r="DG33" s="113">
        <v>237309</v>
      </c>
      <c r="DH33" s="116">
        <v>237309</v>
      </c>
      <c r="DI33" s="110">
        <v>0</v>
      </c>
      <c r="DJ33" s="114">
        <v>0</v>
      </c>
      <c r="DK33" s="112">
        <v>0</v>
      </c>
      <c r="DL33" s="111">
        <v>0</v>
      </c>
      <c r="DM33" s="114">
        <v>0</v>
      </c>
      <c r="DN33" s="114">
        <v>0</v>
      </c>
      <c r="DO33" s="114">
        <v>0</v>
      </c>
      <c r="DP33" s="114">
        <v>0</v>
      </c>
      <c r="DQ33" s="114">
        <v>0</v>
      </c>
      <c r="DR33" s="113">
        <v>0</v>
      </c>
      <c r="DS33" s="116">
        <v>0</v>
      </c>
      <c r="DT33" s="110">
        <v>0</v>
      </c>
      <c r="DU33" s="114">
        <v>0</v>
      </c>
      <c r="DV33" s="113">
        <v>0</v>
      </c>
      <c r="DW33" s="110">
        <v>0</v>
      </c>
      <c r="DX33" s="114">
        <v>0</v>
      </c>
      <c r="DY33" s="114">
        <v>0</v>
      </c>
      <c r="DZ33" s="114">
        <v>0</v>
      </c>
      <c r="EA33" s="114">
        <v>0</v>
      </c>
      <c r="EB33" s="114">
        <v>0</v>
      </c>
      <c r="EC33" s="113">
        <v>0</v>
      </c>
      <c r="ED33" s="116">
        <v>0</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4760</v>
      </c>
      <c r="FM33" s="114">
        <v>7700</v>
      </c>
      <c r="FN33" s="113">
        <v>12460</v>
      </c>
      <c r="FO33" s="110">
        <v>0</v>
      </c>
      <c r="FP33" s="114">
        <v>29050</v>
      </c>
      <c r="FQ33" s="114">
        <v>38626</v>
      </c>
      <c r="FR33" s="114">
        <v>7350</v>
      </c>
      <c r="FS33" s="114">
        <v>0</v>
      </c>
      <c r="FT33" s="114">
        <v>66500</v>
      </c>
      <c r="FU33" s="113">
        <v>141526</v>
      </c>
      <c r="FV33" s="116">
        <v>153986</v>
      </c>
      <c r="FW33" s="115">
        <v>4760</v>
      </c>
      <c r="FX33" s="114">
        <v>7700</v>
      </c>
      <c r="FY33" s="112">
        <v>12460</v>
      </c>
      <c r="FZ33" s="111">
        <v>0</v>
      </c>
      <c r="GA33" s="114">
        <v>29050</v>
      </c>
      <c r="GB33" s="114">
        <v>38626</v>
      </c>
      <c r="GC33" s="114">
        <v>7350</v>
      </c>
      <c r="GD33" s="114">
        <v>0</v>
      </c>
      <c r="GE33" s="114">
        <v>66500</v>
      </c>
      <c r="GF33" s="113">
        <v>141526</v>
      </c>
      <c r="GG33" s="318">
        <v>15398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0</v>
      </c>
      <c r="HI33" s="114">
        <v>0</v>
      </c>
      <c r="HJ33" s="114">
        <v>162327</v>
      </c>
      <c r="HK33" s="114">
        <v>181902</v>
      </c>
      <c r="HL33" s="114">
        <v>0</v>
      </c>
      <c r="HM33" s="113">
        <v>344229</v>
      </c>
      <c r="HN33" s="109">
        <v>344229</v>
      </c>
      <c r="HO33" s="328"/>
      <c r="HP33" s="329"/>
      <c r="HQ33" s="330"/>
      <c r="HR33" s="331"/>
      <c r="HS33" s="329"/>
      <c r="HT33" s="329"/>
      <c r="HU33" s="329"/>
      <c r="HV33" s="329"/>
      <c r="HW33" s="329"/>
      <c r="HX33" s="332"/>
      <c r="HY33" s="333"/>
      <c r="HZ33" s="131">
        <v>0</v>
      </c>
      <c r="IA33" s="132">
        <v>0</v>
      </c>
      <c r="IB33" s="133">
        <v>0</v>
      </c>
      <c r="IC33" s="146">
        <v>0</v>
      </c>
      <c r="ID33" s="132">
        <v>115472</v>
      </c>
      <c r="IE33" s="147">
        <v>28791</v>
      </c>
      <c r="IF33" s="133">
        <v>0</v>
      </c>
      <c r="IG33" s="132">
        <v>0</v>
      </c>
      <c r="IH33" s="133">
        <v>0</v>
      </c>
      <c r="II33" s="148">
        <v>144263</v>
      </c>
      <c r="IJ33" s="139">
        <v>144263</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15472</v>
      </c>
      <c r="JL33" s="119">
        <v>28791</v>
      </c>
      <c r="JM33" s="119">
        <v>0</v>
      </c>
      <c r="JN33" s="119">
        <v>0</v>
      </c>
      <c r="JO33" s="119">
        <v>0</v>
      </c>
      <c r="JP33" s="120">
        <v>144263</v>
      </c>
      <c r="JQ33" s="320">
        <v>144263</v>
      </c>
      <c r="JR33" s="142">
        <v>0</v>
      </c>
      <c r="JS33" s="119">
        <v>0</v>
      </c>
      <c r="JT33" s="141">
        <v>0</v>
      </c>
      <c r="JU33" s="118">
        <v>0</v>
      </c>
      <c r="JV33" s="119">
        <v>0</v>
      </c>
      <c r="JW33" s="119">
        <v>0</v>
      </c>
      <c r="JX33" s="119">
        <v>0</v>
      </c>
      <c r="JY33" s="119">
        <v>0</v>
      </c>
      <c r="JZ33" s="119">
        <v>0</v>
      </c>
      <c r="KA33" s="120">
        <v>0</v>
      </c>
      <c r="KB33" s="320">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20">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0</v>
      </c>
      <c r="MM33" s="119">
        <v>229918</v>
      </c>
      <c r="MN33" s="119">
        <v>248955</v>
      </c>
      <c r="MO33" s="120">
        <v>478873</v>
      </c>
      <c r="MP33" s="143">
        <v>478873</v>
      </c>
      <c r="MQ33" s="142">
        <v>0</v>
      </c>
      <c r="MR33" s="119">
        <v>0</v>
      </c>
      <c r="MS33" s="120">
        <v>0</v>
      </c>
      <c r="MT33" s="145"/>
      <c r="MU33" s="119">
        <v>0</v>
      </c>
      <c r="MV33" s="119">
        <v>0</v>
      </c>
      <c r="MW33" s="119">
        <v>0</v>
      </c>
      <c r="MX33" s="119">
        <v>229918</v>
      </c>
      <c r="MY33" s="119">
        <v>0</v>
      </c>
      <c r="MZ33" s="120">
        <v>229918</v>
      </c>
      <c r="NA33" s="143">
        <v>229918</v>
      </c>
      <c r="NB33" s="142">
        <v>0</v>
      </c>
      <c r="NC33" s="119">
        <v>0</v>
      </c>
      <c r="ND33" s="120">
        <v>0</v>
      </c>
      <c r="NE33" s="145"/>
      <c r="NF33" s="119">
        <v>0</v>
      </c>
      <c r="NG33" s="119">
        <v>0</v>
      </c>
      <c r="NH33" s="119">
        <v>0</v>
      </c>
      <c r="NI33" s="119">
        <v>0</v>
      </c>
      <c r="NJ33" s="119">
        <v>248955</v>
      </c>
      <c r="NK33" s="120">
        <v>248955</v>
      </c>
      <c r="NL33" s="320">
        <v>248955</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4760</v>
      </c>
      <c r="OJ33" s="119">
        <v>7700</v>
      </c>
      <c r="OK33" s="141">
        <v>12460</v>
      </c>
      <c r="OL33" s="118">
        <v>0</v>
      </c>
      <c r="OM33" s="119">
        <v>370291</v>
      </c>
      <c r="ON33" s="119">
        <v>238550</v>
      </c>
      <c r="OO33" s="119">
        <v>256932</v>
      </c>
      <c r="OP33" s="119">
        <v>504598</v>
      </c>
      <c r="OQ33" s="119">
        <v>467033</v>
      </c>
      <c r="OR33" s="120">
        <v>1837404</v>
      </c>
      <c r="OS33" s="143">
        <v>1849864</v>
      </c>
    </row>
    <row r="34" spans="2:409" ht="21" customHeight="1" x14ac:dyDescent="0.2">
      <c r="B34" s="126" t="s">
        <v>29</v>
      </c>
      <c r="C34" s="110">
        <v>3500</v>
      </c>
      <c r="D34" s="114">
        <v>2100</v>
      </c>
      <c r="E34" s="113">
        <v>5600</v>
      </c>
      <c r="F34" s="109">
        <v>0</v>
      </c>
      <c r="G34" s="114">
        <v>326726</v>
      </c>
      <c r="H34" s="114">
        <v>160300</v>
      </c>
      <c r="I34" s="114">
        <v>446224</v>
      </c>
      <c r="J34" s="114">
        <v>1093002</v>
      </c>
      <c r="K34" s="114">
        <v>350</v>
      </c>
      <c r="L34" s="173">
        <v>2026602</v>
      </c>
      <c r="M34" s="116">
        <v>2032202</v>
      </c>
      <c r="N34" s="110">
        <v>0</v>
      </c>
      <c r="O34" s="114">
        <v>0</v>
      </c>
      <c r="P34" s="113">
        <v>0</v>
      </c>
      <c r="Q34" s="110">
        <v>0</v>
      </c>
      <c r="R34" s="114">
        <v>40201</v>
      </c>
      <c r="S34" s="114">
        <v>97699</v>
      </c>
      <c r="T34" s="114">
        <v>303592</v>
      </c>
      <c r="U34" s="114">
        <v>445097</v>
      </c>
      <c r="V34" s="114">
        <v>0</v>
      </c>
      <c r="W34" s="113">
        <v>886589</v>
      </c>
      <c r="X34" s="116">
        <v>886589</v>
      </c>
      <c r="Y34" s="110">
        <v>0</v>
      </c>
      <c r="Z34" s="114">
        <v>0</v>
      </c>
      <c r="AA34" s="113">
        <v>0</v>
      </c>
      <c r="AB34" s="110">
        <v>0</v>
      </c>
      <c r="AC34" s="114">
        <v>29414</v>
      </c>
      <c r="AD34" s="114">
        <v>34013</v>
      </c>
      <c r="AE34" s="114">
        <v>45194</v>
      </c>
      <c r="AF34" s="114">
        <v>318012</v>
      </c>
      <c r="AG34" s="114">
        <v>0</v>
      </c>
      <c r="AH34" s="113">
        <v>426633</v>
      </c>
      <c r="AI34" s="116">
        <v>426633</v>
      </c>
      <c r="AJ34" s="110">
        <v>0</v>
      </c>
      <c r="AK34" s="114">
        <v>0</v>
      </c>
      <c r="AL34" s="113">
        <v>0</v>
      </c>
      <c r="AM34" s="110">
        <v>0</v>
      </c>
      <c r="AN34" s="114">
        <v>0</v>
      </c>
      <c r="AO34" s="114">
        <v>0</v>
      </c>
      <c r="AP34" s="114">
        <v>0</v>
      </c>
      <c r="AQ34" s="114">
        <v>0</v>
      </c>
      <c r="AR34" s="114">
        <v>0</v>
      </c>
      <c r="AS34" s="113">
        <v>0</v>
      </c>
      <c r="AT34" s="116">
        <v>0</v>
      </c>
      <c r="AU34" s="110">
        <v>0</v>
      </c>
      <c r="AV34" s="114">
        <v>0</v>
      </c>
      <c r="AW34" s="113">
        <v>0</v>
      </c>
      <c r="AX34" s="110">
        <v>0</v>
      </c>
      <c r="AY34" s="114">
        <v>0</v>
      </c>
      <c r="AZ34" s="114">
        <v>36918</v>
      </c>
      <c r="BA34" s="114">
        <v>118881</v>
      </c>
      <c r="BB34" s="114">
        <v>0</v>
      </c>
      <c r="BC34" s="114">
        <v>0</v>
      </c>
      <c r="BD34" s="113">
        <v>155799</v>
      </c>
      <c r="BE34" s="116">
        <v>155799</v>
      </c>
      <c r="BF34" s="110">
        <v>0</v>
      </c>
      <c r="BG34" s="114">
        <v>0</v>
      </c>
      <c r="BH34" s="112">
        <v>0</v>
      </c>
      <c r="BI34" s="111">
        <v>0</v>
      </c>
      <c r="BJ34" s="114">
        <v>0</v>
      </c>
      <c r="BK34" s="114">
        <v>26768</v>
      </c>
      <c r="BL34" s="114">
        <v>107072</v>
      </c>
      <c r="BM34" s="114">
        <v>88928</v>
      </c>
      <c r="BN34" s="114">
        <v>0</v>
      </c>
      <c r="BO34" s="113">
        <v>222768</v>
      </c>
      <c r="BP34" s="116">
        <v>222768</v>
      </c>
      <c r="BQ34" s="110">
        <v>0</v>
      </c>
      <c r="BR34" s="114">
        <v>0</v>
      </c>
      <c r="BS34" s="113">
        <v>0</v>
      </c>
      <c r="BT34" s="110">
        <v>0</v>
      </c>
      <c r="BU34" s="114">
        <v>10787</v>
      </c>
      <c r="BV34" s="114">
        <v>0</v>
      </c>
      <c r="BW34" s="114">
        <v>32445</v>
      </c>
      <c r="BX34" s="114">
        <v>38157</v>
      </c>
      <c r="BY34" s="114">
        <v>0</v>
      </c>
      <c r="BZ34" s="113">
        <v>81389</v>
      </c>
      <c r="CA34" s="116">
        <v>81389</v>
      </c>
      <c r="CB34" s="110">
        <v>0</v>
      </c>
      <c r="CC34" s="114">
        <v>0</v>
      </c>
      <c r="CD34" s="113">
        <v>0</v>
      </c>
      <c r="CE34" s="110">
        <v>0</v>
      </c>
      <c r="CF34" s="114">
        <v>124465</v>
      </c>
      <c r="CG34" s="114">
        <v>45017</v>
      </c>
      <c r="CH34" s="114">
        <v>40362</v>
      </c>
      <c r="CI34" s="114">
        <v>70665</v>
      </c>
      <c r="CJ34" s="114">
        <v>0</v>
      </c>
      <c r="CK34" s="113">
        <v>280509</v>
      </c>
      <c r="CL34" s="116">
        <v>280509</v>
      </c>
      <c r="CM34" s="110">
        <v>0</v>
      </c>
      <c r="CN34" s="114">
        <v>0</v>
      </c>
      <c r="CO34" s="113">
        <v>0</v>
      </c>
      <c r="CP34" s="111">
        <v>0</v>
      </c>
      <c r="CQ34" s="114">
        <v>61915</v>
      </c>
      <c r="CR34" s="114">
        <v>0</v>
      </c>
      <c r="CS34" s="114">
        <v>24899</v>
      </c>
      <c r="CT34" s="114">
        <v>0</v>
      </c>
      <c r="CU34" s="114">
        <v>0</v>
      </c>
      <c r="CV34" s="113">
        <v>86814</v>
      </c>
      <c r="CW34" s="116">
        <v>86814</v>
      </c>
      <c r="CX34" s="110">
        <v>0</v>
      </c>
      <c r="CY34" s="114">
        <v>0</v>
      </c>
      <c r="CZ34" s="113">
        <v>0</v>
      </c>
      <c r="DA34" s="110">
        <v>0</v>
      </c>
      <c r="DB34" s="114">
        <v>62550</v>
      </c>
      <c r="DC34" s="114">
        <v>45017</v>
      </c>
      <c r="DD34" s="114">
        <v>15463</v>
      </c>
      <c r="DE34" s="114">
        <v>70665</v>
      </c>
      <c r="DF34" s="114">
        <v>0</v>
      </c>
      <c r="DG34" s="113">
        <v>193695</v>
      </c>
      <c r="DH34" s="116">
        <v>193695</v>
      </c>
      <c r="DI34" s="110">
        <v>0</v>
      </c>
      <c r="DJ34" s="114">
        <v>0</v>
      </c>
      <c r="DK34" s="112">
        <v>0</v>
      </c>
      <c r="DL34" s="111">
        <v>0</v>
      </c>
      <c r="DM34" s="114">
        <v>0</v>
      </c>
      <c r="DN34" s="114">
        <v>15484</v>
      </c>
      <c r="DO34" s="114">
        <v>0</v>
      </c>
      <c r="DP34" s="114">
        <v>0</v>
      </c>
      <c r="DQ34" s="114">
        <v>0</v>
      </c>
      <c r="DR34" s="113">
        <v>15484</v>
      </c>
      <c r="DS34" s="116">
        <v>15484</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0</v>
      </c>
      <c r="EJ34" s="114">
        <v>15484</v>
      </c>
      <c r="EK34" s="114">
        <v>0</v>
      </c>
      <c r="EL34" s="114">
        <v>0</v>
      </c>
      <c r="EM34" s="114">
        <v>0</v>
      </c>
      <c r="EN34" s="112">
        <v>15484</v>
      </c>
      <c r="EO34" s="116">
        <v>15484</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3500</v>
      </c>
      <c r="FM34" s="114">
        <v>2100</v>
      </c>
      <c r="FN34" s="113">
        <v>5600</v>
      </c>
      <c r="FO34" s="110">
        <v>0</v>
      </c>
      <c r="FP34" s="114">
        <v>32900</v>
      </c>
      <c r="FQ34" s="114">
        <v>2100</v>
      </c>
      <c r="FR34" s="114">
        <v>102270</v>
      </c>
      <c r="FS34" s="114">
        <v>86640</v>
      </c>
      <c r="FT34" s="114">
        <v>350</v>
      </c>
      <c r="FU34" s="113">
        <v>224260</v>
      </c>
      <c r="FV34" s="116">
        <v>229860</v>
      </c>
      <c r="FW34" s="115">
        <v>3500</v>
      </c>
      <c r="FX34" s="114">
        <v>2100</v>
      </c>
      <c r="FY34" s="112">
        <v>5600</v>
      </c>
      <c r="FZ34" s="111">
        <v>0</v>
      </c>
      <c r="GA34" s="114">
        <v>32900</v>
      </c>
      <c r="GB34" s="114">
        <v>2100</v>
      </c>
      <c r="GC34" s="114">
        <v>102270</v>
      </c>
      <c r="GD34" s="114">
        <v>86640</v>
      </c>
      <c r="GE34" s="114">
        <v>350</v>
      </c>
      <c r="GF34" s="113">
        <v>224260</v>
      </c>
      <c r="GG34" s="318">
        <v>229860</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129160</v>
      </c>
      <c r="HI34" s="114">
        <v>0</v>
      </c>
      <c r="HJ34" s="114">
        <v>0</v>
      </c>
      <c r="HK34" s="114">
        <v>490600</v>
      </c>
      <c r="HL34" s="114">
        <v>0</v>
      </c>
      <c r="HM34" s="113">
        <v>619760</v>
      </c>
      <c r="HN34" s="109">
        <v>619760</v>
      </c>
      <c r="HO34" s="328"/>
      <c r="HP34" s="329"/>
      <c r="HQ34" s="330"/>
      <c r="HR34" s="331"/>
      <c r="HS34" s="329"/>
      <c r="HT34" s="329"/>
      <c r="HU34" s="329"/>
      <c r="HV34" s="329"/>
      <c r="HW34" s="329"/>
      <c r="HX34" s="332"/>
      <c r="HY34" s="333"/>
      <c r="HZ34" s="150">
        <v>0</v>
      </c>
      <c r="IA34" s="135">
        <v>0</v>
      </c>
      <c r="IB34" s="150">
        <v>0</v>
      </c>
      <c r="IC34" s="134">
        <v>0</v>
      </c>
      <c r="ID34" s="135">
        <v>330036</v>
      </c>
      <c r="IE34" s="136">
        <v>16487</v>
      </c>
      <c r="IF34" s="137">
        <v>297724</v>
      </c>
      <c r="IG34" s="135">
        <v>216853</v>
      </c>
      <c r="IH34" s="137">
        <v>0</v>
      </c>
      <c r="II34" s="138">
        <v>861100</v>
      </c>
      <c r="IJ34" s="150">
        <v>861100</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0</v>
      </c>
      <c r="JL34" s="119">
        <v>16487</v>
      </c>
      <c r="JM34" s="119">
        <v>0</v>
      </c>
      <c r="JN34" s="119">
        <v>0</v>
      </c>
      <c r="JO34" s="119">
        <v>0</v>
      </c>
      <c r="JP34" s="120">
        <v>16487</v>
      </c>
      <c r="JQ34" s="320">
        <v>16487</v>
      </c>
      <c r="JR34" s="142">
        <v>0</v>
      </c>
      <c r="JS34" s="119">
        <v>0</v>
      </c>
      <c r="JT34" s="141">
        <v>0</v>
      </c>
      <c r="JU34" s="118">
        <v>0</v>
      </c>
      <c r="JV34" s="119">
        <v>0</v>
      </c>
      <c r="JW34" s="119">
        <v>0</v>
      </c>
      <c r="JX34" s="119">
        <v>90811</v>
      </c>
      <c r="JY34" s="119">
        <v>0</v>
      </c>
      <c r="JZ34" s="119">
        <v>0</v>
      </c>
      <c r="KA34" s="120">
        <v>90811</v>
      </c>
      <c r="KB34" s="320">
        <v>90811</v>
      </c>
      <c r="KC34" s="234">
        <v>0</v>
      </c>
      <c r="KD34" s="230">
        <v>0</v>
      </c>
      <c r="KE34" s="120">
        <v>0</v>
      </c>
      <c r="KF34" s="118">
        <v>0</v>
      </c>
      <c r="KG34" s="119">
        <v>330036</v>
      </c>
      <c r="KH34" s="119">
        <v>0</v>
      </c>
      <c r="KI34" s="119">
        <v>206913</v>
      </c>
      <c r="KJ34" s="119">
        <v>0</v>
      </c>
      <c r="KK34" s="119">
        <v>0</v>
      </c>
      <c r="KL34" s="120">
        <v>536949</v>
      </c>
      <c r="KM34" s="143">
        <v>536949</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16853</v>
      </c>
      <c r="LR34" s="119">
        <v>0</v>
      </c>
      <c r="LS34" s="120">
        <v>216853</v>
      </c>
      <c r="LT34" s="320">
        <v>216853</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191965</v>
      </c>
      <c r="MM34" s="119">
        <v>239479</v>
      </c>
      <c r="MN34" s="119">
        <v>0</v>
      </c>
      <c r="MO34" s="120">
        <v>431444</v>
      </c>
      <c r="MP34" s="143">
        <v>431444</v>
      </c>
      <c r="MQ34" s="142">
        <v>0</v>
      </c>
      <c r="MR34" s="119">
        <v>0</v>
      </c>
      <c r="MS34" s="120">
        <v>0</v>
      </c>
      <c r="MT34" s="145"/>
      <c r="MU34" s="119">
        <v>0</v>
      </c>
      <c r="MV34" s="119">
        <v>0</v>
      </c>
      <c r="MW34" s="119">
        <v>142611</v>
      </c>
      <c r="MX34" s="119">
        <v>0</v>
      </c>
      <c r="MY34" s="119">
        <v>0</v>
      </c>
      <c r="MZ34" s="120">
        <v>142611</v>
      </c>
      <c r="NA34" s="143">
        <v>142611</v>
      </c>
      <c r="NB34" s="142">
        <v>0</v>
      </c>
      <c r="NC34" s="119">
        <v>0</v>
      </c>
      <c r="ND34" s="120">
        <v>0</v>
      </c>
      <c r="NE34" s="145"/>
      <c r="NF34" s="119">
        <v>0</v>
      </c>
      <c r="NG34" s="119">
        <v>0</v>
      </c>
      <c r="NH34" s="119">
        <v>49354</v>
      </c>
      <c r="NI34" s="119">
        <v>239479</v>
      </c>
      <c r="NJ34" s="119">
        <v>0</v>
      </c>
      <c r="NK34" s="120">
        <v>288833</v>
      </c>
      <c r="NL34" s="320">
        <v>288833</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3500</v>
      </c>
      <c r="OJ34" s="119">
        <v>2100</v>
      </c>
      <c r="OK34" s="141">
        <v>5600</v>
      </c>
      <c r="OL34" s="118">
        <v>0</v>
      </c>
      <c r="OM34" s="119">
        <v>656762</v>
      </c>
      <c r="ON34" s="119">
        <v>176787</v>
      </c>
      <c r="OO34" s="119">
        <v>935913</v>
      </c>
      <c r="OP34" s="119">
        <v>1549334</v>
      </c>
      <c r="OQ34" s="119">
        <v>350</v>
      </c>
      <c r="OR34" s="120">
        <v>3319146</v>
      </c>
      <c r="OS34" s="143">
        <v>3324746</v>
      </c>
    </row>
    <row r="35" spans="2:409" ht="21" customHeight="1" x14ac:dyDescent="0.2">
      <c r="B35" s="126" t="s">
        <v>30</v>
      </c>
      <c r="C35" s="110">
        <v>139930</v>
      </c>
      <c r="D35" s="114">
        <v>4200</v>
      </c>
      <c r="E35" s="174">
        <v>144130</v>
      </c>
      <c r="F35" s="175">
        <v>0</v>
      </c>
      <c r="G35" s="176">
        <v>379778</v>
      </c>
      <c r="H35" s="176">
        <v>214613</v>
      </c>
      <c r="I35" s="176">
        <v>205787</v>
      </c>
      <c r="J35" s="176">
        <v>105070</v>
      </c>
      <c r="K35" s="176">
        <v>0</v>
      </c>
      <c r="L35" s="177">
        <v>905248</v>
      </c>
      <c r="M35" s="116">
        <v>1049378</v>
      </c>
      <c r="N35" s="110">
        <v>0</v>
      </c>
      <c r="O35" s="114">
        <v>0</v>
      </c>
      <c r="P35" s="113">
        <v>0</v>
      </c>
      <c r="Q35" s="110">
        <v>0</v>
      </c>
      <c r="R35" s="114">
        <v>72954</v>
      </c>
      <c r="S35" s="114">
        <v>5705</v>
      </c>
      <c r="T35" s="114">
        <v>198577</v>
      </c>
      <c r="U35" s="114">
        <v>66780</v>
      </c>
      <c r="V35" s="114">
        <v>0</v>
      </c>
      <c r="W35" s="113">
        <v>344016</v>
      </c>
      <c r="X35" s="116">
        <v>344016</v>
      </c>
      <c r="Y35" s="110">
        <v>0</v>
      </c>
      <c r="Z35" s="114">
        <v>0</v>
      </c>
      <c r="AA35" s="113">
        <v>0</v>
      </c>
      <c r="AB35" s="110">
        <v>0</v>
      </c>
      <c r="AC35" s="114">
        <v>32466</v>
      </c>
      <c r="AD35" s="114">
        <v>0</v>
      </c>
      <c r="AE35" s="114">
        <v>178823</v>
      </c>
      <c r="AF35" s="114">
        <v>0</v>
      </c>
      <c r="AG35" s="114">
        <v>0</v>
      </c>
      <c r="AH35" s="113">
        <v>211289</v>
      </c>
      <c r="AI35" s="116">
        <v>211289</v>
      </c>
      <c r="AJ35" s="110">
        <v>0</v>
      </c>
      <c r="AK35" s="114">
        <v>0</v>
      </c>
      <c r="AL35" s="113">
        <v>0</v>
      </c>
      <c r="AM35" s="110">
        <v>0</v>
      </c>
      <c r="AN35" s="114">
        <v>0</v>
      </c>
      <c r="AO35" s="114">
        <v>0</v>
      </c>
      <c r="AP35" s="114">
        <v>0</v>
      </c>
      <c r="AQ35" s="114">
        <v>37856</v>
      </c>
      <c r="AR35" s="114">
        <v>0</v>
      </c>
      <c r="AS35" s="113">
        <v>37856</v>
      </c>
      <c r="AT35" s="116">
        <v>37856</v>
      </c>
      <c r="AU35" s="110">
        <v>0</v>
      </c>
      <c r="AV35" s="114">
        <v>0</v>
      </c>
      <c r="AW35" s="113">
        <v>0</v>
      </c>
      <c r="AX35" s="110">
        <v>0</v>
      </c>
      <c r="AY35" s="114">
        <v>20678</v>
      </c>
      <c r="AZ35" s="114">
        <v>0</v>
      </c>
      <c r="BA35" s="114">
        <v>0</v>
      </c>
      <c r="BB35" s="114">
        <v>28924</v>
      </c>
      <c r="BC35" s="114">
        <v>0</v>
      </c>
      <c r="BD35" s="113">
        <v>49602</v>
      </c>
      <c r="BE35" s="116">
        <v>49602</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9810</v>
      </c>
      <c r="BV35" s="114">
        <v>5705</v>
      </c>
      <c r="BW35" s="114">
        <v>19754</v>
      </c>
      <c r="BX35" s="114">
        <v>0</v>
      </c>
      <c r="BY35" s="114">
        <v>0</v>
      </c>
      <c r="BZ35" s="113">
        <v>45269</v>
      </c>
      <c r="CA35" s="116">
        <v>45269</v>
      </c>
      <c r="CB35" s="110">
        <v>0</v>
      </c>
      <c r="CC35" s="114">
        <v>0</v>
      </c>
      <c r="CD35" s="113">
        <v>0</v>
      </c>
      <c r="CE35" s="110">
        <v>0</v>
      </c>
      <c r="CF35" s="114">
        <v>30996</v>
      </c>
      <c r="CG35" s="114">
        <v>171164</v>
      </c>
      <c r="CH35" s="114">
        <v>0</v>
      </c>
      <c r="CI35" s="114">
        <v>0</v>
      </c>
      <c r="CJ35" s="114">
        <v>0</v>
      </c>
      <c r="CK35" s="113">
        <v>202160</v>
      </c>
      <c r="CL35" s="116">
        <v>202160</v>
      </c>
      <c r="CM35" s="110">
        <v>0</v>
      </c>
      <c r="CN35" s="114">
        <v>0</v>
      </c>
      <c r="CO35" s="113">
        <v>0</v>
      </c>
      <c r="CP35" s="111">
        <v>0</v>
      </c>
      <c r="CQ35" s="114">
        <v>30996</v>
      </c>
      <c r="CR35" s="114">
        <v>68311</v>
      </c>
      <c r="CS35" s="114">
        <v>0</v>
      </c>
      <c r="CT35" s="114">
        <v>0</v>
      </c>
      <c r="CU35" s="114">
        <v>0</v>
      </c>
      <c r="CV35" s="113">
        <v>99307</v>
      </c>
      <c r="CW35" s="116">
        <v>99307</v>
      </c>
      <c r="CX35" s="110">
        <v>0</v>
      </c>
      <c r="CY35" s="114">
        <v>0</v>
      </c>
      <c r="CZ35" s="113">
        <v>0</v>
      </c>
      <c r="DA35" s="110">
        <v>0</v>
      </c>
      <c r="DB35" s="114">
        <v>0</v>
      </c>
      <c r="DC35" s="114">
        <v>102853</v>
      </c>
      <c r="DD35" s="114">
        <v>0</v>
      </c>
      <c r="DE35" s="114">
        <v>0</v>
      </c>
      <c r="DF35" s="114">
        <v>0</v>
      </c>
      <c r="DG35" s="113">
        <v>102853</v>
      </c>
      <c r="DH35" s="116">
        <v>102853</v>
      </c>
      <c r="DI35" s="110">
        <v>0</v>
      </c>
      <c r="DJ35" s="114">
        <v>0</v>
      </c>
      <c r="DK35" s="112">
        <v>0</v>
      </c>
      <c r="DL35" s="111">
        <v>0</v>
      </c>
      <c r="DM35" s="114">
        <v>13034</v>
      </c>
      <c r="DN35" s="114">
        <v>0</v>
      </c>
      <c r="DO35" s="114">
        <v>0</v>
      </c>
      <c r="DP35" s="114">
        <v>0</v>
      </c>
      <c r="DQ35" s="114">
        <v>0</v>
      </c>
      <c r="DR35" s="113">
        <v>13034</v>
      </c>
      <c r="DS35" s="116">
        <v>13034</v>
      </c>
      <c r="DT35" s="110">
        <v>0</v>
      </c>
      <c r="DU35" s="114">
        <v>0</v>
      </c>
      <c r="DV35" s="113">
        <v>0</v>
      </c>
      <c r="DW35" s="110">
        <v>0</v>
      </c>
      <c r="DX35" s="114">
        <v>13034</v>
      </c>
      <c r="DY35" s="114">
        <v>0</v>
      </c>
      <c r="DZ35" s="114">
        <v>0</v>
      </c>
      <c r="EA35" s="114">
        <v>0</v>
      </c>
      <c r="EB35" s="114">
        <v>0</v>
      </c>
      <c r="EC35" s="113">
        <v>13034</v>
      </c>
      <c r="ED35" s="116">
        <v>13034</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139930</v>
      </c>
      <c r="FM35" s="114">
        <v>4200</v>
      </c>
      <c r="FN35" s="113">
        <v>144130</v>
      </c>
      <c r="FO35" s="110">
        <v>0</v>
      </c>
      <c r="FP35" s="114">
        <v>0</v>
      </c>
      <c r="FQ35" s="114">
        <v>37744</v>
      </c>
      <c r="FR35" s="114">
        <v>7210</v>
      </c>
      <c r="FS35" s="114">
        <v>38290</v>
      </c>
      <c r="FT35" s="114">
        <v>0</v>
      </c>
      <c r="FU35" s="113">
        <v>83244</v>
      </c>
      <c r="FV35" s="116">
        <v>227374</v>
      </c>
      <c r="FW35" s="115">
        <v>33670</v>
      </c>
      <c r="FX35" s="114">
        <v>4200</v>
      </c>
      <c r="FY35" s="112">
        <v>37870</v>
      </c>
      <c r="FZ35" s="111">
        <v>0</v>
      </c>
      <c r="GA35" s="114">
        <v>0</v>
      </c>
      <c r="GB35" s="114">
        <v>37744</v>
      </c>
      <c r="GC35" s="114">
        <v>7210</v>
      </c>
      <c r="GD35" s="114">
        <v>38290</v>
      </c>
      <c r="GE35" s="114">
        <v>0</v>
      </c>
      <c r="GF35" s="113">
        <v>83244</v>
      </c>
      <c r="GG35" s="318">
        <v>121114</v>
      </c>
      <c r="GH35" s="115">
        <v>33600</v>
      </c>
      <c r="GI35" s="114">
        <v>0</v>
      </c>
      <c r="GJ35" s="112">
        <v>33600</v>
      </c>
      <c r="GK35" s="111">
        <v>0</v>
      </c>
      <c r="GL35" s="114">
        <v>0</v>
      </c>
      <c r="GM35" s="114">
        <v>0</v>
      </c>
      <c r="GN35" s="114">
        <v>0</v>
      </c>
      <c r="GO35" s="114">
        <v>0</v>
      </c>
      <c r="GP35" s="114">
        <v>0</v>
      </c>
      <c r="GQ35" s="113">
        <v>0</v>
      </c>
      <c r="GR35" s="116">
        <v>33600</v>
      </c>
      <c r="GS35" s="110">
        <v>72660</v>
      </c>
      <c r="GT35" s="114">
        <v>0</v>
      </c>
      <c r="GU35" s="113">
        <v>72660</v>
      </c>
      <c r="GV35" s="110">
        <v>0</v>
      </c>
      <c r="GW35" s="114">
        <v>0</v>
      </c>
      <c r="GX35" s="114">
        <v>0</v>
      </c>
      <c r="GY35" s="114">
        <v>0</v>
      </c>
      <c r="GZ35" s="114">
        <v>0</v>
      </c>
      <c r="HA35" s="114">
        <v>0</v>
      </c>
      <c r="HB35" s="112">
        <v>0</v>
      </c>
      <c r="HC35" s="116">
        <v>72660</v>
      </c>
      <c r="HD35" s="110">
        <v>0</v>
      </c>
      <c r="HE35" s="114">
        <v>0</v>
      </c>
      <c r="HF35" s="112">
        <v>0</v>
      </c>
      <c r="HG35" s="111">
        <v>0</v>
      </c>
      <c r="HH35" s="114">
        <v>262794</v>
      </c>
      <c r="HI35" s="114">
        <v>0</v>
      </c>
      <c r="HJ35" s="114">
        <v>0</v>
      </c>
      <c r="HK35" s="114">
        <v>0</v>
      </c>
      <c r="HL35" s="114">
        <v>0</v>
      </c>
      <c r="HM35" s="113">
        <v>262794</v>
      </c>
      <c r="HN35" s="109">
        <v>262794</v>
      </c>
      <c r="HO35" s="328"/>
      <c r="HP35" s="329"/>
      <c r="HQ35" s="330"/>
      <c r="HR35" s="331"/>
      <c r="HS35" s="329"/>
      <c r="HT35" s="329"/>
      <c r="HU35" s="329"/>
      <c r="HV35" s="329"/>
      <c r="HW35" s="329"/>
      <c r="HX35" s="332"/>
      <c r="HY35" s="333"/>
      <c r="HZ35" s="131">
        <v>0</v>
      </c>
      <c r="IA35" s="132">
        <v>0</v>
      </c>
      <c r="IB35" s="133">
        <v>0</v>
      </c>
      <c r="IC35" s="146">
        <v>0</v>
      </c>
      <c r="ID35" s="132">
        <v>44366</v>
      </c>
      <c r="IE35" s="147">
        <v>46158</v>
      </c>
      <c r="IF35" s="133">
        <v>0</v>
      </c>
      <c r="IG35" s="132">
        <v>64953</v>
      </c>
      <c r="IH35" s="133">
        <v>0</v>
      </c>
      <c r="II35" s="148">
        <v>155477</v>
      </c>
      <c r="IJ35" s="139">
        <v>155477</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44366</v>
      </c>
      <c r="JL35" s="119">
        <v>0</v>
      </c>
      <c r="JM35" s="119">
        <v>0</v>
      </c>
      <c r="JN35" s="119">
        <v>64953</v>
      </c>
      <c r="JO35" s="119">
        <v>0</v>
      </c>
      <c r="JP35" s="120">
        <v>109319</v>
      </c>
      <c r="JQ35" s="320">
        <v>109319</v>
      </c>
      <c r="JR35" s="142">
        <v>0</v>
      </c>
      <c r="JS35" s="119">
        <v>0</v>
      </c>
      <c r="JT35" s="141">
        <v>0</v>
      </c>
      <c r="JU35" s="118">
        <v>0</v>
      </c>
      <c r="JV35" s="119">
        <v>0</v>
      </c>
      <c r="JW35" s="119">
        <v>46158</v>
      </c>
      <c r="JX35" s="119">
        <v>0</v>
      </c>
      <c r="JY35" s="119">
        <v>0</v>
      </c>
      <c r="JZ35" s="119">
        <v>0</v>
      </c>
      <c r="KA35" s="120">
        <v>46158</v>
      </c>
      <c r="KB35" s="320">
        <v>46158</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0</v>
      </c>
      <c r="KV35" s="119">
        <v>0</v>
      </c>
      <c r="KW35" s="120">
        <v>0</v>
      </c>
      <c r="KX35" s="320">
        <v>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2823</v>
      </c>
      <c r="MK35" s="119">
        <v>0</v>
      </c>
      <c r="ML35" s="119">
        <v>203728</v>
      </c>
      <c r="MM35" s="119">
        <v>430439</v>
      </c>
      <c r="MN35" s="119">
        <v>247275</v>
      </c>
      <c r="MO35" s="120">
        <v>1054265</v>
      </c>
      <c r="MP35" s="143">
        <v>1054265</v>
      </c>
      <c r="MQ35" s="142">
        <v>0</v>
      </c>
      <c r="MR35" s="119">
        <v>0</v>
      </c>
      <c r="MS35" s="120">
        <v>0</v>
      </c>
      <c r="MT35" s="145"/>
      <c r="MU35" s="119">
        <v>0</v>
      </c>
      <c r="MV35" s="119">
        <v>0</v>
      </c>
      <c r="MW35" s="119">
        <v>203728</v>
      </c>
      <c r="MX35" s="119">
        <v>199766</v>
      </c>
      <c r="MY35" s="119">
        <v>0</v>
      </c>
      <c r="MZ35" s="120">
        <v>403494</v>
      </c>
      <c r="NA35" s="143">
        <v>403494</v>
      </c>
      <c r="NB35" s="142">
        <v>0</v>
      </c>
      <c r="NC35" s="119">
        <v>0</v>
      </c>
      <c r="ND35" s="120">
        <v>0</v>
      </c>
      <c r="NE35" s="145"/>
      <c r="NF35" s="119">
        <v>172823</v>
      </c>
      <c r="NG35" s="119">
        <v>0</v>
      </c>
      <c r="NH35" s="119">
        <v>0</v>
      </c>
      <c r="NI35" s="119">
        <v>230673</v>
      </c>
      <c r="NJ35" s="119">
        <v>247275</v>
      </c>
      <c r="NK35" s="120">
        <v>650771</v>
      </c>
      <c r="NL35" s="320">
        <v>650771</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139930</v>
      </c>
      <c r="OJ35" s="119">
        <v>4200</v>
      </c>
      <c r="OK35" s="141">
        <v>144130</v>
      </c>
      <c r="OL35" s="118">
        <v>0</v>
      </c>
      <c r="OM35" s="119">
        <v>596967</v>
      </c>
      <c r="ON35" s="119">
        <v>260771</v>
      </c>
      <c r="OO35" s="119">
        <v>409515</v>
      </c>
      <c r="OP35" s="119">
        <v>600462</v>
      </c>
      <c r="OQ35" s="119">
        <v>247275</v>
      </c>
      <c r="OR35" s="120">
        <v>2114990</v>
      </c>
      <c r="OS35" s="143">
        <v>2259120</v>
      </c>
    </row>
    <row r="36" spans="2:409" ht="21" customHeight="1" x14ac:dyDescent="0.2">
      <c r="B36" s="126" t="s">
        <v>31</v>
      </c>
      <c r="C36" s="110">
        <v>8400</v>
      </c>
      <c r="D36" s="114">
        <v>0</v>
      </c>
      <c r="E36" s="113">
        <v>8400</v>
      </c>
      <c r="F36" s="109">
        <v>0</v>
      </c>
      <c r="G36" s="114">
        <v>146459</v>
      </c>
      <c r="H36" s="114">
        <v>243348</v>
      </c>
      <c r="I36" s="114">
        <v>237598</v>
      </c>
      <c r="J36" s="114">
        <v>179275</v>
      </c>
      <c r="K36" s="114">
        <v>712806</v>
      </c>
      <c r="L36" s="173">
        <v>1519486</v>
      </c>
      <c r="M36" s="116">
        <v>1527886</v>
      </c>
      <c r="N36" s="110">
        <v>0</v>
      </c>
      <c r="O36" s="114">
        <v>0</v>
      </c>
      <c r="P36" s="113">
        <v>0</v>
      </c>
      <c r="Q36" s="110">
        <v>0</v>
      </c>
      <c r="R36" s="114">
        <v>6013</v>
      </c>
      <c r="S36" s="114">
        <v>34909</v>
      </c>
      <c r="T36" s="114">
        <v>0</v>
      </c>
      <c r="U36" s="114">
        <v>31024</v>
      </c>
      <c r="V36" s="114">
        <v>473770</v>
      </c>
      <c r="W36" s="113">
        <v>545716</v>
      </c>
      <c r="X36" s="116">
        <v>545716</v>
      </c>
      <c r="Y36" s="110">
        <v>0</v>
      </c>
      <c r="Z36" s="114">
        <v>0</v>
      </c>
      <c r="AA36" s="113">
        <v>0</v>
      </c>
      <c r="AB36" s="110">
        <v>0</v>
      </c>
      <c r="AC36" s="114">
        <v>0</v>
      </c>
      <c r="AD36" s="114">
        <v>0</v>
      </c>
      <c r="AE36" s="114">
        <v>0</v>
      </c>
      <c r="AF36" s="114">
        <v>0</v>
      </c>
      <c r="AG36" s="114">
        <v>311216</v>
      </c>
      <c r="AH36" s="113">
        <v>311216</v>
      </c>
      <c r="AI36" s="116">
        <v>311216</v>
      </c>
      <c r="AJ36" s="110">
        <v>0</v>
      </c>
      <c r="AK36" s="114">
        <v>0</v>
      </c>
      <c r="AL36" s="113">
        <v>0</v>
      </c>
      <c r="AM36" s="110">
        <v>0</v>
      </c>
      <c r="AN36" s="114">
        <v>0</v>
      </c>
      <c r="AO36" s="114">
        <v>0</v>
      </c>
      <c r="AP36" s="114">
        <v>0</v>
      </c>
      <c r="AQ36" s="114">
        <v>0</v>
      </c>
      <c r="AR36" s="114">
        <v>85176</v>
      </c>
      <c r="AS36" s="113">
        <v>85176</v>
      </c>
      <c r="AT36" s="116">
        <v>85176</v>
      </c>
      <c r="AU36" s="110">
        <v>0</v>
      </c>
      <c r="AV36" s="114">
        <v>0</v>
      </c>
      <c r="AW36" s="113">
        <v>0</v>
      </c>
      <c r="AX36" s="110">
        <v>0</v>
      </c>
      <c r="AY36" s="114">
        <v>0</v>
      </c>
      <c r="AZ36" s="114">
        <v>22883</v>
      </c>
      <c r="BA36" s="114">
        <v>0</v>
      </c>
      <c r="BB36" s="114">
        <v>31024</v>
      </c>
      <c r="BC36" s="114">
        <v>65142</v>
      </c>
      <c r="BD36" s="113">
        <v>119049</v>
      </c>
      <c r="BE36" s="116">
        <v>119049</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6013</v>
      </c>
      <c r="BV36" s="114">
        <v>12026</v>
      </c>
      <c r="BW36" s="114">
        <v>0</v>
      </c>
      <c r="BX36" s="114">
        <v>0</v>
      </c>
      <c r="BY36" s="114">
        <v>12236</v>
      </c>
      <c r="BZ36" s="113">
        <v>30275</v>
      </c>
      <c r="CA36" s="116">
        <v>30275</v>
      </c>
      <c r="CB36" s="110">
        <v>0</v>
      </c>
      <c r="CC36" s="114">
        <v>0</v>
      </c>
      <c r="CD36" s="113">
        <v>0</v>
      </c>
      <c r="CE36" s="110">
        <v>0</v>
      </c>
      <c r="CF36" s="114">
        <v>0</v>
      </c>
      <c r="CG36" s="114">
        <v>24717</v>
      </c>
      <c r="CH36" s="114">
        <v>210123</v>
      </c>
      <c r="CI36" s="114">
        <v>76487</v>
      </c>
      <c r="CJ36" s="114">
        <v>0</v>
      </c>
      <c r="CK36" s="113">
        <v>311327</v>
      </c>
      <c r="CL36" s="116">
        <v>311327</v>
      </c>
      <c r="CM36" s="110">
        <v>0</v>
      </c>
      <c r="CN36" s="114">
        <v>0</v>
      </c>
      <c r="CO36" s="113">
        <v>0</v>
      </c>
      <c r="CP36" s="111">
        <v>0</v>
      </c>
      <c r="CQ36" s="114">
        <v>0</v>
      </c>
      <c r="CR36" s="114">
        <v>24717</v>
      </c>
      <c r="CS36" s="114">
        <v>210123</v>
      </c>
      <c r="CT36" s="114">
        <v>76487</v>
      </c>
      <c r="CU36" s="114">
        <v>0</v>
      </c>
      <c r="CV36" s="113">
        <v>311327</v>
      </c>
      <c r="CW36" s="116">
        <v>311327</v>
      </c>
      <c r="CX36" s="110">
        <v>0</v>
      </c>
      <c r="CY36" s="114">
        <v>0</v>
      </c>
      <c r="CZ36" s="113">
        <v>0</v>
      </c>
      <c r="DA36" s="110">
        <v>0</v>
      </c>
      <c r="DB36" s="114">
        <v>0</v>
      </c>
      <c r="DC36" s="114">
        <v>0</v>
      </c>
      <c r="DD36" s="114">
        <v>0</v>
      </c>
      <c r="DE36" s="114">
        <v>0</v>
      </c>
      <c r="DF36" s="114">
        <v>0</v>
      </c>
      <c r="DG36" s="113">
        <v>0</v>
      </c>
      <c r="DH36" s="116">
        <v>0</v>
      </c>
      <c r="DI36" s="110">
        <v>0</v>
      </c>
      <c r="DJ36" s="114">
        <v>0</v>
      </c>
      <c r="DK36" s="112">
        <v>0</v>
      </c>
      <c r="DL36" s="111">
        <v>0</v>
      </c>
      <c r="DM36" s="114">
        <v>0</v>
      </c>
      <c r="DN36" s="114">
        <v>0</v>
      </c>
      <c r="DO36" s="114">
        <v>0</v>
      </c>
      <c r="DP36" s="114">
        <v>33579</v>
      </c>
      <c r="DQ36" s="114">
        <v>0</v>
      </c>
      <c r="DR36" s="113">
        <v>33579</v>
      </c>
      <c r="DS36" s="116">
        <v>33579</v>
      </c>
      <c r="DT36" s="110">
        <v>0</v>
      </c>
      <c r="DU36" s="114">
        <v>0</v>
      </c>
      <c r="DV36" s="113">
        <v>0</v>
      </c>
      <c r="DW36" s="110">
        <v>0</v>
      </c>
      <c r="DX36" s="114">
        <v>0</v>
      </c>
      <c r="DY36" s="114">
        <v>0</v>
      </c>
      <c r="DZ36" s="114">
        <v>0</v>
      </c>
      <c r="EA36" s="114">
        <v>33579</v>
      </c>
      <c r="EB36" s="114">
        <v>0</v>
      </c>
      <c r="EC36" s="113">
        <v>33579</v>
      </c>
      <c r="ED36" s="116">
        <v>33579</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8400</v>
      </c>
      <c r="FM36" s="114">
        <v>0</v>
      </c>
      <c r="FN36" s="113">
        <v>8400</v>
      </c>
      <c r="FO36" s="110">
        <v>0</v>
      </c>
      <c r="FP36" s="114">
        <v>3920</v>
      </c>
      <c r="FQ36" s="114">
        <v>33950</v>
      </c>
      <c r="FR36" s="114">
        <v>27475</v>
      </c>
      <c r="FS36" s="114">
        <v>38185</v>
      </c>
      <c r="FT36" s="114">
        <v>37450</v>
      </c>
      <c r="FU36" s="113">
        <v>140980</v>
      </c>
      <c r="FV36" s="116">
        <v>149380</v>
      </c>
      <c r="FW36" s="115">
        <v>8400</v>
      </c>
      <c r="FX36" s="114">
        <v>0</v>
      </c>
      <c r="FY36" s="112">
        <v>8400</v>
      </c>
      <c r="FZ36" s="111">
        <v>0</v>
      </c>
      <c r="GA36" s="114">
        <v>3920</v>
      </c>
      <c r="GB36" s="114">
        <v>33950</v>
      </c>
      <c r="GC36" s="114">
        <v>27475</v>
      </c>
      <c r="GD36" s="114">
        <v>38185</v>
      </c>
      <c r="GE36" s="114">
        <v>37450</v>
      </c>
      <c r="GF36" s="113">
        <v>140980</v>
      </c>
      <c r="GG36" s="318">
        <v>149380</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136526</v>
      </c>
      <c r="HI36" s="114">
        <v>149772</v>
      </c>
      <c r="HJ36" s="114">
        <v>0</v>
      </c>
      <c r="HK36" s="114">
        <v>0</v>
      </c>
      <c r="HL36" s="114">
        <v>201586</v>
      </c>
      <c r="HM36" s="113">
        <v>487884</v>
      </c>
      <c r="HN36" s="109">
        <v>487884</v>
      </c>
      <c r="HO36" s="328"/>
      <c r="HP36" s="329"/>
      <c r="HQ36" s="330"/>
      <c r="HR36" s="331"/>
      <c r="HS36" s="329"/>
      <c r="HT36" s="329"/>
      <c r="HU36" s="329"/>
      <c r="HV36" s="329"/>
      <c r="HW36" s="329"/>
      <c r="HX36" s="332"/>
      <c r="HY36" s="333"/>
      <c r="HZ36" s="150">
        <v>0</v>
      </c>
      <c r="IA36" s="135">
        <v>0</v>
      </c>
      <c r="IB36" s="150">
        <v>0</v>
      </c>
      <c r="IC36" s="134">
        <v>0</v>
      </c>
      <c r="ID36" s="135">
        <v>46021</v>
      </c>
      <c r="IE36" s="136">
        <v>244029</v>
      </c>
      <c r="IF36" s="137">
        <v>78064</v>
      </c>
      <c r="IG36" s="135">
        <v>0</v>
      </c>
      <c r="IH36" s="137">
        <v>213542</v>
      </c>
      <c r="II36" s="138">
        <v>581656</v>
      </c>
      <c r="IJ36" s="150">
        <v>581656</v>
      </c>
      <c r="IK36" s="232">
        <v>0</v>
      </c>
      <c r="IL36" s="236">
        <v>0</v>
      </c>
      <c r="IM36" s="237">
        <v>0</v>
      </c>
      <c r="IN36" s="140"/>
      <c r="IO36" s="119">
        <v>0</v>
      </c>
      <c r="IP36" s="119">
        <v>85757</v>
      </c>
      <c r="IQ36" s="119">
        <v>0</v>
      </c>
      <c r="IR36" s="119">
        <v>0</v>
      </c>
      <c r="IS36" s="119">
        <v>0</v>
      </c>
      <c r="IT36" s="141">
        <v>85757</v>
      </c>
      <c r="IU36" s="320">
        <v>85757</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46021</v>
      </c>
      <c r="JL36" s="119">
        <v>7998</v>
      </c>
      <c r="JM36" s="119">
        <v>78064</v>
      </c>
      <c r="JN36" s="119">
        <v>0</v>
      </c>
      <c r="JO36" s="119">
        <v>0</v>
      </c>
      <c r="JP36" s="120">
        <v>132083</v>
      </c>
      <c r="JQ36" s="320">
        <v>132083</v>
      </c>
      <c r="JR36" s="142">
        <v>0</v>
      </c>
      <c r="JS36" s="119">
        <v>0</v>
      </c>
      <c r="JT36" s="141">
        <v>0</v>
      </c>
      <c r="JU36" s="118">
        <v>0</v>
      </c>
      <c r="JV36" s="119">
        <v>0</v>
      </c>
      <c r="JW36" s="119">
        <v>0</v>
      </c>
      <c r="JX36" s="119">
        <v>0</v>
      </c>
      <c r="JY36" s="119">
        <v>0</v>
      </c>
      <c r="JZ36" s="119">
        <v>0</v>
      </c>
      <c r="KA36" s="120">
        <v>0</v>
      </c>
      <c r="KB36" s="320">
        <v>0</v>
      </c>
      <c r="KC36" s="234">
        <v>0</v>
      </c>
      <c r="KD36" s="230">
        <v>0</v>
      </c>
      <c r="KE36" s="120">
        <v>0</v>
      </c>
      <c r="KF36" s="118">
        <v>0</v>
      </c>
      <c r="KG36" s="119">
        <v>0</v>
      </c>
      <c r="KH36" s="119">
        <v>150274</v>
      </c>
      <c r="KI36" s="119">
        <v>0</v>
      </c>
      <c r="KJ36" s="119">
        <v>0</v>
      </c>
      <c r="KK36" s="119">
        <v>0</v>
      </c>
      <c r="KL36" s="120">
        <v>150274</v>
      </c>
      <c r="KM36" s="143">
        <v>150274</v>
      </c>
      <c r="KN36" s="232">
        <v>0</v>
      </c>
      <c r="KO36" s="236">
        <v>0</v>
      </c>
      <c r="KP36" s="237">
        <v>0</v>
      </c>
      <c r="KQ36" s="140"/>
      <c r="KR36" s="119">
        <v>0</v>
      </c>
      <c r="KS36" s="119">
        <v>0</v>
      </c>
      <c r="KT36" s="119">
        <v>0</v>
      </c>
      <c r="KU36" s="119">
        <v>0</v>
      </c>
      <c r="KV36" s="119">
        <v>213542</v>
      </c>
      <c r="KW36" s="120">
        <v>213542</v>
      </c>
      <c r="KX36" s="320">
        <v>213542</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417487</v>
      </c>
      <c r="ML36" s="119">
        <v>384782</v>
      </c>
      <c r="MM36" s="119">
        <v>194173</v>
      </c>
      <c r="MN36" s="119">
        <v>497000</v>
      </c>
      <c r="MO36" s="120">
        <v>1493442</v>
      </c>
      <c r="MP36" s="143">
        <v>1493442</v>
      </c>
      <c r="MQ36" s="142">
        <v>0</v>
      </c>
      <c r="MR36" s="119">
        <v>0</v>
      </c>
      <c r="MS36" s="120">
        <v>0</v>
      </c>
      <c r="MT36" s="145"/>
      <c r="MU36" s="119">
        <v>0</v>
      </c>
      <c r="MV36" s="119">
        <v>0</v>
      </c>
      <c r="MW36" s="119">
        <v>384782</v>
      </c>
      <c r="MX36" s="119">
        <v>194173</v>
      </c>
      <c r="MY36" s="119">
        <v>0</v>
      </c>
      <c r="MZ36" s="120">
        <v>578955</v>
      </c>
      <c r="NA36" s="143">
        <v>578955</v>
      </c>
      <c r="NB36" s="142">
        <v>0</v>
      </c>
      <c r="NC36" s="119">
        <v>0</v>
      </c>
      <c r="ND36" s="120">
        <v>0</v>
      </c>
      <c r="NE36" s="145"/>
      <c r="NF36" s="119">
        <v>0</v>
      </c>
      <c r="NG36" s="119">
        <v>417487</v>
      </c>
      <c r="NH36" s="119">
        <v>0</v>
      </c>
      <c r="NI36" s="119">
        <v>0</v>
      </c>
      <c r="NJ36" s="119">
        <v>497000</v>
      </c>
      <c r="NK36" s="120">
        <v>914487</v>
      </c>
      <c r="NL36" s="320">
        <v>914487</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8400</v>
      </c>
      <c r="OJ36" s="119">
        <v>0</v>
      </c>
      <c r="OK36" s="141">
        <v>8400</v>
      </c>
      <c r="OL36" s="118">
        <v>0</v>
      </c>
      <c r="OM36" s="119">
        <v>192480</v>
      </c>
      <c r="ON36" s="119">
        <v>904864</v>
      </c>
      <c r="OO36" s="119">
        <v>700444</v>
      </c>
      <c r="OP36" s="119">
        <v>373448</v>
      </c>
      <c r="OQ36" s="119">
        <v>1423348</v>
      </c>
      <c r="OR36" s="120">
        <v>3594584</v>
      </c>
      <c r="OS36" s="143">
        <v>3602984</v>
      </c>
    </row>
    <row r="37" spans="2:409" ht="21" customHeight="1" x14ac:dyDescent="0.2">
      <c r="B37" s="126" t="s">
        <v>32</v>
      </c>
      <c r="C37" s="110">
        <v>26278</v>
      </c>
      <c r="D37" s="114">
        <v>4060</v>
      </c>
      <c r="E37" s="174">
        <v>30338</v>
      </c>
      <c r="F37" s="175">
        <v>0</v>
      </c>
      <c r="G37" s="176">
        <v>181834</v>
      </c>
      <c r="H37" s="176">
        <v>369362</v>
      </c>
      <c r="I37" s="176">
        <v>86068</v>
      </c>
      <c r="J37" s="176">
        <v>623170</v>
      </c>
      <c r="K37" s="176">
        <v>203378</v>
      </c>
      <c r="L37" s="177">
        <v>1463812</v>
      </c>
      <c r="M37" s="116">
        <v>1494150</v>
      </c>
      <c r="N37" s="110">
        <v>18368</v>
      </c>
      <c r="O37" s="114">
        <v>0</v>
      </c>
      <c r="P37" s="113">
        <v>18368</v>
      </c>
      <c r="Q37" s="110">
        <v>0</v>
      </c>
      <c r="R37" s="114">
        <v>9338</v>
      </c>
      <c r="S37" s="114">
        <v>59556</v>
      </c>
      <c r="T37" s="114">
        <v>10969</v>
      </c>
      <c r="U37" s="114">
        <v>224812</v>
      </c>
      <c r="V37" s="114">
        <v>13692</v>
      </c>
      <c r="W37" s="113">
        <v>318367</v>
      </c>
      <c r="X37" s="116">
        <v>336735</v>
      </c>
      <c r="Y37" s="110">
        <v>0</v>
      </c>
      <c r="Z37" s="114">
        <v>0</v>
      </c>
      <c r="AA37" s="113">
        <v>0</v>
      </c>
      <c r="AB37" s="110">
        <v>0</v>
      </c>
      <c r="AC37" s="114">
        <v>0</v>
      </c>
      <c r="AD37" s="114">
        <v>0</v>
      </c>
      <c r="AE37" s="114">
        <v>0</v>
      </c>
      <c r="AF37" s="114">
        <v>179088</v>
      </c>
      <c r="AG37" s="114">
        <v>0</v>
      </c>
      <c r="AH37" s="113">
        <v>179088</v>
      </c>
      <c r="AI37" s="116">
        <v>179088</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48769</v>
      </c>
      <c r="BA37" s="114">
        <v>0</v>
      </c>
      <c r="BB37" s="114">
        <v>0</v>
      </c>
      <c r="BC37" s="114">
        <v>0</v>
      </c>
      <c r="BD37" s="113">
        <v>48769</v>
      </c>
      <c r="BE37" s="116">
        <v>48769</v>
      </c>
      <c r="BF37" s="110">
        <v>18368</v>
      </c>
      <c r="BG37" s="114">
        <v>0</v>
      </c>
      <c r="BH37" s="112">
        <v>18368</v>
      </c>
      <c r="BI37" s="111">
        <v>0</v>
      </c>
      <c r="BJ37" s="114">
        <v>6692</v>
      </c>
      <c r="BK37" s="114">
        <v>0</v>
      </c>
      <c r="BL37" s="114">
        <v>0</v>
      </c>
      <c r="BM37" s="114">
        <v>13384</v>
      </c>
      <c r="BN37" s="114">
        <v>0</v>
      </c>
      <c r="BO37" s="113">
        <v>20076</v>
      </c>
      <c r="BP37" s="116">
        <v>38444</v>
      </c>
      <c r="BQ37" s="110">
        <v>0</v>
      </c>
      <c r="BR37" s="114">
        <v>0</v>
      </c>
      <c r="BS37" s="113">
        <v>0</v>
      </c>
      <c r="BT37" s="110">
        <v>0</v>
      </c>
      <c r="BU37" s="114">
        <v>2646</v>
      </c>
      <c r="BV37" s="114">
        <v>10787</v>
      </c>
      <c r="BW37" s="114">
        <v>10969</v>
      </c>
      <c r="BX37" s="114">
        <v>32340</v>
      </c>
      <c r="BY37" s="114">
        <v>13692</v>
      </c>
      <c r="BZ37" s="113">
        <v>70434</v>
      </c>
      <c r="CA37" s="116">
        <v>70434</v>
      </c>
      <c r="CB37" s="110">
        <v>0</v>
      </c>
      <c r="CC37" s="114">
        <v>0</v>
      </c>
      <c r="CD37" s="113">
        <v>0</v>
      </c>
      <c r="CE37" s="110">
        <v>0</v>
      </c>
      <c r="CF37" s="114">
        <v>167106</v>
      </c>
      <c r="CG37" s="114">
        <v>137305</v>
      </c>
      <c r="CH37" s="114">
        <v>33593</v>
      </c>
      <c r="CI37" s="114">
        <v>81498</v>
      </c>
      <c r="CJ37" s="114">
        <v>0</v>
      </c>
      <c r="CK37" s="113">
        <v>419502</v>
      </c>
      <c r="CL37" s="116">
        <v>419502</v>
      </c>
      <c r="CM37" s="110">
        <v>0</v>
      </c>
      <c r="CN37" s="114">
        <v>0</v>
      </c>
      <c r="CO37" s="113">
        <v>0</v>
      </c>
      <c r="CP37" s="111">
        <v>0</v>
      </c>
      <c r="CQ37" s="114">
        <v>167106</v>
      </c>
      <c r="CR37" s="114">
        <v>137305</v>
      </c>
      <c r="CS37" s="114">
        <v>0</v>
      </c>
      <c r="CT37" s="114">
        <v>0</v>
      </c>
      <c r="CU37" s="114">
        <v>0</v>
      </c>
      <c r="CV37" s="113">
        <v>304411</v>
      </c>
      <c r="CW37" s="116">
        <v>304411</v>
      </c>
      <c r="CX37" s="110">
        <v>0</v>
      </c>
      <c r="CY37" s="114">
        <v>0</v>
      </c>
      <c r="CZ37" s="113">
        <v>0</v>
      </c>
      <c r="DA37" s="110">
        <v>0</v>
      </c>
      <c r="DB37" s="114">
        <v>0</v>
      </c>
      <c r="DC37" s="114">
        <v>0</v>
      </c>
      <c r="DD37" s="114">
        <v>33593</v>
      </c>
      <c r="DE37" s="114">
        <v>81498</v>
      </c>
      <c r="DF37" s="114">
        <v>0</v>
      </c>
      <c r="DG37" s="113">
        <v>115091</v>
      </c>
      <c r="DH37" s="116">
        <v>115091</v>
      </c>
      <c r="DI37" s="110">
        <v>0</v>
      </c>
      <c r="DJ37" s="114">
        <v>0</v>
      </c>
      <c r="DK37" s="112">
        <v>0</v>
      </c>
      <c r="DL37" s="111">
        <v>0</v>
      </c>
      <c r="DM37" s="114">
        <v>0</v>
      </c>
      <c r="DN37" s="114">
        <v>0</v>
      </c>
      <c r="DO37" s="114">
        <v>23306</v>
      </c>
      <c r="DP37" s="114">
        <v>77586</v>
      </c>
      <c r="DQ37" s="114">
        <v>0</v>
      </c>
      <c r="DR37" s="113">
        <v>100892</v>
      </c>
      <c r="DS37" s="116">
        <v>100892</v>
      </c>
      <c r="DT37" s="110">
        <v>0</v>
      </c>
      <c r="DU37" s="114">
        <v>0</v>
      </c>
      <c r="DV37" s="113">
        <v>0</v>
      </c>
      <c r="DW37" s="110">
        <v>0</v>
      </c>
      <c r="DX37" s="114">
        <v>0</v>
      </c>
      <c r="DY37" s="114">
        <v>0</v>
      </c>
      <c r="DZ37" s="114">
        <v>23306</v>
      </c>
      <c r="EA37" s="114">
        <v>77586</v>
      </c>
      <c r="EB37" s="114">
        <v>0</v>
      </c>
      <c r="EC37" s="113">
        <v>100892</v>
      </c>
      <c r="ED37" s="116">
        <v>100892</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7910</v>
      </c>
      <c r="FM37" s="114">
        <v>4060</v>
      </c>
      <c r="FN37" s="113">
        <v>11970</v>
      </c>
      <c r="FO37" s="110">
        <v>0</v>
      </c>
      <c r="FP37" s="114">
        <v>5390</v>
      </c>
      <c r="FQ37" s="114">
        <v>28910</v>
      </c>
      <c r="FR37" s="114">
        <v>18200</v>
      </c>
      <c r="FS37" s="114">
        <v>65443</v>
      </c>
      <c r="FT37" s="114">
        <v>0</v>
      </c>
      <c r="FU37" s="113">
        <v>117943</v>
      </c>
      <c r="FV37" s="116">
        <v>129913</v>
      </c>
      <c r="FW37" s="115">
        <v>7910</v>
      </c>
      <c r="FX37" s="114">
        <v>4060</v>
      </c>
      <c r="FY37" s="112">
        <v>11970</v>
      </c>
      <c r="FZ37" s="111">
        <v>0</v>
      </c>
      <c r="GA37" s="114">
        <v>5390</v>
      </c>
      <c r="GB37" s="114">
        <v>28910</v>
      </c>
      <c r="GC37" s="114">
        <v>18200</v>
      </c>
      <c r="GD37" s="114">
        <v>65443</v>
      </c>
      <c r="GE37" s="114">
        <v>0</v>
      </c>
      <c r="GF37" s="113">
        <v>117943</v>
      </c>
      <c r="GG37" s="318">
        <v>129913</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43591</v>
      </c>
      <c r="HJ37" s="114">
        <v>0</v>
      </c>
      <c r="HK37" s="114">
        <v>173831</v>
      </c>
      <c r="HL37" s="114">
        <v>189686</v>
      </c>
      <c r="HM37" s="113">
        <v>507108</v>
      </c>
      <c r="HN37" s="109">
        <v>507108</v>
      </c>
      <c r="HO37" s="328"/>
      <c r="HP37" s="329"/>
      <c r="HQ37" s="330"/>
      <c r="HR37" s="331"/>
      <c r="HS37" s="329"/>
      <c r="HT37" s="329"/>
      <c r="HU37" s="329"/>
      <c r="HV37" s="329"/>
      <c r="HW37" s="329"/>
      <c r="HX37" s="332"/>
      <c r="HY37" s="333"/>
      <c r="HZ37" s="131">
        <v>0</v>
      </c>
      <c r="IA37" s="132">
        <v>0</v>
      </c>
      <c r="IB37" s="133">
        <v>0</v>
      </c>
      <c r="IC37" s="146">
        <v>0</v>
      </c>
      <c r="ID37" s="132">
        <v>230993</v>
      </c>
      <c r="IE37" s="147">
        <v>235585</v>
      </c>
      <c r="IF37" s="133">
        <v>242407</v>
      </c>
      <c r="IG37" s="132">
        <v>220122</v>
      </c>
      <c r="IH37" s="133">
        <v>217042</v>
      </c>
      <c r="II37" s="148">
        <v>1146149</v>
      </c>
      <c r="IJ37" s="139">
        <v>1146149</v>
      </c>
      <c r="IK37" s="232">
        <v>0</v>
      </c>
      <c r="IL37" s="236">
        <v>0</v>
      </c>
      <c r="IM37" s="237">
        <v>0</v>
      </c>
      <c r="IN37" s="140"/>
      <c r="IO37" s="119">
        <v>0</v>
      </c>
      <c r="IP37" s="119">
        <v>82026</v>
      </c>
      <c r="IQ37" s="119">
        <v>0</v>
      </c>
      <c r="IR37" s="119">
        <v>0</v>
      </c>
      <c r="IS37" s="119">
        <v>0</v>
      </c>
      <c r="IT37" s="141">
        <v>82026</v>
      </c>
      <c r="IU37" s="320">
        <v>82026</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11655</v>
      </c>
      <c r="JL37" s="119">
        <v>166929</v>
      </c>
      <c r="JM37" s="119">
        <v>33282</v>
      </c>
      <c r="JN37" s="119">
        <v>34776</v>
      </c>
      <c r="JO37" s="119">
        <v>0</v>
      </c>
      <c r="JP37" s="120">
        <v>246642</v>
      </c>
      <c r="JQ37" s="320">
        <v>246642</v>
      </c>
      <c r="JR37" s="142">
        <v>0</v>
      </c>
      <c r="JS37" s="119">
        <v>0</v>
      </c>
      <c r="JT37" s="141">
        <v>0</v>
      </c>
      <c r="JU37" s="118">
        <v>0</v>
      </c>
      <c r="JV37" s="119">
        <v>97055</v>
      </c>
      <c r="JW37" s="119">
        <v>0</v>
      </c>
      <c r="JX37" s="119">
        <v>0</v>
      </c>
      <c r="JY37" s="119">
        <v>0</v>
      </c>
      <c r="JZ37" s="119">
        <v>0</v>
      </c>
      <c r="KA37" s="120">
        <v>97055</v>
      </c>
      <c r="KB37" s="320">
        <v>97055</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122283</v>
      </c>
      <c r="KS37" s="119">
        <v>-165963</v>
      </c>
      <c r="KT37" s="119">
        <v>209125</v>
      </c>
      <c r="KU37" s="119">
        <v>0</v>
      </c>
      <c r="KV37" s="119">
        <v>217042</v>
      </c>
      <c r="KW37" s="120">
        <v>382487</v>
      </c>
      <c r="KX37" s="320">
        <v>382487</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152593</v>
      </c>
      <c r="LP37" s="119">
        <v>0</v>
      </c>
      <c r="LQ37" s="119">
        <v>185346</v>
      </c>
      <c r="LR37" s="119">
        <v>0</v>
      </c>
      <c r="LS37" s="120">
        <v>337939</v>
      </c>
      <c r="LT37" s="320">
        <v>337939</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228732</v>
      </c>
      <c r="MN37" s="119">
        <v>511565</v>
      </c>
      <c r="MO37" s="120">
        <v>740297</v>
      </c>
      <c r="MP37" s="143">
        <v>740297</v>
      </c>
      <c r="MQ37" s="142">
        <v>0</v>
      </c>
      <c r="MR37" s="119">
        <v>0</v>
      </c>
      <c r="MS37" s="120">
        <v>0</v>
      </c>
      <c r="MT37" s="145"/>
      <c r="MU37" s="119">
        <v>0</v>
      </c>
      <c r="MV37" s="119">
        <v>0</v>
      </c>
      <c r="MW37" s="119">
        <v>0</v>
      </c>
      <c r="MX37" s="119">
        <v>228732</v>
      </c>
      <c r="MY37" s="119">
        <v>246997</v>
      </c>
      <c r="MZ37" s="120">
        <v>475729</v>
      </c>
      <c r="NA37" s="143">
        <v>475729</v>
      </c>
      <c r="NB37" s="142">
        <v>0</v>
      </c>
      <c r="NC37" s="119">
        <v>0</v>
      </c>
      <c r="ND37" s="120">
        <v>0</v>
      </c>
      <c r="NE37" s="145"/>
      <c r="NF37" s="119">
        <v>0</v>
      </c>
      <c r="NG37" s="119">
        <v>0</v>
      </c>
      <c r="NH37" s="119">
        <v>0</v>
      </c>
      <c r="NI37" s="119">
        <v>0</v>
      </c>
      <c r="NJ37" s="119">
        <v>264568</v>
      </c>
      <c r="NK37" s="120">
        <v>264568</v>
      </c>
      <c r="NL37" s="320">
        <v>264568</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26278</v>
      </c>
      <c r="OJ37" s="119">
        <v>4060</v>
      </c>
      <c r="OK37" s="141">
        <v>30338</v>
      </c>
      <c r="OL37" s="118">
        <v>0</v>
      </c>
      <c r="OM37" s="119">
        <v>412827</v>
      </c>
      <c r="ON37" s="119">
        <v>604947</v>
      </c>
      <c r="OO37" s="119">
        <v>328475</v>
      </c>
      <c r="OP37" s="119">
        <v>1072024</v>
      </c>
      <c r="OQ37" s="119">
        <v>931985</v>
      </c>
      <c r="OR37" s="120">
        <v>3350258</v>
      </c>
      <c r="OS37" s="143">
        <v>3380596</v>
      </c>
    </row>
    <row r="38" spans="2:409" ht="21" customHeight="1" x14ac:dyDescent="0.2">
      <c r="B38" s="126" t="s">
        <v>33</v>
      </c>
      <c r="C38" s="110">
        <v>101774</v>
      </c>
      <c r="D38" s="114">
        <v>19123</v>
      </c>
      <c r="E38" s="113">
        <v>120897</v>
      </c>
      <c r="F38" s="109">
        <v>0</v>
      </c>
      <c r="G38" s="114">
        <v>315466</v>
      </c>
      <c r="H38" s="114">
        <v>107691</v>
      </c>
      <c r="I38" s="114">
        <v>640531</v>
      </c>
      <c r="J38" s="114">
        <v>507441</v>
      </c>
      <c r="K38" s="114">
        <v>33236</v>
      </c>
      <c r="L38" s="173">
        <v>1604365</v>
      </c>
      <c r="M38" s="116">
        <v>1725262</v>
      </c>
      <c r="N38" s="110">
        <v>55184</v>
      </c>
      <c r="O38" s="114">
        <v>14223</v>
      </c>
      <c r="P38" s="113">
        <v>69407</v>
      </c>
      <c r="Q38" s="110">
        <v>0</v>
      </c>
      <c r="R38" s="114">
        <v>62891</v>
      </c>
      <c r="S38" s="114">
        <v>90891</v>
      </c>
      <c r="T38" s="114">
        <v>322188</v>
      </c>
      <c r="U38" s="114">
        <v>86814</v>
      </c>
      <c r="V38" s="114">
        <v>0</v>
      </c>
      <c r="W38" s="113">
        <v>562784</v>
      </c>
      <c r="X38" s="116">
        <v>632191</v>
      </c>
      <c r="Y38" s="110">
        <v>0</v>
      </c>
      <c r="Z38" s="114">
        <v>0</v>
      </c>
      <c r="AA38" s="113">
        <v>0</v>
      </c>
      <c r="AB38" s="110">
        <v>0</v>
      </c>
      <c r="AC38" s="114">
        <v>39816</v>
      </c>
      <c r="AD38" s="114">
        <v>0</v>
      </c>
      <c r="AE38" s="114">
        <v>91176</v>
      </c>
      <c r="AF38" s="114">
        <v>12449</v>
      </c>
      <c r="AG38" s="114">
        <v>0</v>
      </c>
      <c r="AH38" s="113">
        <v>143441</v>
      </c>
      <c r="AI38" s="116">
        <v>143441</v>
      </c>
      <c r="AJ38" s="110">
        <v>0</v>
      </c>
      <c r="AK38" s="114">
        <v>0</v>
      </c>
      <c r="AL38" s="113">
        <v>0</v>
      </c>
      <c r="AM38" s="110">
        <v>0</v>
      </c>
      <c r="AN38" s="114">
        <v>0</v>
      </c>
      <c r="AO38" s="114">
        <v>0</v>
      </c>
      <c r="AP38" s="114">
        <v>49245</v>
      </c>
      <c r="AQ38" s="114">
        <v>0</v>
      </c>
      <c r="AR38" s="114">
        <v>0</v>
      </c>
      <c r="AS38" s="113">
        <v>49245</v>
      </c>
      <c r="AT38" s="116">
        <v>49245</v>
      </c>
      <c r="AU38" s="110">
        <v>0</v>
      </c>
      <c r="AV38" s="114">
        <v>0</v>
      </c>
      <c r="AW38" s="113">
        <v>0</v>
      </c>
      <c r="AX38" s="110">
        <v>0</v>
      </c>
      <c r="AY38" s="114">
        <v>15837</v>
      </c>
      <c r="AZ38" s="114">
        <v>25064</v>
      </c>
      <c r="BA38" s="114">
        <v>132538</v>
      </c>
      <c r="BB38" s="114">
        <v>27573</v>
      </c>
      <c r="BC38" s="114">
        <v>0</v>
      </c>
      <c r="BD38" s="113">
        <v>201012</v>
      </c>
      <c r="BE38" s="116">
        <v>201012</v>
      </c>
      <c r="BF38" s="110">
        <v>55184</v>
      </c>
      <c r="BG38" s="114">
        <v>14223</v>
      </c>
      <c r="BH38" s="112">
        <v>69407</v>
      </c>
      <c r="BI38" s="111">
        <v>0</v>
      </c>
      <c r="BJ38" s="114">
        <v>0</v>
      </c>
      <c r="BK38" s="114">
        <v>65827</v>
      </c>
      <c r="BL38" s="114">
        <v>26738</v>
      </c>
      <c r="BM38" s="114">
        <v>46792</v>
      </c>
      <c r="BN38" s="114">
        <v>0</v>
      </c>
      <c r="BO38" s="113">
        <v>139357</v>
      </c>
      <c r="BP38" s="116">
        <v>208764</v>
      </c>
      <c r="BQ38" s="110">
        <v>0</v>
      </c>
      <c r="BR38" s="114">
        <v>0</v>
      </c>
      <c r="BS38" s="113">
        <v>0</v>
      </c>
      <c r="BT38" s="110">
        <v>0</v>
      </c>
      <c r="BU38" s="114">
        <v>7238</v>
      </c>
      <c r="BV38" s="114">
        <v>0</v>
      </c>
      <c r="BW38" s="114">
        <v>22491</v>
      </c>
      <c r="BX38" s="114">
        <v>0</v>
      </c>
      <c r="BY38" s="114">
        <v>0</v>
      </c>
      <c r="BZ38" s="113">
        <v>29729</v>
      </c>
      <c r="CA38" s="116">
        <v>29729</v>
      </c>
      <c r="CB38" s="110">
        <v>0</v>
      </c>
      <c r="CC38" s="114">
        <v>0</v>
      </c>
      <c r="CD38" s="113">
        <v>0</v>
      </c>
      <c r="CE38" s="110">
        <v>0</v>
      </c>
      <c r="CF38" s="114">
        <v>100506</v>
      </c>
      <c r="CG38" s="114">
        <v>0</v>
      </c>
      <c r="CH38" s="114">
        <v>0</v>
      </c>
      <c r="CI38" s="114">
        <v>23492</v>
      </c>
      <c r="CJ38" s="114">
        <v>0</v>
      </c>
      <c r="CK38" s="113">
        <v>123998</v>
      </c>
      <c r="CL38" s="116">
        <v>123998</v>
      </c>
      <c r="CM38" s="110">
        <v>0</v>
      </c>
      <c r="CN38" s="114">
        <v>0</v>
      </c>
      <c r="CO38" s="113">
        <v>0</v>
      </c>
      <c r="CP38" s="111">
        <v>0</v>
      </c>
      <c r="CQ38" s="114">
        <v>53537</v>
      </c>
      <c r="CR38" s="114">
        <v>0</v>
      </c>
      <c r="CS38" s="114">
        <v>0</v>
      </c>
      <c r="CT38" s="114">
        <v>0</v>
      </c>
      <c r="CU38" s="114">
        <v>0</v>
      </c>
      <c r="CV38" s="113">
        <v>53537</v>
      </c>
      <c r="CW38" s="116">
        <v>53537</v>
      </c>
      <c r="CX38" s="110">
        <v>0</v>
      </c>
      <c r="CY38" s="114">
        <v>0</v>
      </c>
      <c r="CZ38" s="113">
        <v>0</v>
      </c>
      <c r="DA38" s="110">
        <v>0</v>
      </c>
      <c r="DB38" s="114">
        <v>46969</v>
      </c>
      <c r="DC38" s="114">
        <v>0</v>
      </c>
      <c r="DD38" s="114">
        <v>0</v>
      </c>
      <c r="DE38" s="114">
        <v>23492</v>
      </c>
      <c r="DF38" s="114">
        <v>0</v>
      </c>
      <c r="DG38" s="113">
        <v>70461</v>
      </c>
      <c r="DH38" s="116">
        <v>70461</v>
      </c>
      <c r="DI38" s="110">
        <v>0</v>
      </c>
      <c r="DJ38" s="114">
        <v>0</v>
      </c>
      <c r="DK38" s="112">
        <v>0</v>
      </c>
      <c r="DL38" s="111">
        <v>0</v>
      </c>
      <c r="DM38" s="114">
        <v>0</v>
      </c>
      <c r="DN38" s="114">
        <v>0</v>
      </c>
      <c r="DO38" s="114">
        <v>109839</v>
      </c>
      <c r="DP38" s="114">
        <v>198139</v>
      </c>
      <c r="DQ38" s="114">
        <v>0</v>
      </c>
      <c r="DR38" s="113">
        <v>307978</v>
      </c>
      <c r="DS38" s="116">
        <v>307978</v>
      </c>
      <c r="DT38" s="110">
        <v>0</v>
      </c>
      <c r="DU38" s="114">
        <v>0</v>
      </c>
      <c r="DV38" s="113">
        <v>0</v>
      </c>
      <c r="DW38" s="110">
        <v>0</v>
      </c>
      <c r="DX38" s="114">
        <v>0</v>
      </c>
      <c r="DY38" s="114">
        <v>0</v>
      </c>
      <c r="DZ38" s="114">
        <v>21114</v>
      </c>
      <c r="EA38" s="114">
        <v>198139</v>
      </c>
      <c r="EB38" s="114">
        <v>0</v>
      </c>
      <c r="EC38" s="113">
        <v>219253</v>
      </c>
      <c r="ED38" s="116">
        <v>219253</v>
      </c>
      <c r="EE38" s="110">
        <v>0</v>
      </c>
      <c r="EF38" s="112">
        <v>0</v>
      </c>
      <c r="EG38" s="113">
        <v>0</v>
      </c>
      <c r="EH38" s="110">
        <v>0</v>
      </c>
      <c r="EI38" s="114">
        <v>0</v>
      </c>
      <c r="EJ38" s="114">
        <v>0</v>
      </c>
      <c r="EK38" s="114">
        <v>88725</v>
      </c>
      <c r="EL38" s="114">
        <v>0</v>
      </c>
      <c r="EM38" s="114">
        <v>0</v>
      </c>
      <c r="EN38" s="112">
        <v>88725</v>
      </c>
      <c r="EO38" s="116">
        <v>88725</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0</v>
      </c>
      <c r="FM38" s="114">
        <v>4900</v>
      </c>
      <c r="FN38" s="113">
        <v>4900</v>
      </c>
      <c r="FO38" s="110">
        <v>0</v>
      </c>
      <c r="FP38" s="114">
        <v>18585</v>
      </c>
      <c r="FQ38" s="114">
        <v>16800</v>
      </c>
      <c r="FR38" s="114">
        <v>41650</v>
      </c>
      <c r="FS38" s="114">
        <v>8778</v>
      </c>
      <c r="FT38" s="114">
        <v>33236</v>
      </c>
      <c r="FU38" s="113">
        <v>119049</v>
      </c>
      <c r="FV38" s="116">
        <v>123949</v>
      </c>
      <c r="FW38" s="115">
        <v>0</v>
      </c>
      <c r="FX38" s="114">
        <v>4900</v>
      </c>
      <c r="FY38" s="112">
        <v>4900</v>
      </c>
      <c r="FZ38" s="111">
        <v>0</v>
      </c>
      <c r="GA38" s="114">
        <v>18585</v>
      </c>
      <c r="GB38" s="114">
        <v>16800</v>
      </c>
      <c r="GC38" s="114">
        <v>41650</v>
      </c>
      <c r="GD38" s="114">
        <v>8778</v>
      </c>
      <c r="GE38" s="114">
        <v>33236</v>
      </c>
      <c r="GF38" s="113">
        <v>119049</v>
      </c>
      <c r="GG38" s="318">
        <v>123949</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46590</v>
      </c>
      <c r="HE38" s="114">
        <v>0</v>
      </c>
      <c r="HF38" s="112">
        <v>46590</v>
      </c>
      <c r="HG38" s="111">
        <v>0</v>
      </c>
      <c r="HH38" s="114">
        <v>133484</v>
      </c>
      <c r="HI38" s="114">
        <v>0</v>
      </c>
      <c r="HJ38" s="114">
        <v>166854</v>
      </c>
      <c r="HK38" s="114">
        <v>190218</v>
      </c>
      <c r="HL38" s="114">
        <v>0</v>
      </c>
      <c r="HM38" s="113">
        <v>490556</v>
      </c>
      <c r="HN38" s="109">
        <v>537146</v>
      </c>
      <c r="HO38" s="328"/>
      <c r="HP38" s="329"/>
      <c r="HQ38" s="330"/>
      <c r="HR38" s="331"/>
      <c r="HS38" s="329"/>
      <c r="HT38" s="329"/>
      <c r="HU38" s="329"/>
      <c r="HV38" s="329"/>
      <c r="HW38" s="329"/>
      <c r="HX38" s="332"/>
      <c r="HY38" s="333"/>
      <c r="HZ38" s="150">
        <v>0</v>
      </c>
      <c r="IA38" s="135">
        <v>0</v>
      </c>
      <c r="IB38" s="150">
        <v>0</v>
      </c>
      <c r="IC38" s="146">
        <v>0</v>
      </c>
      <c r="ID38" s="132">
        <v>61978</v>
      </c>
      <c r="IE38" s="147">
        <v>0</v>
      </c>
      <c r="IF38" s="133">
        <v>97908</v>
      </c>
      <c r="IG38" s="132">
        <v>0</v>
      </c>
      <c r="IH38" s="133">
        <v>63216</v>
      </c>
      <c r="II38" s="148">
        <v>223102</v>
      </c>
      <c r="IJ38" s="150">
        <v>223102</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61978</v>
      </c>
      <c r="JL38" s="119">
        <v>0</v>
      </c>
      <c r="JM38" s="119">
        <v>97908</v>
      </c>
      <c r="JN38" s="119">
        <v>0</v>
      </c>
      <c r="JO38" s="119">
        <v>0</v>
      </c>
      <c r="JP38" s="120">
        <v>159886</v>
      </c>
      <c r="JQ38" s="320">
        <v>159886</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0</v>
      </c>
      <c r="LZ38" s="119">
        <v>0</v>
      </c>
      <c r="MA38" s="119">
        <v>0</v>
      </c>
      <c r="MB38" s="119">
        <v>0</v>
      </c>
      <c r="MC38" s="119">
        <v>63216</v>
      </c>
      <c r="MD38" s="120">
        <v>63216</v>
      </c>
      <c r="ME38" s="121">
        <v>63216</v>
      </c>
      <c r="MF38" s="142">
        <v>0</v>
      </c>
      <c r="MG38" s="119">
        <v>0</v>
      </c>
      <c r="MH38" s="120">
        <v>0</v>
      </c>
      <c r="MI38" s="145"/>
      <c r="MJ38" s="119">
        <v>0</v>
      </c>
      <c r="MK38" s="119">
        <v>0</v>
      </c>
      <c r="ML38" s="119">
        <v>16942</v>
      </c>
      <c r="MM38" s="119">
        <v>390126</v>
      </c>
      <c r="MN38" s="119">
        <v>469726</v>
      </c>
      <c r="MO38" s="120">
        <v>876794</v>
      </c>
      <c r="MP38" s="143">
        <v>876794</v>
      </c>
      <c r="MQ38" s="142">
        <v>0</v>
      </c>
      <c r="MR38" s="119">
        <v>0</v>
      </c>
      <c r="MS38" s="120">
        <v>0</v>
      </c>
      <c r="MT38" s="145"/>
      <c r="MU38" s="119">
        <v>0</v>
      </c>
      <c r="MV38" s="119">
        <v>0</v>
      </c>
      <c r="MW38" s="119">
        <v>0</v>
      </c>
      <c r="MX38" s="119">
        <v>107647</v>
      </c>
      <c r="MY38" s="119">
        <v>0</v>
      </c>
      <c r="MZ38" s="120">
        <v>107647</v>
      </c>
      <c r="NA38" s="143">
        <v>107647</v>
      </c>
      <c r="NB38" s="142">
        <v>0</v>
      </c>
      <c r="NC38" s="119">
        <v>0</v>
      </c>
      <c r="ND38" s="120">
        <v>0</v>
      </c>
      <c r="NE38" s="145"/>
      <c r="NF38" s="119">
        <v>0</v>
      </c>
      <c r="NG38" s="119">
        <v>0</v>
      </c>
      <c r="NH38" s="119">
        <v>16942</v>
      </c>
      <c r="NI38" s="119">
        <v>0</v>
      </c>
      <c r="NJ38" s="119">
        <v>0</v>
      </c>
      <c r="NK38" s="120">
        <v>16942</v>
      </c>
      <c r="NL38" s="320">
        <v>16942</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0</v>
      </c>
      <c r="OE38" s="119">
        <v>282479</v>
      </c>
      <c r="OF38" s="119">
        <v>469726</v>
      </c>
      <c r="OG38" s="120">
        <v>752205</v>
      </c>
      <c r="OH38" s="121">
        <v>752205</v>
      </c>
      <c r="OI38" s="142">
        <v>101774</v>
      </c>
      <c r="OJ38" s="119">
        <v>19123</v>
      </c>
      <c r="OK38" s="141">
        <v>120897</v>
      </c>
      <c r="OL38" s="118">
        <v>0</v>
      </c>
      <c r="OM38" s="119">
        <v>377444</v>
      </c>
      <c r="ON38" s="119">
        <v>107691</v>
      </c>
      <c r="OO38" s="119">
        <v>755381</v>
      </c>
      <c r="OP38" s="119">
        <v>897567</v>
      </c>
      <c r="OQ38" s="119">
        <v>566178</v>
      </c>
      <c r="OR38" s="120">
        <v>2704261</v>
      </c>
      <c r="OS38" s="143">
        <v>2825158</v>
      </c>
    </row>
    <row r="39" spans="2:409" ht="21" customHeight="1" x14ac:dyDescent="0.2">
      <c r="B39" s="126" t="s">
        <v>34</v>
      </c>
      <c r="C39" s="110">
        <v>0</v>
      </c>
      <c r="D39" s="114">
        <v>0</v>
      </c>
      <c r="E39" s="174">
        <v>0</v>
      </c>
      <c r="F39" s="175">
        <v>0</v>
      </c>
      <c r="G39" s="176">
        <v>61628</v>
      </c>
      <c r="H39" s="176">
        <v>182210</v>
      </c>
      <c r="I39" s="176">
        <v>265811</v>
      </c>
      <c r="J39" s="176">
        <v>106344</v>
      </c>
      <c r="K39" s="176">
        <v>0</v>
      </c>
      <c r="L39" s="177">
        <v>615993</v>
      </c>
      <c r="M39" s="116">
        <v>615993</v>
      </c>
      <c r="N39" s="110">
        <v>0</v>
      </c>
      <c r="O39" s="114">
        <v>0</v>
      </c>
      <c r="P39" s="113">
        <v>0</v>
      </c>
      <c r="Q39" s="110">
        <v>0</v>
      </c>
      <c r="R39" s="114">
        <v>52178</v>
      </c>
      <c r="S39" s="114">
        <v>12572</v>
      </c>
      <c r="T39" s="114">
        <v>56833</v>
      </c>
      <c r="U39" s="114">
        <v>0</v>
      </c>
      <c r="V39" s="114">
        <v>0</v>
      </c>
      <c r="W39" s="113">
        <v>121583</v>
      </c>
      <c r="X39" s="116">
        <v>121583</v>
      </c>
      <c r="Y39" s="110">
        <v>0</v>
      </c>
      <c r="Z39" s="114">
        <v>0</v>
      </c>
      <c r="AA39" s="113">
        <v>0</v>
      </c>
      <c r="AB39" s="110">
        <v>0</v>
      </c>
      <c r="AC39" s="114">
        <v>22225</v>
      </c>
      <c r="AD39" s="114">
        <v>0</v>
      </c>
      <c r="AE39" s="114">
        <v>32963</v>
      </c>
      <c r="AF39" s="114">
        <v>0</v>
      </c>
      <c r="AG39" s="114">
        <v>0</v>
      </c>
      <c r="AH39" s="113">
        <v>55188</v>
      </c>
      <c r="AI39" s="116">
        <v>55188</v>
      </c>
      <c r="AJ39" s="110">
        <v>0</v>
      </c>
      <c r="AK39" s="114">
        <v>0</v>
      </c>
      <c r="AL39" s="113">
        <v>0</v>
      </c>
      <c r="AM39" s="110">
        <v>0</v>
      </c>
      <c r="AN39" s="114">
        <v>0</v>
      </c>
      <c r="AO39" s="114">
        <v>0</v>
      </c>
      <c r="AP39" s="114">
        <v>19698</v>
      </c>
      <c r="AQ39" s="114">
        <v>0</v>
      </c>
      <c r="AR39" s="114">
        <v>0</v>
      </c>
      <c r="AS39" s="113">
        <v>19698</v>
      </c>
      <c r="AT39" s="116">
        <v>19698</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0</v>
      </c>
      <c r="BM39" s="114">
        <v>0</v>
      </c>
      <c r="BN39" s="114">
        <v>0</v>
      </c>
      <c r="BO39" s="113">
        <v>0</v>
      </c>
      <c r="BP39" s="116">
        <v>0</v>
      </c>
      <c r="BQ39" s="110">
        <v>0</v>
      </c>
      <c r="BR39" s="114">
        <v>0</v>
      </c>
      <c r="BS39" s="113">
        <v>0</v>
      </c>
      <c r="BT39" s="110">
        <v>0</v>
      </c>
      <c r="BU39" s="114">
        <v>29953</v>
      </c>
      <c r="BV39" s="114">
        <v>12572</v>
      </c>
      <c r="BW39" s="114">
        <v>4172</v>
      </c>
      <c r="BX39" s="114">
        <v>0</v>
      </c>
      <c r="BY39" s="114">
        <v>0</v>
      </c>
      <c r="BZ39" s="113">
        <v>46697</v>
      </c>
      <c r="CA39" s="116">
        <v>46697</v>
      </c>
      <c r="CB39" s="110">
        <v>0</v>
      </c>
      <c r="CC39" s="114">
        <v>0</v>
      </c>
      <c r="CD39" s="113">
        <v>0</v>
      </c>
      <c r="CE39" s="110">
        <v>0</v>
      </c>
      <c r="CF39" s="114">
        <v>0</v>
      </c>
      <c r="CG39" s="114">
        <v>23226</v>
      </c>
      <c r="CH39" s="114">
        <v>176162</v>
      </c>
      <c r="CI39" s="114">
        <v>102634</v>
      </c>
      <c r="CJ39" s="114">
        <v>0</v>
      </c>
      <c r="CK39" s="113">
        <v>302022</v>
      </c>
      <c r="CL39" s="116">
        <v>302022</v>
      </c>
      <c r="CM39" s="110">
        <v>0</v>
      </c>
      <c r="CN39" s="114">
        <v>0</v>
      </c>
      <c r="CO39" s="113">
        <v>0</v>
      </c>
      <c r="CP39" s="111">
        <v>0</v>
      </c>
      <c r="CQ39" s="114">
        <v>0</v>
      </c>
      <c r="CR39" s="114">
        <v>23226</v>
      </c>
      <c r="CS39" s="114">
        <v>176162</v>
      </c>
      <c r="CT39" s="114">
        <v>102634</v>
      </c>
      <c r="CU39" s="114">
        <v>0</v>
      </c>
      <c r="CV39" s="113">
        <v>302022</v>
      </c>
      <c r="CW39" s="116">
        <v>302022</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0</v>
      </c>
      <c r="FN39" s="113">
        <v>0</v>
      </c>
      <c r="FO39" s="110">
        <v>0</v>
      </c>
      <c r="FP39" s="114">
        <v>9450</v>
      </c>
      <c r="FQ39" s="114">
        <v>4200</v>
      </c>
      <c r="FR39" s="114">
        <v>32816</v>
      </c>
      <c r="FS39" s="114">
        <v>3710</v>
      </c>
      <c r="FT39" s="114">
        <v>0</v>
      </c>
      <c r="FU39" s="113">
        <v>50176</v>
      </c>
      <c r="FV39" s="116">
        <v>50176</v>
      </c>
      <c r="FW39" s="115">
        <v>0</v>
      </c>
      <c r="FX39" s="114">
        <v>0</v>
      </c>
      <c r="FY39" s="112">
        <v>0</v>
      </c>
      <c r="FZ39" s="111">
        <v>0</v>
      </c>
      <c r="GA39" s="114">
        <v>9450</v>
      </c>
      <c r="GB39" s="114">
        <v>4200</v>
      </c>
      <c r="GC39" s="114">
        <v>32816</v>
      </c>
      <c r="GD39" s="114">
        <v>3710</v>
      </c>
      <c r="GE39" s="114">
        <v>0</v>
      </c>
      <c r="GF39" s="113">
        <v>50176</v>
      </c>
      <c r="GG39" s="318">
        <v>50176</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42212</v>
      </c>
      <c r="HJ39" s="114">
        <v>0</v>
      </c>
      <c r="HK39" s="114">
        <v>0</v>
      </c>
      <c r="HL39" s="114">
        <v>0</v>
      </c>
      <c r="HM39" s="113">
        <v>142212</v>
      </c>
      <c r="HN39" s="109">
        <v>142212</v>
      </c>
      <c r="HO39" s="328"/>
      <c r="HP39" s="329"/>
      <c r="HQ39" s="330"/>
      <c r="HR39" s="331"/>
      <c r="HS39" s="329"/>
      <c r="HT39" s="329"/>
      <c r="HU39" s="329"/>
      <c r="HV39" s="329"/>
      <c r="HW39" s="329"/>
      <c r="HX39" s="332"/>
      <c r="HY39" s="333"/>
      <c r="HZ39" s="131">
        <v>0</v>
      </c>
      <c r="IA39" s="132">
        <v>0</v>
      </c>
      <c r="IB39" s="133">
        <v>0</v>
      </c>
      <c r="IC39" s="146">
        <v>0</v>
      </c>
      <c r="ID39" s="132">
        <v>96873</v>
      </c>
      <c r="IE39" s="147">
        <v>156296</v>
      </c>
      <c r="IF39" s="133">
        <v>0</v>
      </c>
      <c r="IG39" s="132">
        <v>0</v>
      </c>
      <c r="IH39" s="133">
        <v>0</v>
      </c>
      <c r="II39" s="148">
        <v>253169</v>
      </c>
      <c r="IJ39" s="139">
        <v>253169</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20">
        <v>0</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96873</v>
      </c>
      <c r="KH39" s="119">
        <v>0</v>
      </c>
      <c r="KI39" s="119">
        <v>0</v>
      </c>
      <c r="KJ39" s="119">
        <v>0</v>
      </c>
      <c r="KK39" s="119">
        <v>0</v>
      </c>
      <c r="KL39" s="120">
        <v>96873</v>
      </c>
      <c r="KM39" s="143">
        <v>96873</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156296</v>
      </c>
      <c r="MA39" s="119">
        <v>0</v>
      </c>
      <c r="MB39" s="119">
        <v>0</v>
      </c>
      <c r="MC39" s="119">
        <v>0</v>
      </c>
      <c r="MD39" s="120">
        <v>156296</v>
      </c>
      <c r="ME39" s="121">
        <v>156296</v>
      </c>
      <c r="MF39" s="142">
        <v>0</v>
      </c>
      <c r="MG39" s="119">
        <v>0</v>
      </c>
      <c r="MH39" s="120">
        <v>0</v>
      </c>
      <c r="MI39" s="145"/>
      <c r="MJ39" s="119">
        <v>0</v>
      </c>
      <c r="MK39" s="119">
        <v>214522</v>
      </c>
      <c r="ML39" s="119">
        <v>0</v>
      </c>
      <c r="MM39" s="119">
        <v>0</v>
      </c>
      <c r="MN39" s="119">
        <v>0</v>
      </c>
      <c r="MO39" s="120">
        <v>214522</v>
      </c>
      <c r="MP39" s="143">
        <v>214522</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0</v>
      </c>
      <c r="NG39" s="119">
        <v>214522</v>
      </c>
      <c r="NH39" s="119">
        <v>0</v>
      </c>
      <c r="NI39" s="119">
        <v>0</v>
      </c>
      <c r="NJ39" s="119">
        <v>0</v>
      </c>
      <c r="NK39" s="120">
        <v>214522</v>
      </c>
      <c r="NL39" s="320">
        <v>214522</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158501</v>
      </c>
      <c r="ON39" s="119">
        <v>553028</v>
      </c>
      <c r="OO39" s="119">
        <v>265811</v>
      </c>
      <c r="OP39" s="119">
        <v>106344</v>
      </c>
      <c r="OQ39" s="119">
        <v>0</v>
      </c>
      <c r="OR39" s="120">
        <v>1083684</v>
      </c>
      <c r="OS39" s="143">
        <v>1083684</v>
      </c>
    </row>
    <row r="40" spans="2:409" ht="21" customHeight="1" x14ac:dyDescent="0.2">
      <c r="B40" s="126" t="s">
        <v>35</v>
      </c>
      <c r="C40" s="110">
        <v>197909</v>
      </c>
      <c r="D40" s="114">
        <v>77427</v>
      </c>
      <c r="E40" s="113">
        <v>275336</v>
      </c>
      <c r="F40" s="109">
        <v>0</v>
      </c>
      <c r="G40" s="114">
        <v>918726</v>
      </c>
      <c r="H40" s="114">
        <v>552972</v>
      </c>
      <c r="I40" s="114">
        <v>554164</v>
      </c>
      <c r="J40" s="114">
        <v>1825082</v>
      </c>
      <c r="K40" s="114">
        <v>0</v>
      </c>
      <c r="L40" s="173">
        <v>3850944</v>
      </c>
      <c r="M40" s="116">
        <v>4126280</v>
      </c>
      <c r="N40" s="110">
        <v>36624</v>
      </c>
      <c r="O40" s="114">
        <v>0</v>
      </c>
      <c r="P40" s="113">
        <v>36624</v>
      </c>
      <c r="Q40" s="110">
        <v>0</v>
      </c>
      <c r="R40" s="114">
        <v>387692</v>
      </c>
      <c r="S40" s="114">
        <v>137837</v>
      </c>
      <c r="T40" s="114">
        <v>119091</v>
      </c>
      <c r="U40" s="114">
        <v>691686</v>
      </c>
      <c r="V40" s="114">
        <v>0</v>
      </c>
      <c r="W40" s="113">
        <v>1336306</v>
      </c>
      <c r="X40" s="116">
        <v>1372930</v>
      </c>
      <c r="Y40" s="110">
        <v>0</v>
      </c>
      <c r="Z40" s="114">
        <v>0</v>
      </c>
      <c r="AA40" s="113">
        <v>0</v>
      </c>
      <c r="AB40" s="110">
        <v>0</v>
      </c>
      <c r="AC40" s="114">
        <v>174810</v>
      </c>
      <c r="AD40" s="114">
        <v>109151</v>
      </c>
      <c r="AE40" s="114">
        <v>76048</v>
      </c>
      <c r="AF40" s="114">
        <v>323780</v>
      </c>
      <c r="AG40" s="114">
        <v>0</v>
      </c>
      <c r="AH40" s="113">
        <v>683789</v>
      </c>
      <c r="AI40" s="116">
        <v>683789</v>
      </c>
      <c r="AJ40" s="110">
        <v>0</v>
      </c>
      <c r="AK40" s="114">
        <v>0</v>
      </c>
      <c r="AL40" s="113">
        <v>0</v>
      </c>
      <c r="AM40" s="110">
        <v>0</v>
      </c>
      <c r="AN40" s="114">
        <v>0</v>
      </c>
      <c r="AO40" s="114">
        <v>0</v>
      </c>
      <c r="AP40" s="114">
        <v>0</v>
      </c>
      <c r="AQ40" s="114">
        <v>0</v>
      </c>
      <c r="AR40" s="114">
        <v>0</v>
      </c>
      <c r="AS40" s="113">
        <v>0</v>
      </c>
      <c r="AT40" s="116">
        <v>0</v>
      </c>
      <c r="AU40" s="110">
        <v>0</v>
      </c>
      <c r="AV40" s="114">
        <v>0</v>
      </c>
      <c r="AW40" s="113">
        <v>0</v>
      </c>
      <c r="AX40" s="110">
        <v>0</v>
      </c>
      <c r="AY40" s="114">
        <v>123681</v>
      </c>
      <c r="AZ40" s="114">
        <v>0</v>
      </c>
      <c r="BA40" s="114">
        <v>13930</v>
      </c>
      <c r="BB40" s="114">
        <v>273595</v>
      </c>
      <c r="BC40" s="114">
        <v>0</v>
      </c>
      <c r="BD40" s="113">
        <v>411206</v>
      </c>
      <c r="BE40" s="116">
        <v>411206</v>
      </c>
      <c r="BF40" s="110">
        <v>0</v>
      </c>
      <c r="BG40" s="114">
        <v>0</v>
      </c>
      <c r="BH40" s="112">
        <v>0</v>
      </c>
      <c r="BI40" s="111">
        <v>0</v>
      </c>
      <c r="BJ40" s="114">
        <v>47950</v>
      </c>
      <c r="BK40" s="114">
        <v>0</v>
      </c>
      <c r="BL40" s="114">
        <v>0</v>
      </c>
      <c r="BM40" s="114">
        <v>0</v>
      </c>
      <c r="BN40" s="114">
        <v>0</v>
      </c>
      <c r="BO40" s="113">
        <v>47950</v>
      </c>
      <c r="BP40" s="116">
        <v>47950</v>
      </c>
      <c r="BQ40" s="110">
        <v>36624</v>
      </c>
      <c r="BR40" s="114">
        <v>0</v>
      </c>
      <c r="BS40" s="113">
        <v>36624</v>
      </c>
      <c r="BT40" s="110">
        <v>0</v>
      </c>
      <c r="BU40" s="114">
        <v>41251</v>
      </c>
      <c r="BV40" s="114">
        <v>28686</v>
      </c>
      <c r="BW40" s="114">
        <v>29113</v>
      </c>
      <c r="BX40" s="114">
        <v>94311</v>
      </c>
      <c r="BY40" s="114">
        <v>0</v>
      </c>
      <c r="BZ40" s="113">
        <v>193361</v>
      </c>
      <c r="CA40" s="116">
        <v>229985</v>
      </c>
      <c r="CB40" s="110">
        <v>18872</v>
      </c>
      <c r="CC40" s="114">
        <v>65877</v>
      </c>
      <c r="CD40" s="113">
        <v>84749</v>
      </c>
      <c r="CE40" s="110">
        <v>0</v>
      </c>
      <c r="CF40" s="114">
        <v>92799</v>
      </c>
      <c r="CG40" s="114">
        <v>193683</v>
      </c>
      <c r="CH40" s="114">
        <v>26411</v>
      </c>
      <c r="CI40" s="114">
        <v>193501</v>
      </c>
      <c r="CJ40" s="114">
        <v>0</v>
      </c>
      <c r="CK40" s="113">
        <v>506394</v>
      </c>
      <c r="CL40" s="116">
        <v>591143</v>
      </c>
      <c r="CM40" s="110">
        <v>0</v>
      </c>
      <c r="CN40" s="114">
        <v>0</v>
      </c>
      <c r="CO40" s="113">
        <v>0</v>
      </c>
      <c r="CP40" s="111">
        <v>0</v>
      </c>
      <c r="CQ40" s="114">
        <v>92799</v>
      </c>
      <c r="CR40" s="114">
        <v>123949</v>
      </c>
      <c r="CS40" s="114">
        <v>26411</v>
      </c>
      <c r="CT40" s="114">
        <v>95732</v>
      </c>
      <c r="CU40" s="114">
        <v>0</v>
      </c>
      <c r="CV40" s="113">
        <v>338891</v>
      </c>
      <c r="CW40" s="116">
        <v>338891</v>
      </c>
      <c r="CX40" s="110">
        <v>18872</v>
      </c>
      <c r="CY40" s="114">
        <v>65877</v>
      </c>
      <c r="CZ40" s="113">
        <v>84749</v>
      </c>
      <c r="DA40" s="110">
        <v>0</v>
      </c>
      <c r="DB40" s="114">
        <v>0</v>
      </c>
      <c r="DC40" s="114">
        <v>69734</v>
      </c>
      <c r="DD40" s="114">
        <v>0</v>
      </c>
      <c r="DE40" s="114">
        <v>97769</v>
      </c>
      <c r="DF40" s="114">
        <v>0</v>
      </c>
      <c r="DG40" s="113">
        <v>167503</v>
      </c>
      <c r="DH40" s="116">
        <v>252252</v>
      </c>
      <c r="DI40" s="110">
        <v>0</v>
      </c>
      <c r="DJ40" s="114">
        <v>0</v>
      </c>
      <c r="DK40" s="112">
        <v>0</v>
      </c>
      <c r="DL40" s="111">
        <v>0</v>
      </c>
      <c r="DM40" s="114">
        <v>12992</v>
      </c>
      <c r="DN40" s="114">
        <v>0</v>
      </c>
      <c r="DO40" s="114">
        <v>0</v>
      </c>
      <c r="DP40" s="114">
        <v>131719</v>
      </c>
      <c r="DQ40" s="114">
        <v>0</v>
      </c>
      <c r="DR40" s="113">
        <v>144711</v>
      </c>
      <c r="DS40" s="116">
        <v>144711</v>
      </c>
      <c r="DT40" s="110">
        <v>0</v>
      </c>
      <c r="DU40" s="114">
        <v>0</v>
      </c>
      <c r="DV40" s="113">
        <v>0</v>
      </c>
      <c r="DW40" s="110">
        <v>0</v>
      </c>
      <c r="DX40" s="114">
        <v>12992</v>
      </c>
      <c r="DY40" s="114">
        <v>0</v>
      </c>
      <c r="DZ40" s="114">
        <v>0</v>
      </c>
      <c r="EA40" s="114">
        <v>131719</v>
      </c>
      <c r="EB40" s="114">
        <v>0</v>
      </c>
      <c r="EC40" s="113">
        <v>144711</v>
      </c>
      <c r="ED40" s="116">
        <v>144711</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5950</v>
      </c>
      <c r="FM40" s="114">
        <v>11550</v>
      </c>
      <c r="FN40" s="113">
        <v>17500</v>
      </c>
      <c r="FO40" s="110">
        <v>0</v>
      </c>
      <c r="FP40" s="114">
        <v>32620</v>
      </c>
      <c r="FQ40" s="114">
        <v>71400</v>
      </c>
      <c r="FR40" s="114">
        <v>82250</v>
      </c>
      <c r="FS40" s="114">
        <v>94500</v>
      </c>
      <c r="FT40" s="114">
        <v>0</v>
      </c>
      <c r="FU40" s="113">
        <v>280770</v>
      </c>
      <c r="FV40" s="116">
        <v>298270</v>
      </c>
      <c r="FW40" s="115">
        <v>5950</v>
      </c>
      <c r="FX40" s="114">
        <v>11550</v>
      </c>
      <c r="FY40" s="112">
        <v>17500</v>
      </c>
      <c r="FZ40" s="111">
        <v>0</v>
      </c>
      <c r="GA40" s="114">
        <v>32620</v>
      </c>
      <c r="GB40" s="114">
        <v>71400</v>
      </c>
      <c r="GC40" s="114">
        <v>82250</v>
      </c>
      <c r="GD40" s="114">
        <v>94500</v>
      </c>
      <c r="GE40" s="114">
        <v>0</v>
      </c>
      <c r="GF40" s="113">
        <v>280770</v>
      </c>
      <c r="GG40" s="318">
        <v>298270</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136463</v>
      </c>
      <c r="HE40" s="114">
        <v>0</v>
      </c>
      <c r="HF40" s="112">
        <v>136463</v>
      </c>
      <c r="HG40" s="111">
        <v>0</v>
      </c>
      <c r="HH40" s="114">
        <v>392623</v>
      </c>
      <c r="HI40" s="114">
        <v>150052</v>
      </c>
      <c r="HJ40" s="114">
        <v>326412</v>
      </c>
      <c r="HK40" s="114">
        <v>713676</v>
      </c>
      <c r="HL40" s="114">
        <v>0</v>
      </c>
      <c r="HM40" s="113">
        <v>1582763</v>
      </c>
      <c r="HN40" s="109">
        <v>1719226</v>
      </c>
      <c r="HO40" s="328"/>
      <c r="HP40" s="329"/>
      <c r="HQ40" s="330"/>
      <c r="HR40" s="331"/>
      <c r="HS40" s="329"/>
      <c r="HT40" s="329"/>
      <c r="HU40" s="329"/>
      <c r="HV40" s="329"/>
      <c r="HW40" s="329"/>
      <c r="HX40" s="332"/>
      <c r="HY40" s="333"/>
      <c r="HZ40" s="150">
        <v>0</v>
      </c>
      <c r="IA40" s="135">
        <v>0</v>
      </c>
      <c r="IB40" s="150">
        <v>0</v>
      </c>
      <c r="IC40" s="146">
        <v>0</v>
      </c>
      <c r="ID40" s="132">
        <v>53109</v>
      </c>
      <c r="IE40" s="147">
        <v>77143</v>
      </c>
      <c r="IF40" s="133">
        <v>0</v>
      </c>
      <c r="IG40" s="132">
        <v>291039</v>
      </c>
      <c r="IH40" s="133">
        <v>0</v>
      </c>
      <c r="II40" s="148">
        <v>421291</v>
      </c>
      <c r="IJ40" s="150">
        <v>421291</v>
      </c>
      <c r="IK40" s="232">
        <v>0</v>
      </c>
      <c r="IL40" s="236">
        <v>0</v>
      </c>
      <c r="IM40" s="237">
        <v>0</v>
      </c>
      <c r="IN40" s="140"/>
      <c r="IO40" s="119">
        <v>0</v>
      </c>
      <c r="IP40" s="119">
        <v>0</v>
      </c>
      <c r="IQ40" s="119">
        <v>0</v>
      </c>
      <c r="IR40" s="119">
        <v>0</v>
      </c>
      <c r="IS40" s="119">
        <v>0</v>
      </c>
      <c r="IT40" s="141">
        <v>0</v>
      </c>
      <c r="IU40" s="320">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53109</v>
      </c>
      <c r="JL40" s="119">
        <v>77143</v>
      </c>
      <c r="JM40" s="119">
        <v>0</v>
      </c>
      <c r="JN40" s="119">
        <v>0</v>
      </c>
      <c r="JO40" s="119">
        <v>0</v>
      </c>
      <c r="JP40" s="120">
        <v>130252</v>
      </c>
      <c r="JQ40" s="320">
        <v>130252</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0</v>
      </c>
      <c r="KI40" s="119">
        <v>0</v>
      </c>
      <c r="KJ40" s="119">
        <v>84497</v>
      </c>
      <c r="KK40" s="119">
        <v>0</v>
      </c>
      <c r="KL40" s="120">
        <v>84497</v>
      </c>
      <c r="KM40" s="143">
        <v>84497</v>
      </c>
      <c r="KN40" s="232">
        <v>0</v>
      </c>
      <c r="KO40" s="236">
        <v>0</v>
      </c>
      <c r="KP40" s="237">
        <v>0</v>
      </c>
      <c r="KQ40" s="140"/>
      <c r="KR40" s="119">
        <v>0</v>
      </c>
      <c r="KS40" s="119">
        <v>0</v>
      </c>
      <c r="KT40" s="119">
        <v>0</v>
      </c>
      <c r="KU40" s="119">
        <v>206542</v>
      </c>
      <c r="KV40" s="119">
        <v>0</v>
      </c>
      <c r="KW40" s="120">
        <v>206542</v>
      </c>
      <c r="KX40" s="320">
        <v>206542</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0</v>
      </c>
      <c r="MM40" s="119">
        <v>419195</v>
      </c>
      <c r="MN40" s="119">
        <v>0</v>
      </c>
      <c r="MO40" s="120">
        <v>419195</v>
      </c>
      <c r="MP40" s="143">
        <v>419195</v>
      </c>
      <c r="MQ40" s="142">
        <v>0</v>
      </c>
      <c r="MR40" s="119">
        <v>0</v>
      </c>
      <c r="MS40" s="120">
        <v>0</v>
      </c>
      <c r="MT40" s="145"/>
      <c r="MU40" s="119">
        <v>0</v>
      </c>
      <c r="MV40" s="119">
        <v>0</v>
      </c>
      <c r="MW40" s="119">
        <v>0</v>
      </c>
      <c r="MX40" s="119">
        <v>419195</v>
      </c>
      <c r="MY40" s="119">
        <v>0</v>
      </c>
      <c r="MZ40" s="120">
        <v>419195</v>
      </c>
      <c r="NA40" s="143">
        <v>419195</v>
      </c>
      <c r="NB40" s="142">
        <v>0</v>
      </c>
      <c r="NC40" s="119">
        <v>0</v>
      </c>
      <c r="ND40" s="120">
        <v>0</v>
      </c>
      <c r="NE40" s="145"/>
      <c r="NF40" s="119">
        <v>0</v>
      </c>
      <c r="NG40" s="119">
        <v>0</v>
      </c>
      <c r="NH40" s="119">
        <v>0</v>
      </c>
      <c r="NI40" s="119">
        <v>0</v>
      </c>
      <c r="NJ40" s="119">
        <v>0</v>
      </c>
      <c r="NK40" s="120">
        <v>0</v>
      </c>
      <c r="NL40" s="320">
        <v>0</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197909</v>
      </c>
      <c r="OJ40" s="119">
        <v>77427</v>
      </c>
      <c r="OK40" s="141">
        <v>275336</v>
      </c>
      <c r="OL40" s="118">
        <v>0</v>
      </c>
      <c r="OM40" s="119">
        <v>971835</v>
      </c>
      <c r="ON40" s="119">
        <v>630115</v>
      </c>
      <c r="OO40" s="119">
        <v>554164</v>
      </c>
      <c r="OP40" s="119">
        <v>2535316</v>
      </c>
      <c r="OQ40" s="119">
        <v>0</v>
      </c>
      <c r="OR40" s="120">
        <v>4691430</v>
      </c>
      <c r="OS40" s="143">
        <v>4966766</v>
      </c>
    </row>
    <row r="41" spans="2:409" ht="21" customHeight="1" x14ac:dyDescent="0.2">
      <c r="B41" s="126" t="s">
        <v>36</v>
      </c>
      <c r="C41" s="110">
        <v>0</v>
      </c>
      <c r="D41" s="114">
        <v>50364</v>
      </c>
      <c r="E41" s="113">
        <v>50364</v>
      </c>
      <c r="F41" s="109">
        <v>0</v>
      </c>
      <c r="G41" s="114">
        <v>579994</v>
      </c>
      <c r="H41" s="114">
        <v>493716</v>
      </c>
      <c r="I41" s="114">
        <v>561149</v>
      </c>
      <c r="J41" s="114">
        <v>311557</v>
      </c>
      <c r="K41" s="114">
        <v>61621</v>
      </c>
      <c r="L41" s="173">
        <v>2008037</v>
      </c>
      <c r="M41" s="116">
        <v>2058401</v>
      </c>
      <c r="N41" s="110">
        <v>0</v>
      </c>
      <c r="O41" s="114">
        <v>48964</v>
      </c>
      <c r="P41" s="113">
        <v>48964</v>
      </c>
      <c r="Q41" s="110">
        <v>0</v>
      </c>
      <c r="R41" s="114">
        <v>210410</v>
      </c>
      <c r="S41" s="114">
        <v>87406</v>
      </c>
      <c r="T41" s="114">
        <v>56526</v>
      </c>
      <c r="U41" s="114">
        <v>33222</v>
      </c>
      <c r="V41" s="114">
        <v>0</v>
      </c>
      <c r="W41" s="113">
        <v>387564</v>
      </c>
      <c r="X41" s="116">
        <v>436528</v>
      </c>
      <c r="Y41" s="110">
        <v>0</v>
      </c>
      <c r="Z41" s="114">
        <v>0</v>
      </c>
      <c r="AA41" s="113">
        <v>0</v>
      </c>
      <c r="AB41" s="110">
        <v>0</v>
      </c>
      <c r="AC41" s="114">
        <v>65189</v>
      </c>
      <c r="AD41" s="114">
        <v>0</v>
      </c>
      <c r="AE41" s="114">
        <v>0</v>
      </c>
      <c r="AF41" s="114">
        <v>0</v>
      </c>
      <c r="AG41" s="114">
        <v>0</v>
      </c>
      <c r="AH41" s="113">
        <v>65189</v>
      </c>
      <c r="AI41" s="116">
        <v>65189</v>
      </c>
      <c r="AJ41" s="110">
        <v>0</v>
      </c>
      <c r="AK41" s="114">
        <v>0</v>
      </c>
      <c r="AL41" s="113">
        <v>0</v>
      </c>
      <c r="AM41" s="110">
        <v>0</v>
      </c>
      <c r="AN41" s="114">
        <v>0</v>
      </c>
      <c r="AO41" s="114">
        <v>0</v>
      </c>
      <c r="AP41" s="114">
        <v>0</v>
      </c>
      <c r="AQ41" s="114">
        <v>0</v>
      </c>
      <c r="AR41" s="114">
        <v>0</v>
      </c>
      <c r="AS41" s="113">
        <v>0</v>
      </c>
      <c r="AT41" s="116">
        <v>0</v>
      </c>
      <c r="AU41" s="110">
        <v>0</v>
      </c>
      <c r="AV41" s="114">
        <v>48964</v>
      </c>
      <c r="AW41" s="113">
        <v>48964</v>
      </c>
      <c r="AX41" s="110">
        <v>0</v>
      </c>
      <c r="AY41" s="114">
        <v>89285</v>
      </c>
      <c r="AZ41" s="114">
        <v>69094</v>
      </c>
      <c r="BA41" s="114">
        <v>7967</v>
      </c>
      <c r="BB41" s="114">
        <v>0</v>
      </c>
      <c r="BC41" s="114">
        <v>0</v>
      </c>
      <c r="BD41" s="113">
        <v>166346</v>
      </c>
      <c r="BE41" s="116">
        <v>215310</v>
      </c>
      <c r="BF41" s="110">
        <v>0</v>
      </c>
      <c r="BG41" s="114">
        <v>0</v>
      </c>
      <c r="BH41" s="112">
        <v>0</v>
      </c>
      <c r="BI41" s="111">
        <v>0</v>
      </c>
      <c r="BJ41" s="114">
        <v>53549</v>
      </c>
      <c r="BK41" s="114">
        <v>0</v>
      </c>
      <c r="BL41" s="114">
        <v>0</v>
      </c>
      <c r="BM41" s="114">
        <v>0</v>
      </c>
      <c r="BN41" s="114">
        <v>0</v>
      </c>
      <c r="BO41" s="113">
        <v>53549</v>
      </c>
      <c r="BP41" s="116">
        <v>53549</v>
      </c>
      <c r="BQ41" s="110">
        <v>0</v>
      </c>
      <c r="BR41" s="114">
        <v>0</v>
      </c>
      <c r="BS41" s="113">
        <v>0</v>
      </c>
      <c r="BT41" s="110">
        <v>0</v>
      </c>
      <c r="BU41" s="114">
        <v>2387</v>
      </c>
      <c r="BV41" s="114">
        <v>18312</v>
      </c>
      <c r="BW41" s="114">
        <v>48559</v>
      </c>
      <c r="BX41" s="114">
        <v>33222</v>
      </c>
      <c r="BY41" s="114">
        <v>0</v>
      </c>
      <c r="BZ41" s="113">
        <v>102480</v>
      </c>
      <c r="CA41" s="116">
        <v>102480</v>
      </c>
      <c r="CB41" s="110">
        <v>0</v>
      </c>
      <c r="CC41" s="114">
        <v>0</v>
      </c>
      <c r="CD41" s="113">
        <v>0</v>
      </c>
      <c r="CE41" s="110">
        <v>0</v>
      </c>
      <c r="CF41" s="114">
        <v>96190</v>
      </c>
      <c r="CG41" s="114">
        <v>44679</v>
      </c>
      <c r="CH41" s="114">
        <v>113215</v>
      </c>
      <c r="CI41" s="114">
        <v>94401</v>
      </c>
      <c r="CJ41" s="114">
        <v>42105</v>
      </c>
      <c r="CK41" s="113">
        <v>390590</v>
      </c>
      <c r="CL41" s="116">
        <v>390590</v>
      </c>
      <c r="CM41" s="110">
        <v>0</v>
      </c>
      <c r="CN41" s="114">
        <v>0</v>
      </c>
      <c r="CO41" s="113">
        <v>0</v>
      </c>
      <c r="CP41" s="111">
        <v>0</v>
      </c>
      <c r="CQ41" s="114">
        <v>90142</v>
      </c>
      <c r="CR41" s="114">
        <v>44679</v>
      </c>
      <c r="CS41" s="114">
        <v>113215</v>
      </c>
      <c r="CT41" s="114">
        <v>94401</v>
      </c>
      <c r="CU41" s="114">
        <v>42105</v>
      </c>
      <c r="CV41" s="113">
        <v>384542</v>
      </c>
      <c r="CW41" s="116">
        <v>384542</v>
      </c>
      <c r="CX41" s="110">
        <v>0</v>
      </c>
      <c r="CY41" s="114">
        <v>0</v>
      </c>
      <c r="CZ41" s="113">
        <v>0</v>
      </c>
      <c r="DA41" s="110">
        <v>0</v>
      </c>
      <c r="DB41" s="114">
        <v>6048</v>
      </c>
      <c r="DC41" s="114">
        <v>0</v>
      </c>
      <c r="DD41" s="114">
        <v>0</v>
      </c>
      <c r="DE41" s="114">
        <v>0</v>
      </c>
      <c r="DF41" s="114">
        <v>0</v>
      </c>
      <c r="DG41" s="113">
        <v>6048</v>
      </c>
      <c r="DH41" s="116">
        <v>6048</v>
      </c>
      <c r="DI41" s="110">
        <v>0</v>
      </c>
      <c r="DJ41" s="114">
        <v>0</v>
      </c>
      <c r="DK41" s="112">
        <v>0</v>
      </c>
      <c r="DL41" s="111">
        <v>0</v>
      </c>
      <c r="DM41" s="114">
        <v>101649</v>
      </c>
      <c r="DN41" s="114">
        <v>57676</v>
      </c>
      <c r="DO41" s="114">
        <v>24847</v>
      </c>
      <c r="DP41" s="114">
        <v>0</v>
      </c>
      <c r="DQ41" s="114">
        <v>0</v>
      </c>
      <c r="DR41" s="113">
        <v>184172</v>
      </c>
      <c r="DS41" s="116">
        <v>184172</v>
      </c>
      <c r="DT41" s="110">
        <v>0</v>
      </c>
      <c r="DU41" s="114">
        <v>0</v>
      </c>
      <c r="DV41" s="113">
        <v>0</v>
      </c>
      <c r="DW41" s="110">
        <v>0</v>
      </c>
      <c r="DX41" s="114">
        <v>0</v>
      </c>
      <c r="DY41" s="114">
        <v>57676</v>
      </c>
      <c r="DZ41" s="114">
        <v>24847</v>
      </c>
      <c r="EA41" s="114">
        <v>0</v>
      </c>
      <c r="EB41" s="114">
        <v>0</v>
      </c>
      <c r="EC41" s="113">
        <v>82523</v>
      </c>
      <c r="ED41" s="116">
        <v>82523</v>
      </c>
      <c r="EE41" s="110">
        <v>0</v>
      </c>
      <c r="EF41" s="112">
        <v>0</v>
      </c>
      <c r="EG41" s="113">
        <v>0</v>
      </c>
      <c r="EH41" s="110">
        <v>0</v>
      </c>
      <c r="EI41" s="114">
        <v>101649</v>
      </c>
      <c r="EJ41" s="114">
        <v>0</v>
      </c>
      <c r="EK41" s="114">
        <v>0</v>
      </c>
      <c r="EL41" s="114">
        <v>0</v>
      </c>
      <c r="EM41" s="114">
        <v>0</v>
      </c>
      <c r="EN41" s="112">
        <v>101649</v>
      </c>
      <c r="EO41" s="116">
        <v>101649</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1400</v>
      </c>
      <c r="FN41" s="113">
        <v>1400</v>
      </c>
      <c r="FO41" s="110">
        <v>0</v>
      </c>
      <c r="FP41" s="114">
        <v>171745</v>
      </c>
      <c r="FQ41" s="114">
        <v>11235</v>
      </c>
      <c r="FR41" s="114">
        <v>33530</v>
      </c>
      <c r="FS41" s="114">
        <v>5950</v>
      </c>
      <c r="FT41" s="114">
        <v>19516</v>
      </c>
      <c r="FU41" s="113">
        <v>241976</v>
      </c>
      <c r="FV41" s="116">
        <v>243376</v>
      </c>
      <c r="FW41" s="115">
        <v>0</v>
      </c>
      <c r="FX41" s="114">
        <v>1400</v>
      </c>
      <c r="FY41" s="112">
        <v>1400</v>
      </c>
      <c r="FZ41" s="111">
        <v>0</v>
      </c>
      <c r="GA41" s="114">
        <v>31745</v>
      </c>
      <c r="GB41" s="114">
        <v>11235</v>
      </c>
      <c r="GC41" s="114">
        <v>33530</v>
      </c>
      <c r="GD41" s="114">
        <v>5950</v>
      </c>
      <c r="GE41" s="114">
        <v>19516</v>
      </c>
      <c r="GF41" s="113">
        <v>101976</v>
      </c>
      <c r="GG41" s="318">
        <v>103376</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140000</v>
      </c>
      <c r="GX41" s="114">
        <v>0</v>
      </c>
      <c r="GY41" s="114">
        <v>0</v>
      </c>
      <c r="GZ41" s="114">
        <v>0</v>
      </c>
      <c r="HA41" s="114">
        <v>0</v>
      </c>
      <c r="HB41" s="112">
        <v>140000</v>
      </c>
      <c r="HC41" s="116">
        <v>140000</v>
      </c>
      <c r="HD41" s="110">
        <v>0</v>
      </c>
      <c r="HE41" s="114">
        <v>0</v>
      </c>
      <c r="HF41" s="112">
        <v>0</v>
      </c>
      <c r="HG41" s="111">
        <v>0</v>
      </c>
      <c r="HH41" s="114">
        <v>0</v>
      </c>
      <c r="HI41" s="114">
        <v>292720</v>
      </c>
      <c r="HJ41" s="114">
        <v>333031</v>
      </c>
      <c r="HK41" s="114">
        <v>177984</v>
      </c>
      <c r="HL41" s="114">
        <v>0</v>
      </c>
      <c r="HM41" s="113">
        <v>803735</v>
      </c>
      <c r="HN41" s="109">
        <v>803735</v>
      </c>
      <c r="HO41" s="328"/>
      <c r="HP41" s="329"/>
      <c r="HQ41" s="330"/>
      <c r="HR41" s="331"/>
      <c r="HS41" s="329"/>
      <c r="HT41" s="329"/>
      <c r="HU41" s="329"/>
      <c r="HV41" s="329"/>
      <c r="HW41" s="329"/>
      <c r="HX41" s="332"/>
      <c r="HY41" s="333"/>
      <c r="HZ41" s="131">
        <v>0</v>
      </c>
      <c r="IA41" s="132">
        <v>0</v>
      </c>
      <c r="IB41" s="133">
        <v>0</v>
      </c>
      <c r="IC41" s="146">
        <v>0</v>
      </c>
      <c r="ID41" s="132">
        <v>234275</v>
      </c>
      <c r="IE41" s="147">
        <v>30211</v>
      </c>
      <c r="IF41" s="133">
        <v>211535</v>
      </c>
      <c r="IG41" s="132">
        <v>530796</v>
      </c>
      <c r="IH41" s="133">
        <v>0</v>
      </c>
      <c r="II41" s="148">
        <v>1006817</v>
      </c>
      <c r="IJ41" s="139">
        <v>1006817</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7386</v>
      </c>
      <c r="JL41" s="119">
        <v>30211</v>
      </c>
      <c r="JM41" s="119">
        <v>0</v>
      </c>
      <c r="JN41" s="119">
        <v>315283</v>
      </c>
      <c r="JO41" s="119">
        <v>0</v>
      </c>
      <c r="JP41" s="120">
        <v>372880</v>
      </c>
      <c r="JQ41" s="320">
        <v>372880</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97925</v>
      </c>
      <c r="KH41" s="119">
        <v>0</v>
      </c>
      <c r="KI41" s="119">
        <v>0</v>
      </c>
      <c r="KJ41" s="119">
        <v>0</v>
      </c>
      <c r="KK41" s="119">
        <v>0</v>
      </c>
      <c r="KL41" s="120">
        <v>97925</v>
      </c>
      <c r="KM41" s="143">
        <v>97925</v>
      </c>
      <c r="KN41" s="232">
        <v>0</v>
      </c>
      <c r="KO41" s="236">
        <v>0</v>
      </c>
      <c r="KP41" s="237">
        <v>0</v>
      </c>
      <c r="KQ41" s="140"/>
      <c r="KR41" s="119">
        <v>108964</v>
      </c>
      <c r="KS41" s="119">
        <v>0</v>
      </c>
      <c r="KT41" s="119">
        <v>211535</v>
      </c>
      <c r="KU41" s="119">
        <v>215513</v>
      </c>
      <c r="KV41" s="119">
        <v>0</v>
      </c>
      <c r="KW41" s="120">
        <v>536012</v>
      </c>
      <c r="KX41" s="320">
        <v>536012</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380600</v>
      </c>
      <c r="MK41" s="119">
        <v>0</v>
      </c>
      <c r="ML41" s="119">
        <v>332414</v>
      </c>
      <c r="MM41" s="119">
        <v>882531</v>
      </c>
      <c r="MN41" s="119">
        <v>886176</v>
      </c>
      <c r="MO41" s="120">
        <v>2481721</v>
      </c>
      <c r="MP41" s="143">
        <v>2481721</v>
      </c>
      <c r="MQ41" s="142">
        <v>0</v>
      </c>
      <c r="MR41" s="119">
        <v>0</v>
      </c>
      <c r="MS41" s="120">
        <v>0</v>
      </c>
      <c r="MT41" s="145"/>
      <c r="MU41" s="119">
        <v>0</v>
      </c>
      <c r="MV41" s="119">
        <v>0</v>
      </c>
      <c r="MW41" s="119">
        <v>0</v>
      </c>
      <c r="MX41" s="119">
        <v>414262</v>
      </c>
      <c r="MY41" s="119">
        <v>886176</v>
      </c>
      <c r="MZ41" s="120">
        <v>1300438</v>
      </c>
      <c r="NA41" s="143">
        <v>1300438</v>
      </c>
      <c r="NB41" s="142">
        <v>0</v>
      </c>
      <c r="NC41" s="119">
        <v>0</v>
      </c>
      <c r="ND41" s="120">
        <v>0</v>
      </c>
      <c r="NE41" s="145"/>
      <c r="NF41" s="119">
        <v>380600</v>
      </c>
      <c r="NG41" s="119">
        <v>0</v>
      </c>
      <c r="NH41" s="119">
        <v>332414</v>
      </c>
      <c r="NI41" s="119">
        <v>468269</v>
      </c>
      <c r="NJ41" s="119">
        <v>0</v>
      </c>
      <c r="NK41" s="120">
        <v>1181283</v>
      </c>
      <c r="NL41" s="320">
        <v>1181283</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50364</v>
      </c>
      <c r="OK41" s="141">
        <v>50364</v>
      </c>
      <c r="OL41" s="118">
        <v>0</v>
      </c>
      <c r="OM41" s="119">
        <v>1194869</v>
      </c>
      <c r="ON41" s="119">
        <v>523927</v>
      </c>
      <c r="OO41" s="119">
        <v>1105098</v>
      </c>
      <c r="OP41" s="119">
        <v>1724884</v>
      </c>
      <c r="OQ41" s="119">
        <v>947797</v>
      </c>
      <c r="OR41" s="120">
        <v>5496575</v>
      </c>
      <c r="OS41" s="143">
        <v>5546939</v>
      </c>
    </row>
    <row r="42" spans="2:409" ht="21" customHeight="1" thickBot="1" x14ac:dyDescent="0.25">
      <c r="B42" s="127" t="s">
        <v>37</v>
      </c>
      <c r="C42" s="117">
        <v>0</v>
      </c>
      <c r="D42" s="178">
        <v>21940</v>
      </c>
      <c r="E42" s="179">
        <v>21940</v>
      </c>
      <c r="F42" s="180">
        <v>0</v>
      </c>
      <c r="G42" s="178">
        <v>0</v>
      </c>
      <c r="H42" s="178">
        <v>0</v>
      </c>
      <c r="I42" s="178">
        <v>0</v>
      </c>
      <c r="J42" s="178">
        <v>99504</v>
      </c>
      <c r="K42" s="178">
        <v>165830</v>
      </c>
      <c r="L42" s="180">
        <v>265334</v>
      </c>
      <c r="M42" s="181">
        <v>287274</v>
      </c>
      <c r="N42" s="117">
        <v>0</v>
      </c>
      <c r="O42" s="178">
        <v>0</v>
      </c>
      <c r="P42" s="179">
        <v>0</v>
      </c>
      <c r="Q42" s="117">
        <v>0</v>
      </c>
      <c r="R42" s="178">
        <v>0</v>
      </c>
      <c r="S42" s="178">
        <v>0</v>
      </c>
      <c r="T42" s="178">
        <v>0</v>
      </c>
      <c r="U42" s="178">
        <v>4200</v>
      </c>
      <c r="V42" s="178">
        <v>126231</v>
      </c>
      <c r="W42" s="179">
        <v>130431</v>
      </c>
      <c r="X42" s="181">
        <v>130431</v>
      </c>
      <c r="Y42" s="117">
        <v>0</v>
      </c>
      <c r="Z42" s="178">
        <v>0</v>
      </c>
      <c r="AA42" s="179">
        <v>0</v>
      </c>
      <c r="AB42" s="117">
        <v>0</v>
      </c>
      <c r="AC42" s="178">
        <v>0</v>
      </c>
      <c r="AD42" s="178">
        <v>0</v>
      </c>
      <c r="AE42" s="178">
        <v>0</v>
      </c>
      <c r="AF42" s="178">
        <v>0</v>
      </c>
      <c r="AG42" s="178">
        <v>89219</v>
      </c>
      <c r="AH42" s="179">
        <v>89219</v>
      </c>
      <c r="AI42" s="181">
        <v>89219</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32840</v>
      </c>
      <c r="BD42" s="179">
        <v>32840</v>
      </c>
      <c r="BE42" s="181">
        <v>32840</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4200</v>
      </c>
      <c r="BY42" s="178">
        <v>4172</v>
      </c>
      <c r="BZ42" s="179">
        <v>8372</v>
      </c>
      <c r="CA42" s="181">
        <v>8372</v>
      </c>
      <c r="CB42" s="117">
        <v>0</v>
      </c>
      <c r="CC42" s="178">
        <v>21940</v>
      </c>
      <c r="CD42" s="179">
        <v>21940</v>
      </c>
      <c r="CE42" s="117">
        <v>0</v>
      </c>
      <c r="CF42" s="178">
        <v>0</v>
      </c>
      <c r="CG42" s="178">
        <v>0</v>
      </c>
      <c r="CH42" s="178">
        <v>0</v>
      </c>
      <c r="CI42" s="178">
        <v>0</v>
      </c>
      <c r="CJ42" s="178">
        <v>0</v>
      </c>
      <c r="CK42" s="179">
        <v>0</v>
      </c>
      <c r="CL42" s="181">
        <v>21940</v>
      </c>
      <c r="CM42" s="117">
        <v>0</v>
      </c>
      <c r="CN42" s="178">
        <v>0</v>
      </c>
      <c r="CO42" s="179">
        <v>0</v>
      </c>
      <c r="CP42" s="182">
        <v>0</v>
      </c>
      <c r="CQ42" s="178">
        <v>0</v>
      </c>
      <c r="CR42" s="178">
        <v>0</v>
      </c>
      <c r="CS42" s="178">
        <v>0</v>
      </c>
      <c r="CT42" s="178">
        <v>0</v>
      </c>
      <c r="CU42" s="178">
        <v>0</v>
      </c>
      <c r="CV42" s="179">
        <v>0</v>
      </c>
      <c r="CW42" s="181">
        <v>0</v>
      </c>
      <c r="CX42" s="117">
        <v>0</v>
      </c>
      <c r="CY42" s="178">
        <v>21940</v>
      </c>
      <c r="CZ42" s="179">
        <v>21940</v>
      </c>
      <c r="DA42" s="117">
        <v>0</v>
      </c>
      <c r="DB42" s="178">
        <v>0</v>
      </c>
      <c r="DC42" s="178">
        <v>0</v>
      </c>
      <c r="DD42" s="178">
        <v>0</v>
      </c>
      <c r="DE42" s="178">
        <v>0</v>
      </c>
      <c r="DF42" s="178">
        <v>0</v>
      </c>
      <c r="DG42" s="179">
        <v>0</v>
      </c>
      <c r="DH42" s="181">
        <v>21940</v>
      </c>
      <c r="DI42" s="117">
        <v>0</v>
      </c>
      <c r="DJ42" s="178">
        <v>0</v>
      </c>
      <c r="DK42" s="183">
        <v>0</v>
      </c>
      <c r="DL42" s="182">
        <v>0</v>
      </c>
      <c r="DM42" s="178">
        <v>0</v>
      </c>
      <c r="DN42" s="178">
        <v>0</v>
      </c>
      <c r="DO42" s="178">
        <v>0</v>
      </c>
      <c r="DP42" s="178">
        <v>0</v>
      </c>
      <c r="DQ42" s="178">
        <v>8939</v>
      </c>
      <c r="DR42" s="179">
        <v>8939</v>
      </c>
      <c r="DS42" s="181">
        <v>8939</v>
      </c>
      <c r="DT42" s="117">
        <v>0</v>
      </c>
      <c r="DU42" s="178">
        <v>0</v>
      </c>
      <c r="DV42" s="179">
        <v>0</v>
      </c>
      <c r="DW42" s="117">
        <v>0</v>
      </c>
      <c r="DX42" s="178">
        <v>0</v>
      </c>
      <c r="DY42" s="178">
        <v>0</v>
      </c>
      <c r="DZ42" s="178">
        <v>0</v>
      </c>
      <c r="EA42" s="178">
        <v>0</v>
      </c>
      <c r="EB42" s="178">
        <v>8939</v>
      </c>
      <c r="EC42" s="179">
        <v>8939</v>
      </c>
      <c r="ED42" s="181">
        <v>8939</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0660</v>
      </c>
      <c r="FU42" s="179">
        <v>30660</v>
      </c>
      <c r="FV42" s="181">
        <v>30660</v>
      </c>
      <c r="FW42" s="184">
        <v>0</v>
      </c>
      <c r="FX42" s="178">
        <v>0</v>
      </c>
      <c r="FY42" s="183">
        <v>0</v>
      </c>
      <c r="FZ42" s="182">
        <v>0</v>
      </c>
      <c r="GA42" s="178">
        <v>0</v>
      </c>
      <c r="GB42" s="178">
        <v>0</v>
      </c>
      <c r="GC42" s="178">
        <v>0</v>
      </c>
      <c r="GD42" s="178">
        <v>0</v>
      </c>
      <c r="GE42" s="178">
        <v>30660</v>
      </c>
      <c r="GF42" s="179">
        <v>30660</v>
      </c>
      <c r="GG42" s="319">
        <v>306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95304</v>
      </c>
      <c r="HL42" s="178">
        <v>0</v>
      </c>
      <c r="HM42" s="179">
        <v>95304</v>
      </c>
      <c r="HN42" s="180">
        <v>95304</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1">
        <v>0</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337507</v>
      </c>
      <c r="MO42" s="165">
        <v>337507</v>
      </c>
      <c r="MP42" s="167">
        <v>337507</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337507</v>
      </c>
      <c r="OG42" s="165">
        <v>337507</v>
      </c>
      <c r="OH42" s="166">
        <v>337507</v>
      </c>
      <c r="OI42" s="163">
        <v>0</v>
      </c>
      <c r="OJ42" s="161">
        <v>21940</v>
      </c>
      <c r="OK42" s="162">
        <v>21940</v>
      </c>
      <c r="OL42" s="164">
        <v>0</v>
      </c>
      <c r="OM42" s="161">
        <v>0</v>
      </c>
      <c r="ON42" s="161">
        <v>0</v>
      </c>
      <c r="OO42" s="161">
        <v>0</v>
      </c>
      <c r="OP42" s="161">
        <v>99504</v>
      </c>
      <c r="OQ42" s="161">
        <v>503337</v>
      </c>
      <c r="OR42" s="165">
        <v>602841</v>
      </c>
      <c r="OS42" s="167">
        <v>624781</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2.5546875" style="291" customWidth="1"/>
    <col min="2" max="2" width="9" style="291" customWidth="1"/>
    <col min="3" max="4" width="9.21875" style="291" bestFit="1" customWidth="1"/>
    <col min="5" max="5" width="10.77734375" style="291" bestFit="1" customWidth="1"/>
    <col min="6" max="6" width="8.5546875" style="291" customWidth="1"/>
    <col min="7" max="11" width="10.44140625" style="291" bestFit="1" customWidth="1"/>
    <col min="12" max="13" width="11.6640625" style="291" bestFit="1" customWidth="1"/>
    <col min="14" max="16" width="9.21875" style="291" bestFit="1" customWidth="1"/>
    <col min="17" max="17" width="7.44140625" style="291" customWidth="1"/>
    <col min="18" max="18" width="9.21875" style="291" bestFit="1" customWidth="1"/>
    <col min="19" max="22" width="10.44140625" style="291" bestFit="1" customWidth="1"/>
    <col min="23" max="24" width="11.6640625" style="291" bestFit="1" customWidth="1"/>
    <col min="25" max="27" width="9.109375" style="291" bestFit="1" customWidth="1"/>
    <col min="28" max="28" width="7" style="291" customWidth="1"/>
    <col min="29" max="30" width="9.109375" style="291" bestFit="1" customWidth="1"/>
    <col min="31" max="32" width="9.6640625" style="291" bestFit="1" customWidth="1"/>
    <col min="33" max="33" width="9.109375" style="291" bestFit="1" customWidth="1"/>
    <col min="34" max="35" width="9.6640625" style="291" bestFit="1" customWidth="1"/>
    <col min="36" max="38" width="9.109375" style="291" bestFit="1" customWidth="1"/>
    <col min="39" max="39" width="7.33203125" style="291" customWidth="1"/>
    <col min="40" max="49" width="9.109375" style="291" bestFit="1" customWidth="1"/>
    <col min="50" max="50" width="7.33203125" style="291" customWidth="1"/>
    <col min="51" max="60" width="9.109375" style="291" bestFit="1" customWidth="1"/>
    <col min="61" max="61" width="7.77734375" style="291" customWidth="1"/>
    <col min="62" max="71" width="9.109375" style="291" bestFit="1" customWidth="1"/>
    <col min="72" max="72" width="7.77734375" style="291" customWidth="1"/>
    <col min="73" max="77" width="9.109375" style="291" bestFit="1" customWidth="1"/>
    <col min="78" max="79" width="9.6640625" style="291" bestFit="1" customWidth="1"/>
    <col min="80" max="82" width="9.109375" style="291" bestFit="1" customWidth="1"/>
    <col min="83" max="83" width="7.88671875" style="291" customWidth="1"/>
    <col min="84" max="93" width="9.109375" style="291" bestFit="1" customWidth="1"/>
    <col min="94" max="94" width="8" style="291" customWidth="1"/>
    <col min="95" max="104" width="9.109375" style="291" bestFit="1" customWidth="1"/>
    <col min="105" max="105" width="8" style="291" customWidth="1"/>
    <col min="106" max="115" width="9.109375" style="291" bestFit="1" customWidth="1"/>
    <col min="116" max="116" width="7.6640625" style="291" customWidth="1"/>
    <col min="117" max="117" width="9.109375" style="291" bestFit="1" customWidth="1"/>
    <col min="118" max="121" width="9.6640625" style="291" bestFit="1" customWidth="1"/>
    <col min="122" max="123" width="10.6640625" style="291" bestFit="1" customWidth="1"/>
    <col min="124" max="126" width="9.109375" style="291" bestFit="1" customWidth="1"/>
    <col min="127" max="127" width="7.44140625" style="291" customWidth="1"/>
    <col min="128" max="129" width="9.109375" style="291" bestFit="1" customWidth="1"/>
    <col min="130" max="134" width="9.6640625" style="291" bestFit="1" customWidth="1"/>
    <col min="135" max="137" width="9.109375" style="291" bestFit="1" customWidth="1"/>
    <col min="138" max="138" width="7.6640625" style="291" customWidth="1"/>
    <col min="139" max="148" width="9.109375" style="291" bestFit="1" customWidth="1"/>
    <col min="149" max="149" width="7.77734375" style="291" customWidth="1"/>
    <col min="150" max="159" width="9.109375" style="291" bestFit="1" customWidth="1"/>
    <col min="160" max="160" width="7.77734375" style="291" customWidth="1"/>
    <col min="161" max="170" width="9.109375" style="291" bestFit="1" customWidth="1"/>
    <col min="171" max="171" width="7.33203125" style="291" customWidth="1"/>
    <col min="172" max="181" width="9.109375" style="291" bestFit="1" customWidth="1"/>
    <col min="182" max="182" width="8" style="291" customWidth="1"/>
    <col min="183" max="188" width="9.109375" style="291" bestFit="1" customWidth="1"/>
    <col min="189" max="189" width="9.6640625" style="291" bestFit="1" customWidth="1"/>
    <col min="190" max="192" width="9.109375" style="291" bestFit="1" customWidth="1"/>
    <col min="193" max="193" width="7.44140625" style="291" customWidth="1"/>
    <col min="194" max="203" width="9.109375" style="291" bestFit="1" customWidth="1"/>
    <col min="204" max="204" width="7.88671875" style="291" customWidth="1"/>
    <col min="205" max="214" width="9.109375" style="291" bestFit="1" customWidth="1"/>
    <col min="215" max="215" width="7.88671875" style="291" customWidth="1"/>
    <col min="216" max="225" width="9.109375" style="291" bestFit="1" customWidth="1"/>
    <col min="226" max="226" width="7.6640625" style="291" customWidth="1"/>
    <col min="227" max="229" width="9.6640625" style="291" bestFit="1" customWidth="1"/>
    <col min="230" max="230" width="10.6640625" style="291" bestFit="1" customWidth="1"/>
    <col min="231" max="231" width="9.6640625" style="291" bestFit="1" customWidth="1"/>
    <col min="232" max="233" width="10.6640625" style="291" bestFit="1" customWidth="1"/>
    <col min="234" max="16384" width="9" style="291"/>
  </cols>
  <sheetData>
    <row r="1" spans="2:233" s="1" customFormat="1" ht="24" customHeight="1" x14ac:dyDescent="0.2">
      <c r="B1" s="20" t="s">
        <v>0</v>
      </c>
      <c r="C1" s="39"/>
      <c r="D1" s="39"/>
      <c r="E1" s="500">
        <f>第１表!F2</f>
        <v>4</v>
      </c>
      <c r="F1" s="501">
        <f>第１表!G2</f>
        <v>11</v>
      </c>
      <c r="G1" s="608">
        <f>IF(F1&lt;3,F1-2+12,F1-2)</f>
        <v>9</v>
      </c>
      <c r="H1" s="608"/>
      <c r="L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c r="EC1" s="39"/>
    </row>
    <row r="2" spans="2:233" ht="24" customHeight="1" thickBot="1" x14ac:dyDescent="0.25">
      <c r="B2" s="20" t="s">
        <v>120</v>
      </c>
    </row>
    <row r="3" spans="2:233" ht="21" customHeight="1" thickBot="1" x14ac:dyDescent="0.25">
      <c r="B3" s="753"/>
      <c r="C3" s="731" t="s">
        <v>116</v>
      </c>
      <c r="D3" s="732"/>
      <c r="E3" s="732"/>
      <c r="F3" s="732"/>
      <c r="G3" s="732"/>
      <c r="H3" s="732"/>
      <c r="I3" s="732"/>
      <c r="J3" s="732"/>
      <c r="K3" s="732"/>
      <c r="L3" s="732"/>
      <c r="M3" s="732"/>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19"/>
      <c r="CX3" s="519"/>
      <c r="CY3" s="519"/>
      <c r="CZ3" s="519"/>
      <c r="DA3" s="519"/>
      <c r="DB3" s="519"/>
      <c r="DC3" s="519"/>
      <c r="DD3" s="519"/>
      <c r="DE3" s="519"/>
      <c r="DF3" s="519"/>
      <c r="DG3" s="519"/>
      <c r="DH3" s="520"/>
      <c r="DI3" s="731" t="s">
        <v>118</v>
      </c>
      <c r="DJ3" s="732"/>
      <c r="DK3" s="732"/>
      <c r="DL3" s="732"/>
      <c r="DM3" s="732"/>
      <c r="DN3" s="732"/>
      <c r="DO3" s="732"/>
      <c r="DP3" s="732"/>
      <c r="DQ3" s="732"/>
      <c r="DR3" s="732"/>
      <c r="DS3" s="732"/>
      <c r="DT3" s="732"/>
      <c r="DU3" s="732"/>
      <c r="DV3" s="732"/>
      <c r="DW3" s="732"/>
      <c r="DX3" s="732"/>
      <c r="DY3" s="732"/>
      <c r="DZ3" s="732"/>
      <c r="EA3" s="732"/>
      <c r="EB3" s="732"/>
      <c r="EC3" s="732"/>
      <c r="ED3" s="732"/>
      <c r="EE3" s="732"/>
      <c r="EF3" s="732"/>
      <c r="EG3" s="732"/>
      <c r="EH3" s="732"/>
      <c r="EI3" s="732"/>
      <c r="EJ3" s="732"/>
      <c r="EK3" s="732"/>
      <c r="EL3" s="732"/>
      <c r="EM3" s="732"/>
      <c r="EN3" s="732"/>
      <c r="EO3" s="732"/>
      <c r="EP3" s="732"/>
      <c r="EQ3" s="732"/>
      <c r="ER3" s="732"/>
      <c r="ES3" s="732"/>
      <c r="ET3" s="732"/>
      <c r="EU3" s="732"/>
      <c r="EV3" s="732"/>
      <c r="EW3" s="732"/>
      <c r="EX3" s="732"/>
      <c r="EY3" s="732"/>
      <c r="EZ3" s="732"/>
      <c r="FA3" s="732"/>
      <c r="FB3" s="732"/>
      <c r="FC3" s="732"/>
      <c r="FD3" s="732"/>
      <c r="FE3" s="732"/>
      <c r="FF3" s="732"/>
      <c r="FG3" s="732"/>
      <c r="FH3" s="732"/>
      <c r="FI3" s="732"/>
      <c r="FJ3" s="732"/>
      <c r="FK3" s="732"/>
      <c r="FL3" s="732"/>
      <c r="FM3" s="732"/>
      <c r="FN3" s="732"/>
      <c r="FO3" s="732"/>
      <c r="FP3" s="732"/>
      <c r="FQ3" s="732"/>
      <c r="FR3" s="732"/>
      <c r="FS3" s="732"/>
      <c r="FT3" s="732"/>
      <c r="FU3" s="732"/>
      <c r="FV3" s="732"/>
      <c r="FW3" s="732"/>
      <c r="FX3" s="732"/>
      <c r="FY3" s="732"/>
      <c r="FZ3" s="732"/>
      <c r="GA3" s="732"/>
      <c r="GB3" s="732"/>
      <c r="GC3" s="732"/>
      <c r="GD3" s="732"/>
      <c r="GE3" s="732"/>
      <c r="GF3" s="732"/>
      <c r="GG3" s="732"/>
      <c r="GH3" s="732"/>
      <c r="GI3" s="732"/>
      <c r="GJ3" s="732"/>
      <c r="GK3" s="732"/>
      <c r="GL3" s="732"/>
      <c r="GM3" s="732"/>
      <c r="GN3" s="732"/>
      <c r="GO3" s="732"/>
      <c r="GP3" s="732"/>
      <c r="GQ3" s="732"/>
      <c r="GR3" s="732"/>
      <c r="GS3" s="732"/>
      <c r="GT3" s="732"/>
      <c r="GU3" s="732"/>
      <c r="GV3" s="732"/>
      <c r="GW3" s="732"/>
      <c r="GX3" s="732"/>
      <c r="GY3" s="732"/>
      <c r="GZ3" s="732"/>
      <c r="HA3" s="732"/>
      <c r="HB3" s="732"/>
      <c r="HC3" s="732"/>
      <c r="HD3" s="732"/>
      <c r="HE3" s="732"/>
      <c r="HF3" s="732"/>
      <c r="HG3" s="732"/>
      <c r="HH3" s="732"/>
      <c r="HI3" s="732"/>
      <c r="HJ3" s="732"/>
      <c r="HK3" s="732"/>
      <c r="HL3" s="732"/>
      <c r="HM3" s="732"/>
      <c r="HN3" s="733"/>
      <c r="HO3" s="738" t="s">
        <v>60</v>
      </c>
      <c r="HP3" s="739"/>
      <c r="HQ3" s="739"/>
      <c r="HR3" s="739"/>
      <c r="HS3" s="739"/>
      <c r="HT3" s="739"/>
      <c r="HU3" s="739"/>
      <c r="HV3" s="739"/>
      <c r="HW3" s="739"/>
      <c r="HX3" s="739"/>
      <c r="HY3" s="740"/>
    </row>
    <row r="4" spans="2:233" ht="21" customHeight="1" thickBot="1" x14ac:dyDescent="0.25">
      <c r="B4" s="754"/>
      <c r="C4" s="734"/>
      <c r="D4" s="735"/>
      <c r="E4" s="735"/>
      <c r="F4" s="735"/>
      <c r="G4" s="735"/>
      <c r="H4" s="735"/>
      <c r="I4" s="735"/>
      <c r="J4" s="735"/>
      <c r="K4" s="735"/>
      <c r="L4" s="735"/>
      <c r="M4" s="737"/>
      <c r="N4" s="728" t="s">
        <v>57</v>
      </c>
      <c r="O4" s="729"/>
      <c r="P4" s="729"/>
      <c r="Q4" s="729"/>
      <c r="R4" s="729"/>
      <c r="S4" s="729"/>
      <c r="T4" s="729"/>
      <c r="U4" s="729"/>
      <c r="V4" s="729"/>
      <c r="W4" s="729"/>
      <c r="X4" s="730"/>
      <c r="Y4" s="728" t="s">
        <v>58</v>
      </c>
      <c r="Z4" s="729"/>
      <c r="AA4" s="729"/>
      <c r="AB4" s="729"/>
      <c r="AC4" s="729"/>
      <c r="AD4" s="729"/>
      <c r="AE4" s="729"/>
      <c r="AF4" s="729"/>
      <c r="AG4" s="729"/>
      <c r="AH4" s="729"/>
      <c r="AI4" s="730"/>
      <c r="AJ4" s="728" t="s">
        <v>59</v>
      </c>
      <c r="AK4" s="729"/>
      <c r="AL4" s="729"/>
      <c r="AM4" s="729"/>
      <c r="AN4" s="729"/>
      <c r="AO4" s="729"/>
      <c r="AP4" s="729"/>
      <c r="AQ4" s="729"/>
      <c r="AR4" s="729"/>
      <c r="AS4" s="729"/>
      <c r="AT4" s="730"/>
      <c r="AU4" s="728" t="s">
        <v>151</v>
      </c>
      <c r="AV4" s="729"/>
      <c r="AW4" s="729"/>
      <c r="AX4" s="729"/>
      <c r="AY4" s="729"/>
      <c r="AZ4" s="729"/>
      <c r="BA4" s="729"/>
      <c r="BB4" s="729"/>
      <c r="BC4" s="729"/>
      <c r="BD4" s="729"/>
      <c r="BE4" s="730"/>
      <c r="BF4" s="728" t="s">
        <v>117</v>
      </c>
      <c r="BG4" s="729"/>
      <c r="BH4" s="729"/>
      <c r="BI4" s="729"/>
      <c r="BJ4" s="729"/>
      <c r="BK4" s="729"/>
      <c r="BL4" s="729"/>
      <c r="BM4" s="729"/>
      <c r="BN4" s="729"/>
      <c r="BO4" s="729"/>
      <c r="BP4" s="730"/>
      <c r="BQ4" s="728" t="s">
        <v>77</v>
      </c>
      <c r="BR4" s="729"/>
      <c r="BS4" s="729"/>
      <c r="BT4" s="729"/>
      <c r="BU4" s="729"/>
      <c r="BV4" s="729"/>
      <c r="BW4" s="729"/>
      <c r="BX4" s="729"/>
      <c r="BY4" s="729"/>
      <c r="BZ4" s="729"/>
      <c r="CA4" s="730"/>
      <c r="CB4" s="728" t="s">
        <v>78</v>
      </c>
      <c r="CC4" s="729"/>
      <c r="CD4" s="729"/>
      <c r="CE4" s="729"/>
      <c r="CF4" s="729"/>
      <c r="CG4" s="729"/>
      <c r="CH4" s="729"/>
      <c r="CI4" s="729"/>
      <c r="CJ4" s="729"/>
      <c r="CK4" s="729"/>
      <c r="CL4" s="730"/>
      <c r="CM4" s="728" t="s">
        <v>79</v>
      </c>
      <c r="CN4" s="729"/>
      <c r="CO4" s="729"/>
      <c r="CP4" s="729"/>
      <c r="CQ4" s="729"/>
      <c r="CR4" s="729"/>
      <c r="CS4" s="729"/>
      <c r="CT4" s="729"/>
      <c r="CU4" s="729"/>
      <c r="CV4" s="729"/>
      <c r="CW4" s="730"/>
      <c r="CX4" s="728" t="s">
        <v>152</v>
      </c>
      <c r="CY4" s="729"/>
      <c r="CZ4" s="729"/>
      <c r="DA4" s="729"/>
      <c r="DB4" s="729"/>
      <c r="DC4" s="729"/>
      <c r="DD4" s="729"/>
      <c r="DE4" s="729"/>
      <c r="DF4" s="729"/>
      <c r="DG4" s="729"/>
      <c r="DH4" s="730"/>
      <c r="DI4" s="734"/>
      <c r="DJ4" s="735"/>
      <c r="DK4" s="735"/>
      <c r="DL4" s="735"/>
      <c r="DM4" s="735"/>
      <c r="DN4" s="735"/>
      <c r="DO4" s="735"/>
      <c r="DP4" s="735"/>
      <c r="DQ4" s="735"/>
      <c r="DR4" s="735"/>
      <c r="DS4" s="736"/>
      <c r="DT4" s="728" t="s">
        <v>57</v>
      </c>
      <c r="DU4" s="729"/>
      <c r="DV4" s="729"/>
      <c r="DW4" s="729"/>
      <c r="DX4" s="729"/>
      <c r="DY4" s="729"/>
      <c r="DZ4" s="729"/>
      <c r="EA4" s="729"/>
      <c r="EB4" s="729"/>
      <c r="EC4" s="729"/>
      <c r="ED4" s="730"/>
      <c r="EE4" s="728" t="s">
        <v>58</v>
      </c>
      <c r="EF4" s="729"/>
      <c r="EG4" s="729"/>
      <c r="EH4" s="729"/>
      <c r="EI4" s="729"/>
      <c r="EJ4" s="729"/>
      <c r="EK4" s="729"/>
      <c r="EL4" s="729"/>
      <c r="EM4" s="729"/>
      <c r="EN4" s="729"/>
      <c r="EO4" s="730"/>
      <c r="EP4" s="728" t="s">
        <v>59</v>
      </c>
      <c r="EQ4" s="729"/>
      <c r="ER4" s="729"/>
      <c r="ES4" s="729"/>
      <c r="ET4" s="729"/>
      <c r="EU4" s="729"/>
      <c r="EV4" s="729"/>
      <c r="EW4" s="729"/>
      <c r="EX4" s="729"/>
      <c r="EY4" s="729"/>
      <c r="EZ4" s="730"/>
      <c r="FA4" s="728" t="s">
        <v>151</v>
      </c>
      <c r="FB4" s="729"/>
      <c r="FC4" s="729"/>
      <c r="FD4" s="729"/>
      <c r="FE4" s="729"/>
      <c r="FF4" s="729"/>
      <c r="FG4" s="729"/>
      <c r="FH4" s="729"/>
      <c r="FI4" s="729"/>
      <c r="FJ4" s="729"/>
      <c r="FK4" s="730"/>
      <c r="FL4" s="728" t="s">
        <v>117</v>
      </c>
      <c r="FM4" s="729"/>
      <c r="FN4" s="729"/>
      <c r="FO4" s="729"/>
      <c r="FP4" s="729"/>
      <c r="FQ4" s="729"/>
      <c r="FR4" s="729"/>
      <c r="FS4" s="729"/>
      <c r="FT4" s="729"/>
      <c r="FU4" s="729"/>
      <c r="FV4" s="730"/>
      <c r="FW4" s="728" t="s">
        <v>77</v>
      </c>
      <c r="FX4" s="729"/>
      <c r="FY4" s="729"/>
      <c r="FZ4" s="729"/>
      <c r="GA4" s="729"/>
      <c r="GB4" s="729"/>
      <c r="GC4" s="729"/>
      <c r="GD4" s="729"/>
      <c r="GE4" s="729"/>
      <c r="GF4" s="729"/>
      <c r="GG4" s="730"/>
      <c r="GH4" s="728" t="s">
        <v>78</v>
      </c>
      <c r="GI4" s="729"/>
      <c r="GJ4" s="729"/>
      <c r="GK4" s="729"/>
      <c r="GL4" s="729"/>
      <c r="GM4" s="729"/>
      <c r="GN4" s="729"/>
      <c r="GO4" s="729"/>
      <c r="GP4" s="729"/>
      <c r="GQ4" s="729"/>
      <c r="GR4" s="730"/>
      <c r="GS4" s="728" t="s">
        <v>79</v>
      </c>
      <c r="GT4" s="729"/>
      <c r="GU4" s="729"/>
      <c r="GV4" s="729"/>
      <c r="GW4" s="729"/>
      <c r="GX4" s="729"/>
      <c r="GY4" s="729"/>
      <c r="GZ4" s="729"/>
      <c r="HA4" s="729"/>
      <c r="HB4" s="729"/>
      <c r="HC4" s="730"/>
      <c r="HD4" s="728" t="s">
        <v>152</v>
      </c>
      <c r="HE4" s="729"/>
      <c r="HF4" s="729"/>
      <c r="HG4" s="729"/>
      <c r="HH4" s="729"/>
      <c r="HI4" s="729"/>
      <c r="HJ4" s="729"/>
      <c r="HK4" s="729"/>
      <c r="HL4" s="729"/>
      <c r="HM4" s="729"/>
      <c r="HN4" s="730"/>
      <c r="HO4" s="741"/>
      <c r="HP4" s="742"/>
      <c r="HQ4" s="742"/>
      <c r="HR4" s="742"/>
      <c r="HS4" s="742"/>
      <c r="HT4" s="742"/>
      <c r="HU4" s="742"/>
      <c r="HV4" s="742"/>
      <c r="HW4" s="742"/>
      <c r="HX4" s="742"/>
      <c r="HY4" s="743"/>
    </row>
    <row r="5" spans="2:233" ht="21" customHeight="1" x14ac:dyDescent="0.2">
      <c r="B5" s="754"/>
      <c r="C5" s="744" t="s">
        <v>61</v>
      </c>
      <c r="D5" s="745"/>
      <c r="E5" s="746"/>
      <c r="F5" s="747" t="s">
        <v>62</v>
      </c>
      <c r="G5" s="745"/>
      <c r="H5" s="745"/>
      <c r="I5" s="745"/>
      <c r="J5" s="745"/>
      <c r="K5" s="745"/>
      <c r="L5" s="748"/>
      <c r="M5" s="749" t="s">
        <v>52</v>
      </c>
      <c r="N5" s="734" t="s">
        <v>61</v>
      </c>
      <c r="O5" s="735"/>
      <c r="P5" s="736"/>
      <c r="Q5" s="751" t="s">
        <v>62</v>
      </c>
      <c r="R5" s="735"/>
      <c r="S5" s="735"/>
      <c r="T5" s="735"/>
      <c r="U5" s="735"/>
      <c r="V5" s="735"/>
      <c r="W5" s="752"/>
      <c r="X5" s="669" t="s">
        <v>52</v>
      </c>
      <c r="Y5" s="734" t="s">
        <v>61</v>
      </c>
      <c r="Z5" s="735"/>
      <c r="AA5" s="736"/>
      <c r="AB5" s="751" t="s">
        <v>62</v>
      </c>
      <c r="AC5" s="735"/>
      <c r="AD5" s="735"/>
      <c r="AE5" s="735"/>
      <c r="AF5" s="735"/>
      <c r="AG5" s="735"/>
      <c r="AH5" s="752"/>
      <c r="AI5" s="669" t="s">
        <v>52</v>
      </c>
      <c r="AJ5" s="734" t="s">
        <v>61</v>
      </c>
      <c r="AK5" s="735"/>
      <c r="AL5" s="736"/>
      <c r="AM5" s="751" t="s">
        <v>62</v>
      </c>
      <c r="AN5" s="735"/>
      <c r="AO5" s="735"/>
      <c r="AP5" s="735"/>
      <c r="AQ5" s="735"/>
      <c r="AR5" s="735"/>
      <c r="AS5" s="752"/>
      <c r="AT5" s="669" t="s">
        <v>52</v>
      </c>
      <c r="AU5" s="734" t="s">
        <v>61</v>
      </c>
      <c r="AV5" s="735"/>
      <c r="AW5" s="736"/>
      <c r="AX5" s="751" t="s">
        <v>62</v>
      </c>
      <c r="AY5" s="735"/>
      <c r="AZ5" s="735"/>
      <c r="BA5" s="735"/>
      <c r="BB5" s="735"/>
      <c r="BC5" s="735"/>
      <c r="BD5" s="752"/>
      <c r="BE5" s="669" t="s">
        <v>52</v>
      </c>
      <c r="BF5" s="734" t="s">
        <v>61</v>
      </c>
      <c r="BG5" s="735"/>
      <c r="BH5" s="736"/>
      <c r="BI5" s="751" t="s">
        <v>62</v>
      </c>
      <c r="BJ5" s="735"/>
      <c r="BK5" s="735"/>
      <c r="BL5" s="735"/>
      <c r="BM5" s="735"/>
      <c r="BN5" s="735"/>
      <c r="BO5" s="752"/>
      <c r="BP5" s="669" t="s">
        <v>52</v>
      </c>
      <c r="BQ5" s="734" t="s">
        <v>61</v>
      </c>
      <c r="BR5" s="735"/>
      <c r="BS5" s="736"/>
      <c r="BT5" s="751" t="s">
        <v>62</v>
      </c>
      <c r="BU5" s="735"/>
      <c r="BV5" s="735"/>
      <c r="BW5" s="735"/>
      <c r="BX5" s="735"/>
      <c r="BY5" s="735"/>
      <c r="BZ5" s="752"/>
      <c r="CA5" s="669" t="s">
        <v>52</v>
      </c>
      <c r="CB5" s="734" t="s">
        <v>61</v>
      </c>
      <c r="CC5" s="735"/>
      <c r="CD5" s="736"/>
      <c r="CE5" s="751" t="s">
        <v>62</v>
      </c>
      <c r="CF5" s="735"/>
      <c r="CG5" s="735"/>
      <c r="CH5" s="735"/>
      <c r="CI5" s="735"/>
      <c r="CJ5" s="735"/>
      <c r="CK5" s="752"/>
      <c r="CL5" s="669" t="s">
        <v>52</v>
      </c>
      <c r="CM5" s="734" t="s">
        <v>61</v>
      </c>
      <c r="CN5" s="735"/>
      <c r="CO5" s="736"/>
      <c r="CP5" s="751" t="s">
        <v>62</v>
      </c>
      <c r="CQ5" s="735"/>
      <c r="CR5" s="735"/>
      <c r="CS5" s="735"/>
      <c r="CT5" s="735"/>
      <c r="CU5" s="735"/>
      <c r="CV5" s="752"/>
      <c r="CW5" s="669" t="s">
        <v>52</v>
      </c>
      <c r="CX5" s="734" t="s">
        <v>61</v>
      </c>
      <c r="CY5" s="735"/>
      <c r="CZ5" s="736"/>
      <c r="DA5" s="751" t="s">
        <v>62</v>
      </c>
      <c r="DB5" s="735"/>
      <c r="DC5" s="735"/>
      <c r="DD5" s="735"/>
      <c r="DE5" s="735"/>
      <c r="DF5" s="735"/>
      <c r="DG5" s="752"/>
      <c r="DH5" s="669" t="s">
        <v>52</v>
      </c>
      <c r="DI5" s="744" t="s">
        <v>61</v>
      </c>
      <c r="DJ5" s="745"/>
      <c r="DK5" s="746"/>
      <c r="DL5" s="747" t="s">
        <v>62</v>
      </c>
      <c r="DM5" s="745"/>
      <c r="DN5" s="745"/>
      <c r="DO5" s="745"/>
      <c r="DP5" s="745"/>
      <c r="DQ5" s="745"/>
      <c r="DR5" s="748"/>
      <c r="DS5" s="756" t="s">
        <v>52</v>
      </c>
      <c r="DT5" s="734" t="s">
        <v>61</v>
      </c>
      <c r="DU5" s="735"/>
      <c r="DV5" s="736"/>
      <c r="DW5" s="751" t="s">
        <v>62</v>
      </c>
      <c r="DX5" s="735"/>
      <c r="DY5" s="735"/>
      <c r="DZ5" s="735"/>
      <c r="EA5" s="735"/>
      <c r="EB5" s="735"/>
      <c r="EC5" s="752"/>
      <c r="ED5" s="669" t="s">
        <v>52</v>
      </c>
      <c r="EE5" s="734" t="s">
        <v>61</v>
      </c>
      <c r="EF5" s="735"/>
      <c r="EG5" s="736"/>
      <c r="EH5" s="751" t="s">
        <v>62</v>
      </c>
      <c r="EI5" s="735"/>
      <c r="EJ5" s="735"/>
      <c r="EK5" s="735"/>
      <c r="EL5" s="735"/>
      <c r="EM5" s="735"/>
      <c r="EN5" s="752"/>
      <c r="EO5" s="669" t="s">
        <v>52</v>
      </c>
      <c r="EP5" s="734" t="s">
        <v>61</v>
      </c>
      <c r="EQ5" s="735"/>
      <c r="ER5" s="736"/>
      <c r="ES5" s="751" t="s">
        <v>62</v>
      </c>
      <c r="ET5" s="735"/>
      <c r="EU5" s="735"/>
      <c r="EV5" s="735"/>
      <c r="EW5" s="735"/>
      <c r="EX5" s="735"/>
      <c r="EY5" s="752"/>
      <c r="EZ5" s="669" t="s">
        <v>52</v>
      </c>
      <c r="FA5" s="734" t="s">
        <v>61</v>
      </c>
      <c r="FB5" s="735"/>
      <c r="FC5" s="736"/>
      <c r="FD5" s="751" t="s">
        <v>62</v>
      </c>
      <c r="FE5" s="735"/>
      <c r="FF5" s="735"/>
      <c r="FG5" s="735"/>
      <c r="FH5" s="735"/>
      <c r="FI5" s="735"/>
      <c r="FJ5" s="752"/>
      <c r="FK5" s="669" t="s">
        <v>52</v>
      </c>
      <c r="FL5" s="734" t="s">
        <v>61</v>
      </c>
      <c r="FM5" s="735"/>
      <c r="FN5" s="736"/>
      <c r="FO5" s="751" t="s">
        <v>62</v>
      </c>
      <c r="FP5" s="735"/>
      <c r="FQ5" s="735"/>
      <c r="FR5" s="735"/>
      <c r="FS5" s="735"/>
      <c r="FT5" s="735"/>
      <c r="FU5" s="752"/>
      <c r="FV5" s="669" t="s">
        <v>52</v>
      </c>
      <c r="FW5" s="734" t="s">
        <v>61</v>
      </c>
      <c r="FX5" s="735"/>
      <c r="FY5" s="736"/>
      <c r="FZ5" s="751" t="s">
        <v>62</v>
      </c>
      <c r="GA5" s="735"/>
      <c r="GB5" s="735"/>
      <c r="GC5" s="735"/>
      <c r="GD5" s="735"/>
      <c r="GE5" s="735"/>
      <c r="GF5" s="752"/>
      <c r="GG5" s="669" t="s">
        <v>52</v>
      </c>
      <c r="GH5" s="734" t="s">
        <v>61</v>
      </c>
      <c r="GI5" s="735"/>
      <c r="GJ5" s="736"/>
      <c r="GK5" s="751" t="s">
        <v>62</v>
      </c>
      <c r="GL5" s="735"/>
      <c r="GM5" s="735"/>
      <c r="GN5" s="735"/>
      <c r="GO5" s="735"/>
      <c r="GP5" s="735"/>
      <c r="GQ5" s="752"/>
      <c r="GR5" s="669" t="s">
        <v>52</v>
      </c>
      <c r="GS5" s="734" t="s">
        <v>61</v>
      </c>
      <c r="GT5" s="735"/>
      <c r="GU5" s="736"/>
      <c r="GV5" s="751" t="s">
        <v>62</v>
      </c>
      <c r="GW5" s="735"/>
      <c r="GX5" s="735"/>
      <c r="GY5" s="735"/>
      <c r="GZ5" s="735"/>
      <c r="HA5" s="735"/>
      <c r="HB5" s="752"/>
      <c r="HC5" s="669" t="s">
        <v>52</v>
      </c>
      <c r="HD5" s="734" t="s">
        <v>61</v>
      </c>
      <c r="HE5" s="735"/>
      <c r="HF5" s="736"/>
      <c r="HG5" s="751" t="s">
        <v>62</v>
      </c>
      <c r="HH5" s="735"/>
      <c r="HI5" s="735"/>
      <c r="HJ5" s="735"/>
      <c r="HK5" s="735"/>
      <c r="HL5" s="735"/>
      <c r="HM5" s="752"/>
      <c r="HN5" s="669" t="s">
        <v>52</v>
      </c>
      <c r="HO5" s="734" t="s">
        <v>61</v>
      </c>
      <c r="HP5" s="735"/>
      <c r="HQ5" s="736"/>
      <c r="HR5" s="751" t="s">
        <v>62</v>
      </c>
      <c r="HS5" s="735"/>
      <c r="HT5" s="735"/>
      <c r="HU5" s="735"/>
      <c r="HV5" s="735"/>
      <c r="HW5" s="735"/>
      <c r="HX5" s="752"/>
      <c r="HY5" s="669" t="s">
        <v>52</v>
      </c>
    </row>
    <row r="6" spans="2:233" ht="30" customHeight="1" thickBot="1" x14ac:dyDescent="0.25">
      <c r="B6" s="755"/>
      <c r="C6" s="371" t="s">
        <v>119</v>
      </c>
      <c r="D6" s="372" t="s">
        <v>44</v>
      </c>
      <c r="E6" s="379" t="s">
        <v>45</v>
      </c>
      <c r="F6" s="380" t="s">
        <v>83</v>
      </c>
      <c r="G6" s="372" t="s">
        <v>47</v>
      </c>
      <c r="H6" s="372" t="s">
        <v>48</v>
      </c>
      <c r="I6" s="372" t="s">
        <v>49</v>
      </c>
      <c r="J6" s="372" t="s">
        <v>50</v>
      </c>
      <c r="K6" s="372" t="s">
        <v>51</v>
      </c>
      <c r="L6" s="381" t="s">
        <v>45</v>
      </c>
      <c r="M6" s="750"/>
      <c r="N6" s="371" t="s">
        <v>119</v>
      </c>
      <c r="O6" s="372" t="s">
        <v>44</v>
      </c>
      <c r="P6" s="379" t="s">
        <v>45</v>
      </c>
      <c r="Q6" s="380" t="s">
        <v>83</v>
      </c>
      <c r="R6" s="372" t="s">
        <v>47</v>
      </c>
      <c r="S6" s="372" t="s">
        <v>48</v>
      </c>
      <c r="T6" s="372" t="s">
        <v>49</v>
      </c>
      <c r="U6" s="372" t="s">
        <v>50</v>
      </c>
      <c r="V6" s="372" t="s">
        <v>51</v>
      </c>
      <c r="W6" s="381" t="s">
        <v>45</v>
      </c>
      <c r="X6" s="750"/>
      <c r="Y6" s="371" t="s">
        <v>119</v>
      </c>
      <c r="Z6" s="372" t="s">
        <v>44</v>
      </c>
      <c r="AA6" s="379" t="s">
        <v>45</v>
      </c>
      <c r="AB6" s="380" t="s">
        <v>83</v>
      </c>
      <c r="AC6" s="372" t="s">
        <v>47</v>
      </c>
      <c r="AD6" s="372" t="s">
        <v>48</v>
      </c>
      <c r="AE6" s="372" t="s">
        <v>49</v>
      </c>
      <c r="AF6" s="372" t="s">
        <v>50</v>
      </c>
      <c r="AG6" s="372" t="s">
        <v>51</v>
      </c>
      <c r="AH6" s="381" t="s">
        <v>45</v>
      </c>
      <c r="AI6" s="750"/>
      <c r="AJ6" s="371" t="s">
        <v>119</v>
      </c>
      <c r="AK6" s="372" t="s">
        <v>44</v>
      </c>
      <c r="AL6" s="379" t="s">
        <v>45</v>
      </c>
      <c r="AM6" s="380" t="s">
        <v>83</v>
      </c>
      <c r="AN6" s="372" t="s">
        <v>47</v>
      </c>
      <c r="AO6" s="372" t="s">
        <v>48</v>
      </c>
      <c r="AP6" s="372" t="s">
        <v>49</v>
      </c>
      <c r="AQ6" s="372" t="s">
        <v>50</v>
      </c>
      <c r="AR6" s="372" t="s">
        <v>51</v>
      </c>
      <c r="AS6" s="381" t="s">
        <v>45</v>
      </c>
      <c r="AT6" s="750"/>
      <c r="AU6" s="371" t="s">
        <v>119</v>
      </c>
      <c r="AV6" s="372" t="s">
        <v>44</v>
      </c>
      <c r="AW6" s="379" t="s">
        <v>45</v>
      </c>
      <c r="AX6" s="380" t="s">
        <v>83</v>
      </c>
      <c r="AY6" s="372" t="s">
        <v>47</v>
      </c>
      <c r="AZ6" s="372" t="s">
        <v>48</v>
      </c>
      <c r="BA6" s="372" t="s">
        <v>49</v>
      </c>
      <c r="BB6" s="372" t="s">
        <v>50</v>
      </c>
      <c r="BC6" s="372" t="s">
        <v>51</v>
      </c>
      <c r="BD6" s="381" t="s">
        <v>45</v>
      </c>
      <c r="BE6" s="750"/>
      <c r="BF6" s="371" t="s">
        <v>119</v>
      </c>
      <c r="BG6" s="372" t="s">
        <v>44</v>
      </c>
      <c r="BH6" s="379" t="s">
        <v>45</v>
      </c>
      <c r="BI6" s="380" t="s">
        <v>83</v>
      </c>
      <c r="BJ6" s="372" t="s">
        <v>47</v>
      </c>
      <c r="BK6" s="372" t="s">
        <v>48</v>
      </c>
      <c r="BL6" s="372" t="s">
        <v>49</v>
      </c>
      <c r="BM6" s="372" t="s">
        <v>50</v>
      </c>
      <c r="BN6" s="372" t="s">
        <v>51</v>
      </c>
      <c r="BO6" s="381" t="s">
        <v>45</v>
      </c>
      <c r="BP6" s="750"/>
      <c r="BQ6" s="371" t="s">
        <v>119</v>
      </c>
      <c r="BR6" s="372" t="s">
        <v>44</v>
      </c>
      <c r="BS6" s="379" t="s">
        <v>45</v>
      </c>
      <c r="BT6" s="380" t="s">
        <v>83</v>
      </c>
      <c r="BU6" s="372" t="s">
        <v>47</v>
      </c>
      <c r="BV6" s="372" t="s">
        <v>48</v>
      </c>
      <c r="BW6" s="372" t="s">
        <v>49</v>
      </c>
      <c r="BX6" s="372" t="s">
        <v>50</v>
      </c>
      <c r="BY6" s="372" t="s">
        <v>51</v>
      </c>
      <c r="BZ6" s="381" t="s">
        <v>45</v>
      </c>
      <c r="CA6" s="750"/>
      <c r="CB6" s="371" t="s">
        <v>119</v>
      </c>
      <c r="CC6" s="372" t="s">
        <v>44</v>
      </c>
      <c r="CD6" s="379" t="s">
        <v>45</v>
      </c>
      <c r="CE6" s="380" t="s">
        <v>83</v>
      </c>
      <c r="CF6" s="372" t="s">
        <v>47</v>
      </c>
      <c r="CG6" s="372" t="s">
        <v>48</v>
      </c>
      <c r="CH6" s="372" t="s">
        <v>49</v>
      </c>
      <c r="CI6" s="372" t="s">
        <v>50</v>
      </c>
      <c r="CJ6" s="372" t="s">
        <v>51</v>
      </c>
      <c r="CK6" s="381" t="s">
        <v>45</v>
      </c>
      <c r="CL6" s="750"/>
      <c r="CM6" s="371" t="s">
        <v>119</v>
      </c>
      <c r="CN6" s="372" t="s">
        <v>44</v>
      </c>
      <c r="CO6" s="379" t="s">
        <v>45</v>
      </c>
      <c r="CP6" s="380" t="s">
        <v>83</v>
      </c>
      <c r="CQ6" s="372" t="s">
        <v>47</v>
      </c>
      <c r="CR6" s="372" t="s">
        <v>48</v>
      </c>
      <c r="CS6" s="372" t="s">
        <v>49</v>
      </c>
      <c r="CT6" s="372" t="s">
        <v>50</v>
      </c>
      <c r="CU6" s="372" t="s">
        <v>51</v>
      </c>
      <c r="CV6" s="381" t="s">
        <v>45</v>
      </c>
      <c r="CW6" s="750"/>
      <c r="CX6" s="371" t="s">
        <v>119</v>
      </c>
      <c r="CY6" s="372" t="s">
        <v>44</v>
      </c>
      <c r="CZ6" s="379" t="s">
        <v>45</v>
      </c>
      <c r="DA6" s="380" t="s">
        <v>83</v>
      </c>
      <c r="DB6" s="372" t="s">
        <v>47</v>
      </c>
      <c r="DC6" s="372" t="s">
        <v>48</v>
      </c>
      <c r="DD6" s="372" t="s">
        <v>49</v>
      </c>
      <c r="DE6" s="372" t="s">
        <v>50</v>
      </c>
      <c r="DF6" s="372" t="s">
        <v>51</v>
      </c>
      <c r="DG6" s="381" t="s">
        <v>45</v>
      </c>
      <c r="DH6" s="750"/>
      <c r="DI6" s="371" t="s">
        <v>119</v>
      </c>
      <c r="DJ6" s="372" t="s">
        <v>44</v>
      </c>
      <c r="DK6" s="379" t="s">
        <v>45</v>
      </c>
      <c r="DL6" s="380" t="s">
        <v>83</v>
      </c>
      <c r="DM6" s="372" t="s">
        <v>47</v>
      </c>
      <c r="DN6" s="372" t="s">
        <v>48</v>
      </c>
      <c r="DO6" s="372" t="s">
        <v>49</v>
      </c>
      <c r="DP6" s="372" t="s">
        <v>50</v>
      </c>
      <c r="DQ6" s="372" t="s">
        <v>51</v>
      </c>
      <c r="DR6" s="381" t="s">
        <v>45</v>
      </c>
      <c r="DS6" s="757"/>
      <c r="DT6" s="371" t="s">
        <v>119</v>
      </c>
      <c r="DU6" s="372" t="s">
        <v>44</v>
      </c>
      <c r="DV6" s="379" t="s">
        <v>45</v>
      </c>
      <c r="DW6" s="380" t="s">
        <v>83</v>
      </c>
      <c r="DX6" s="372" t="s">
        <v>47</v>
      </c>
      <c r="DY6" s="372" t="s">
        <v>48</v>
      </c>
      <c r="DZ6" s="372" t="s">
        <v>49</v>
      </c>
      <c r="EA6" s="372" t="s">
        <v>50</v>
      </c>
      <c r="EB6" s="372" t="s">
        <v>51</v>
      </c>
      <c r="EC6" s="381" t="s">
        <v>45</v>
      </c>
      <c r="ED6" s="750"/>
      <c r="EE6" s="371" t="s">
        <v>119</v>
      </c>
      <c r="EF6" s="372" t="s">
        <v>44</v>
      </c>
      <c r="EG6" s="379" t="s">
        <v>45</v>
      </c>
      <c r="EH6" s="380" t="s">
        <v>83</v>
      </c>
      <c r="EI6" s="372" t="s">
        <v>47</v>
      </c>
      <c r="EJ6" s="372" t="s">
        <v>48</v>
      </c>
      <c r="EK6" s="372" t="s">
        <v>49</v>
      </c>
      <c r="EL6" s="372" t="s">
        <v>50</v>
      </c>
      <c r="EM6" s="372" t="s">
        <v>51</v>
      </c>
      <c r="EN6" s="381" t="s">
        <v>45</v>
      </c>
      <c r="EO6" s="750"/>
      <c r="EP6" s="371" t="s">
        <v>119</v>
      </c>
      <c r="EQ6" s="372" t="s">
        <v>44</v>
      </c>
      <c r="ER6" s="379" t="s">
        <v>45</v>
      </c>
      <c r="ES6" s="380" t="s">
        <v>83</v>
      </c>
      <c r="ET6" s="372" t="s">
        <v>47</v>
      </c>
      <c r="EU6" s="372" t="s">
        <v>48</v>
      </c>
      <c r="EV6" s="372" t="s">
        <v>49</v>
      </c>
      <c r="EW6" s="372" t="s">
        <v>50</v>
      </c>
      <c r="EX6" s="372" t="s">
        <v>51</v>
      </c>
      <c r="EY6" s="381" t="s">
        <v>45</v>
      </c>
      <c r="EZ6" s="750"/>
      <c r="FA6" s="371" t="s">
        <v>119</v>
      </c>
      <c r="FB6" s="372" t="s">
        <v>44</v>
      </c>
      <c r="FC6" s="379" t="s">
        <v>45</v>
      </c>
      <c r="FD6" s="380" t="s">
        <v>83</v>
      </c>
      <c r="FE6" s="372" t="s">
        <v>47</v>
      </c>
      <c r="FF6" s="372" t="s">
        <v>48</v>
      </c>
      <c r="FG6" s="372" t="s">
        <v>49</v>
      </c>
      <c r="FH6" s="372" t="s">
        <v>50</v>
      </c>
      <c r="FI6" s="372" t="s">
        <v>51</v>
      </c>
      <c r="FJ6" s="381" t="s">
        <v>45</v>
      </c>
      <c r="FK6" s="750"/>
      <c r="FL6" s="371" t="s">
        <v>119</v>
      </c>
      <c r="FM6" s="372" t="s">
        <v>44</v>
      </c>
      <c r="FN6" s="379" t="s">
        <v>45</v>
      </c>
      <c r="FO6" s="380" t="s">
        <v>83</v>
      </c>
      <c r="FP6" s="372" t="s">
        <v>47</v>
      </c>
      <c r="FQ6" s="372" t="s">
        <v>48</v>
      </c>
      <c r="FR6" s="372" t="s">
        <v>49</v>
      </c>
      <c r="FS6" s="372" t="s">
        <v>50</v>
      </c>
      <c r="FT6" s="372" t="s">
        <v>51</v>
      </c>
      <c r="FU6" s="381" t="s">
        <v>45</v>
      </c>
      <c r="FV6" s="750"/>
      <c r="FW6" s="371" t="s">
        <v>119</v>
      </c>
      <c r="FX6" s="372" t="s">
        <v>44</v>
      </c>
      <c r="FY6" s="379" t="s">
        <v>45</v>
      </c>
      <c r="FZ6" s="380" t="s">
        <v>83</v>
      </c>
      <c r="GA6" s="372" t="s">
        <v>47</v>
      </c>
      <c r="GB6" s="372" t="s">
        <v>48</v>
      </c>
      <c r="GC6" s="372" t="s">
        <v>49</v>
      </c>
      <c r="GD6" s="372" t="s">
        <v>50</v>
      </c>
      <c r="GE6" s="372" t="s">
        <v>51</v>
      </c>
      <c r="GF6" s="381" t="s">
        <v>45</v>
      </c>
      <c r="GG6" s="750"/>
      <c r="GH6" s="371" t="s">
        <v>119</v>
      </c>
      <c r="GI6" s="372" t="s">
        <v>44</v>
      </c>
      <c r="GJ6" s="379" t="s">
        <v>45</v>
      </c>
      <c r="GK6" s="380" t="s">
        <v>83</v>
      </c>
      <c r="GL6" s="372" t="s">
        <v>47</v>
      </c>
      <c r="GM6" s="372" t="s">
        <v>48</v>
      </c>
      <c r="GN6" s="372" t="s">
        <v>49</v>
      </c>
      <c r="GO6" s="372" t="s">
        <v>50</v>
      </c>
      <c r="GP6" s="372" t="s">
        <v>51</v>
      </c>
      <c r="GQ6" s="381" t="s">
        <v>45</v>
      </c>
      <c r="GR6" s="750"/>
      <c r="GS6" s="371" t="s">
        <v>119</v>
      </c>
      <c r="GT6" s="372" t="s">
        <v>44</v>
      </c>
      <c r="GU6" s="379" t="s">
        <v>45</v>
      </c>
      <c r="GV6" s="380" t="s">
        <v>83</v>
      </c>
      <c r="GW6" s="372" t="s">
        <v>47</v>
      </c>
      <c r="GX6" s="372" t="s">
        <v>48</v>
      </c>
      <c r="GY6" s="372" t="s">
        <v>49</v>
      </c>
      <c r="GZ6" s="372" t="s">
        <v>50</v>
      </c>
      <c r="HA6" s="372" t="s">
        <v>51</v>
      </c>
      <c r="HB6" s="381" t="s">
        <v>45</v>
      </c>
      <c r="HC6" s="750"/>
      <c r="HD6" s="371" t="s">
        <v>119</v>
      </c>
      <c r="HE6" s="372" t="s">
        <v>44</v>
      </c>
      <c r="HF6" s="379" t="s">
        <v>45</v>
      </c>
      <c r="HG6" s="380" t="s">
        <v>83</v>
      </c>
      <c r="HH6" s="372" t="s">
        <v>47</v>
      </c>
      <c r="HI6" s="372" t="s">
        <v>48</v>
      </c>
      <c r="HJ6" s="372" t="s">
        <v>49</v>
      </c>
      <c r="HK6" s="372" t="s">
        <v>50</v>
      </c>
      <c r="HL6" s="372" t="s">
        <v>51</v>
      </c>
      <c r="HM6" s="381" t="s">
        <v>45</v>
      </c>
      <c r="HN6" s="750"/>
      <c r="HO6" s="371" t="s">
        <v>119</v>
      </c>
      <c r="HP6" s="372" t="s">
        <v>44</v>
      </c>
      <c r="HQ6" s="379" t="s">
        <v>45</v>
      </c>
      <c r="HR6" s="380" t="s">
        <v>83</v>
      </c>
      <c r="HS6" s="372" t="s">
        <v>47</v>
      </c>
      <c r="HT6" s="372" t="s">
        <v>48</v>
      </c>
      <c r="HU6" s="372" t="s">
        <v>49</v>
      </c>
      <c r="HV6" s="372" t="s">
        <v>50</v>
      </c>
      <c r="HW6" s="372" t="s">
        <v>51</v>
      </c>
      <c r="HX6" s="381" t="s">
        <v>45</v>
      </c>
      <c r="HY6" s="750"/>
    </row>
    <row r="7" spans="2:233" s="490" customFormat="1" ht="21" customHeight="1" x14ac:dyDescent="0.2">
      <c r="B7" s="481" t="s">
        <v>4</v>
      </c>
      <c r="C7" s="482">
        <v>38450</v>
      </c>
      <c r="D7" s="483">
        <v>129332</v>
      </c>
      <c r="E7" s="484">
        <v>167782</v>
      </c>
      <c r="F7" s="485">
        <v>0</v>
      </c>
      <c r="G7" s="483">
        <v>17583800</v>
      </c>
      <c r="H7" s="483">
        <v>38609432</v>
      </c>
      <c r="I7" s="483">
        <v>117539540</v>
      </c>
      <c r="J7" s="483">
        <v>152259584</v>
      </c>
      <c r="K7" s="483">
        <v>98542209</v>
      </c>
      <c r="L7" s="486">
        <v>424534565</v>
      </c>
      <c r="M7" s="487">
        <v>424702347</v>
      </c>
      <c r="N7" s="482">
        <v>0</v>
      </c>
      <c r="O7" s="483">
        <v>0</v>
      </c>
      <c r="P7" s="484">
        <v>0</v>
      </c>
      <c r="Q7" s="488"/>
      <c r="R7" s="483">
        <v>4493283</v>
      </c>
      <c r="S7" s="483">
        <v>12582707</v>
      </c>
      <c r="T7" s="483">
        <v>80056707</v>
      </c>
      <c r="U7" s="483">
        <v>109615663</v>
      </c>
      <c r="V7" s="483">
        <v>75010753</v>
      </c>
      <c r="W7" s="486">
        <v>281759113</v>
      </c>
      <c r="X7" s="487">
        <v>281759113</v>
      </c>
      <c r="Y7" s="482">
        <v>0</v>
      </c>
      <c r="Z7" s="483">
        <v>0</v>
      </c>
      <c r="AA7" s="484">
        <v>0</v>
      </c>
      <c r="AB7" s="488"/>
      <c r="AC7" s="483">
        <v>11279392</v>
      </c>
      <c r="AD7" s="483">
        <v>21227330</v>
      </c>
      <c r="AE7" s="483">
        <v>26924072</v>
      </c>
      <c r="AF7" s="483">
        <v>30418144</v>
      </c>
      <c r="AG7" s="483">
        <v>14677529</v>
      </c>
      <c r="AH7" s="486">
        <v>104526467</v>
      </c>
      <c r="AI7" s="487">
        <v>104526467</v>
      </c>
      <c r="AJ7" s="482">
        <v>0</v>
      </c>
      <c r="AK7" s="483">
        <v>0</v>
      </c>
      <c r="AL7" s="484">
        <v>0</v>
      </c>
      <c r="AM7" s="488"/>
      <c r="AN7" s="483">
        <v>0</v>
      </c>
      <c r="AO7" s="483">
        <v>0</v>
      </c>
      <c r="AP7" s="483">
        <v>28950</v>
      </c>
      <c r="AQ7" s="483">
        <v>678535</v>
      </c>
      <c r="AR7" s="483">
        <v>1253759</v>
      </c>
      <c r="AS7" s="486">
        <v>1961244</v>
      </c>
      <c r="AT7" s="487">
        <v>1961244</v>
      </c>
      <c r="AU7" s="482">
        <v>0</v>
      </c>
      <c r="AV7" s="483">
        <v>0</v>
      </c>
      <c r="AW7" s="484">
        <v>0</v>
      </c>
      <c r="AX7" s="488"/>
      <c r="AY7" s="483">
        <v>208110</v>
      </c>
      <c r="AZ7" s="483">
        <v>166350</v>
      </c>
      <c r="BA7" s="483">
        <v>335120</v>
      </c>
      <c r="BB7" s="483">
        <v>1856225</v>
      </c>
      <c r="BC7" s="483">
        <v>2548100</v>
      </c>
      <c r="BD7" s="486">
        <v>5113905</v>
      </c>
      <c r="BE7" s="487">
        <v>5113905</v>
      </c>
      <c r="BF7" s="482">
        <v>0</v>
      </c>
      <c r="BG7" s="483">
        <v>0</v>
      </c>
      <c r="BH7" s="484">
        <v>0</v>
      </c>
      <c r="BI7" s="488"/>
      <c r="BJ7" s="483">
        <v>101125</v>
      </c>
      <c r="BK7" s="483">
        <v>329175</v>
      </c>
      <c r="BL7" s="483">
        <v>1732220</v>
      </c>
      <c r="BM7" s="483">
        <v>1826460</v>
      </c>
      <c r="BN7" s="483">
        <v>1227280</v>
      </c>
      <c r="BO7" s="486">
        <v>5216260</v>
      </c>
      <c r="BP7" s="487">
        <v>5216260</v>
      </c>
      <c r="BQ7" s="482">
        <v>38450</v>
      </c>
      <c r="BR7" s="483">
        <v>117565</v>
      </c>
      <c r="BS7" s="484">
        <v>156015</v>
      </c>
      <c r="BT7" s="485">
        <v>0</v>
      </c>
      <c r="BU7" s="483">
        <v>1464256</v>
      </c>
      <c r="BV7" s="483">
        <v>4123621</v>
      </c>
      <c r="BW7" s="483">
        <v>8266927</v>
      </c>
      <c r="BX7" s="483">
        <v>7489271</v>
      </c>
      <c r="BY7" s="483">
        <v>3516184</v>
      </c>
      <c r="BZ7" s="486">
        <v>24860259</v>
      </c>
      <c r="CA7" s="487">
        <v>25016274</v>
      </c>
      <c r="CB7" s="482">
        <v>0</v>
      </c>
      <c r="CC7" s="483">
        <v>11767</v>
      </c>
      <c r="CD7" s="484">
        <v>11767</v>
      </c>
      <c r="CE7" s="485">
        <v>0</v>
      </c>
      <c r="CF7" s="483">
        <v>37634</v>
      </c>
      <c r="CG7" s="483">
        <v>180249</v>
      </c>
      <c r="CH7" s="483">
        <v>195544</v>
      </c>
      <c r="CI7" s="483">
        <v>375286</v>
      </c>
      <c r="CJ7" s="483">
        <v>308604</v>
      </c>
      <c r="CK7" s="486">
        <v>1097317</v>
      </c>
      <c r="CL7" s="487">
        <v>1109084</v>
      </c>
      <c r="CM7" s="482">
        <v>0</v>
      </c>
      <c r="CN7" s="483">
        <v>0</v>
      </c>
      <c r="CO7" s="484">
        <v>0</v>
      </c>
      <c r="CP7" s="485">
        <v>0</v>
      </c>
      <c r="CQ7" s="483">
        <v>0</v>
      </c>
      <c r="CR7" s="483">
        <v>0</v>
      </c>
      <c r="CS7" s="483">
        <v>0</v>
      </c>
      <c r="CT7" s="483">
        <v>0</v>
      </c>
      <c r="CU7" s="483">
        <v>0</v>
      </c>
      <c r="CV7" s="486">
        <v>0</v>
      </c>
      <c r="CW7" s="487">
        <v>0</v>
      </c>
      <c r="CX7" s="482">
        <v>0</v>
      </c>
      <c r="CY7" s="483">
        <v>0</v>
      </c>
      <c r="CZ7" s="484">
        <v>0</v>
      </c>
      <c r="DA7" s="488"/>
      <c r="DB7" s="483">
        <v>0</v>
      </c>
      <c r="DC7" s="483">
        <v>0</v>
      </c>
      <c r="DD7" s="483">
        <v>0</v>
      </c>
      <c r="DE7" s="483">
        <v>0</v>
      </c>
      <c r="DF7" s="483">
        <v>0</v>
      </c>
      <c r="DG7" s="486">
        <v>0</v>
      </c>
      <c r="DH7" s="487">
        <v>0</v>
      </c>
      <c r="DI7" s="482">
        <v>45202</v>
      </c>
      <c r="DJ7" s="483">
        <v>192191</v>
      </c>
      <c r="DK7" s="484">
        <v>237393</v>
      </c>
      <c r="DL7" s="485">
        <v>0</v>
      </c>
      <c r="DM7" s="483">
        <v>11372010</v>
      </c>
      <c r="DN7" s="483">
        <v>31730337</v>
      </c>
      <c r="DO7" s="483">
        <v>127232836</v>
      </c>
      <c r="DP7" s="483">
        <v>161517749</v>
      </c>
      <c r="DQ7" s="483">
        <v>103062311</v>
      </c>
      <c r="DR7" s="486">
        <v>434915243</v>
      </c>
      <c r="DS7" s="489">
        <v>435152636</v>
      </c>
      <c r="DT7" s="482">
        <v>0</v>
      </c>
      <c r="DU7" s="483">
        <v>0</v>
      </c>
      <c r="DV7" s="484">
        <v>0</v>
      </c>
      <c r="DW7" s="488"/>
      <c r="DX7" s="483">
        <v>5781804</v>
      </c>
      <c r="DY7" s="483">
        <v>18406157</v>
      </c>
      <c r="DZ7" s="483">
        <v>104541468</v>
      </c>
      <c r="EA7" s="483">
        <v>139913279</v>
      </c>
      <c r="EB7" s="483">
        <v>91003868</v>
      </c>
      <c r="EC7" s="486">
        <v>359646576</v>
      </c>
      <c r="ED7" s="487">
        <v>359646576</v>
      </c>
      <c r="EE7" s="482">
        <v>0</v>
      </c>
      <c r="EF7" s="483">
        <v>0</v>
      </c>
      <c r="EG7" s="484">
        <v>0</v>
      </c>
      <c r="EH7" s="488"/>
      <c r="EI7" s="483">
        <v>2979336</v>
      </c>
      <c r="EJ7" s="483">
        <v>6097902</v>
      </c>
      <c r="EK7" s="483">
        <v>6489220</v>
      </c>
      <c r="EL7" s="483">
        <v>6801431</v>
      </c>
      <c r="EM7" s="483">
        <v>3874982</v>
      </c>
      <c r="EN7" s="486">
        <v>26242871</v>
      </c>
      <c r="EO7" s="487">
        <v>26242871</v>
      </c>
      <c r="EP7" s="482">
        <v>0</v>
      </c>
      <c r="EQ7" s="483">
        <v>0</v>
      </c>
      <c r="ER7" s="484">
        <v>0</v>
      </c>
      <c r="ES7" s="488"/>
      <c r="ET7" s="483">
        <v>0</v>
      </c>
      <c r="EU7" s="483">
        <v>0</v>
      </c>
      <c r="EV7" s="483">
        <v>22830</v>
      </c>
      <c r="EW7" s="483">
        <v>114072</v>
      </c>
      <c r="EX7" s="483">
        <v>203983</v>
      </c>
      <c r="EY7" s="486">
        <v>340885</v>
      </c>
      <c r="EZ7" s="487">
        <v>340885</v>
      </c>
      <c r="FA7" s="482">
        <v>0</v>
      </c>
      <c r="FB7" s="483">
        <v>0</v>
      </c>
      <c r="FC7" s="484">
        <v>0</v>
      </c>
      <c r="FD7" s="488"/>
      <c r="FE7" s="483">
        <v>42143</v>
      </c>
      <c r="FF7" s="483">
        <v>45870</v>
      </c>
      <c r="FG7" s="483">
        <v>79469</v>
      </c>
      <c r="FH7" s="483">
        <v>289379</v>
      </c>
      <c r="FI7" s="483">
        <v>367569</v>
      </c>
      <c r="FJ7" s="486">
        <v>824430</v>
      </c>
      <c r="FK7" s="487">
        <v>824430</v>
      </c>
      <c r="FL7" s="482">
        <v>0</v>
      </c>
      <c r="FM7" s="483">
        <v>0</v>
      </c>
      <c r="FN7" s="484">
        <v>0</v>
      </c>
      <c r="FO7" s="488"/>
      <c r="FP7" s="483">
        <v>199018</v>
      </c>
      <c r="FQ7" s="483">
        <v>472709</v>
      </c>
      <c r="FR7" s="483">
        <v>2850771</v>
      </c>
      <c r="FS7" s="483">
        <v>3455330</v>
      </c>
      <c r="FT7" s="483">
        <v>2067558</v>
      </c>
      <c r="FU7" s="486">
        <v>9045386</v>
      </c>
      <c r="FV7" s="487">
        <v>9045386</v>
      </c>
      <c r="FW7" s="482">
        <v>45202</v>
      </c>
      <c r="FX7" s="483">
        <v>186669</v>
      </c>
      <c r="FY7" s="484">
        <v>231871</v>
      </c>
      <c r="FZ7" s="485">
        <v>0</v>
      </c>
      <c r="GA7" s="483">
        <v>2342542</v>
      </c>
      <c r="GB7" s="483">
        <v>6615034</v>
      </c>
      <c r="GC7" s="483">
        <v>13112881</v>
      </c>
      <c r="GD7" s="483">
        <v>10778173</v>
      </c>
      <c r="GE7" s="483">
        <v>5408770</v>
      </c>
      <c r="GF7" s="486">
        <v>38257400</v>
      </c>
      <c r="GG7" s="487">
        <v>38489271</v>
      </c>
      <c r="GH7" s="482">
        <v>0</v>
      </c>
      <c r="GI7" s="483">
        <v>5522</v>
      </c>
      <c r="GJ7" s="484">
        <v>5522</v>
      </c>
      <c r="GK7" s="485">
        <v>0</v>
      </c>
      <c r="GL7" s="483">
        <v>27167</v>
      </c>
      <c r="GM7" s="483">
        <v>92665</v>
      </c>
      <c r="GN7" s="483">
        <v>136197</v>
      </c>
      <c r="GO7" s="483">
        <v>166085</v>
      </c>
      <c r="GP7" s="483">
        <v>135581</v>
      </c>
      <c r="GQ7" s="486">
        <v>557695</v>
      </c>
      <c r="GR7" s="487">
        <v>563217</v>
      </c>
      <c r="GS7" s="482">
        <v>0</v>
      </c>
      <c r="GT7" s="483">
        <v>0</v>
      </c>
      <c r="GU7" s="484">
        <v>0</v>
      </c>
      <c r="GV7" s="485">
        <v>0</v>
      </c>
      <c r="GW7" s="483">
        <v>0</v>
      </c>
      <c r="GX7" s="483">
        <v>0</v>
      </c>
      <c r="GY7" s="483">
        <v>0</v>
      </c>
      <c r="GZ7" s="483">
        <v>0</v>
      </c>
      <c r="HA7" s="483">
        <v>0</v>
      </c>
      <c r="HB7" s="486">
        <v>0</v>
      </c>
      <c r="HC7" s="487">
        <v>0</v>
      </c>
      <c r="HD7" s="482">
        <v>0</v>
      </c>
      <c r="HE7" s="483">
        <v>0</v>
      </c>
      <c r="HF7" s="484">
        <v>0</v>
      </c>
      <c r="HG7" s="488"/>
      <c r="HH7" s="483">
        <v>0</v>
      </c>
      <c r="HI7" s="483">
        <v>0</v>
      </c>
      <c r="HJ7" s="483">
        <v>0</v>
      </c>
      <c r="HK7" s="483">
        <v>0</v>
      </c>
      <c r="HL7" s="483">
        <v>0</v>
      </c>
      <c r="HM7" s="486">
        <v>0</v>
      </c>
      <c r="HN7" s="487">
        <v>0</v>
      </c>
      <c r="HO7" s="482">
        <v>83652</v>
      </c>
      <c r="HP7" s="483">
        <v>321523</v>
      </c>
      <c r="HQ7" s="484">
        <v>405175</v>
      </c>
      <c r="HR7" s="485">
        <v>0</v>
      </c>
      <c r="HS7" s="483">
        <v>28955810</v>
      </c>
      <c r="HT7" s="483">
        <v>70339769</v>
      </c>
      <c r="HU7" s="483">
        <v>244772376</v>
      </c>
      <c r="HV7" s="483">
        <v>313777333</v>
      </c>
      <c r="HW7" s="483">
        <v>201604520</v>
      </c>
      <c r="HX7" s="486">
        <v>859449808</v>
      </c>
      <c r="HY7" s="487">
        <v>859854983</v>
      </c>
    </row>
    <row r="8" spans="2:233" s="490" customFormat="1" ht="21" customHeight="1" x14ac:dyDescent="0.2">
      <c r="B8" s="491" t="s">
        <v>5</v>
      </c>
      <c r="C8" s="492">
        <v>2815</v>
      </c>
      <c r="D8" s="493">
        <v>41769</v>
      </c>
      <c r="E8" s="494">
        <v>44584</v>
      </c>
      <c r="F8" s="495">
        <v>0</v>
      </c>
      <c r="G8" s="493">
        <v>7209629</v>
      </c>
      <c r="H8" s="493">
        <v>19502380</v>
      </c>
      <c r="I8" s="493">
        <v>49311147</v>
      </c>
      <c r="J8" s="493">
        <v>63034362</v>
      </c>
      <c r="K8" s="493">
        <v>41549193</v>
      </c>
      <c r="L8" s="496">
        <v>180606711</v>
      </c>
      <c r="M8" s="497">
        <v>180651295</v>
      </c>
      <c r="N8" s="492">
        <v>0</v>
      </c>
      <c r="O8" s="493">
        <v>0</v>
      </c>
      <c r="P8" s="494">
        <v>0</v>
      </c>
      <c r="Q8" s="498"/>
      <c r="R8" s="493">
        <v>2323313</v>
      </c>
      <c r="S8" s="493">
        <v>7910508</v>
      </c>
      <c r="T8" s="493">
        <v>33672288</v>
      </c>
      <c r="U8" s="493">
        <v>46555775</v>
      </c>
      <c r="V8" s="493">
        <v>31492187</v>
      </c>
      <c r="W8" s="496">
        <v>121954071</v>
      </c>
      <c r="X8" s="497">
        <v>121954071</v>
      </c>
      <c r="Y8" s="492">
        <v>0</v>
      </c>
      <c r="Z8" s="493">
        <v>0</v>
      </c>
      <c r="AA8" s="494">
        <v>0</v>
      </c>
      <c r="AB8" s="498"/>
      <c r="AC8" s="493">
        <v>4395552</v>
      </c>
      <c r="AD8" s="493">
        <v>9693646</v>
      </c>
      <c r="AE8" s="493">
        <v>11302915</v>
      </c>
      <c r="AF8" s="493">
        <v>12566019</v>
      </c>
      <c r="AG8" s="493">
        <v>7091694</v>
      </c>
      <c r="AH8" s="496">
        <v>45049826</v>
      </c>
      <c r="AI8" s="497">
        <v>45049826</v>
      </c>
      <c r="AJ8" s="492">
        <v>0</v>
      </c>
      <c r="AK8" s="493">
        <v>0</v>
      </c>
      <c r="AL8" s="494">
        <v>0</v>
      </c>
      <c r="AM8" s="498"/>
      <c r="AN8" s="493">
        <v>0</v>
      </c>
      <c r="AO8" s="493">
        <v>0</v>
      </c>
      <c r="AP8" s="493">
        <v>0</v>
      </c>
      <c r="AQ8" s="493">
        <v>114415</v>
      </c>
      <c r="AR8" s="493">
        <v>487144</v>
      </c>
      <c r="AS8" s="496">
        <v>601559</v>
      </c>
      <c r="AT8" s="497">
        <v>601559</v>
      </c>
      <c r="AU8" s="492">
        <v>0</v>
      </c>
      <c r="AV8" s="493">
        <v>0</v>
      </c>
      <c r="AW8" s="494">
        <v>0</v>
      </c>
      <c r="AX8" s="498"/>
      <c r="AY8" s="493">
        <v>0</v>
      </c>
      <c r="AZ8" s="493">
        <v>92550</v>
      </c>
      <c r="BA8" s="493">
        <v>26400</v>
      </c>
      <c r="BB8" s="493">
        <v>362650</v>
      </c>
      <c r="BC8" s="493">
        <v>589455</v>
      </c>
      <c r="BD8" s="496">
        <v>1071055</v>
      </c>
      <c r="BE8" s="497">
        <v>1071055</v>
      </c>
      <c r="BF8" s="492">
        <v>0</v>
      </c>
      <c r="BG8" s="493">
        <v>0</v>
      </c>
      <c r="BH8" s="494">
        <v>0</v>
      </c>
      <c r="BI8" s="498"/>
      <c r="BJ8" s="493">
        <v>69540</v>
      </c>
      <c r="BK8" s="493">
        <v>109180</v>
      </c>
      <c r="BL8" s="493">
        <v>394755</v>
      </c>
      <c r="BM8" s="493">
        <v>235225</v>
      </c>
      <c r="BN8" s="493">
        <v>173685</v>
      </c>
      <c r="BO8" s="496">
        <v>982385</v>
      </c>
      <c r="BP8" s="497">
        <v>982385</v>
      </c>
      <c r="BQ8" s="492">
        <v>2815</v>
      </c>
      <c r="BR8" s="493">
        <v>38654</v>
      </c>
      <c r="BS8" s="494">
        <v>41469</v>
      </c>
      <c r="BT8" s="495">
        <v>0</v>
      </c>
      <c r="BU8" s="493">
        <v>407312</v>
      </c>
      <c r="BV8" s="493">
        <v>1592882</v>
      </c>
      <c r="BW8" s="493">
        <v>3800955</v>
      </c>
      <c r="BX8" s="493">
        <v>2991599</v>
      </c>
      <c r="BY8" s="493">
        <v>1534771</v>
      </c>
      <c r="BZ8" s="496">
        <v>10327519</v>
      </c>
      <c r="CA8" s="497">
        <v>10368988</v>
      </c>
      <c r="CB8" s="492">
        <v>0</v>
      </c>
      <c r="CC8" s="493">
        <v>3115</v>
      </c>
      <c r="CD8" s="494">
        <v>3115</v>
      </c>
      <c r="CE8" s="495">
        <v>0</v>
      </c>
      <c r="CF8" s="493">
        <v>13912</v>
      </c>
      <c r="CG8" s="493">
        <v>103614</v>
      </c>
      <c r="CH8" s="493">
        <v>113834</v>
      </c>
      <c r="CI8" s="493">
        <v>208679</v>
      </c>
      <c r="CJ8" s="493">
        <v>180257</v>
      </c>
      <c r="CK8" s="496">
        <v>620296</v>
      </c>
      <c r="CL8" s="497">
        <v>623411</v>
      </c>
      <c r="CM8" s="492">
        <v>0</v>
      </c>
      <c r="CN8" s="493">
        <v>0</v>
      </c>
      <c r="CO8" s="494">
        <v>0</v>
      </c>
      <c r="CP8" s="495">
        <v>0</v>
      </c>
      <c r="CQ8" s="493">
        <v>0</v>
      </c>
      <c r="CR8" s="493">
        <v>0</v>
      </c>
      <c r="CS8" s="493">
        <v>0</v>
      </c>
      <c r="CT8" s="493">
        <v>0</v>
      </c>
      <c r="CU8" s="493">
        <v>0</v>
      </c>
      <c r="CV8" s="496">
        <v>0</v>
      </c>
      <c r="CW8" s="497">
        <v>0</v>
      </c>
      <c r="CX8" s="492">
        <v>0</v>
      </c>
      <c r="CY8" s="493">
        <v>0</v>
      </c>
      <c r="CZ8" s="494">
        <v>0</v>
      </c>
      <c r="DA8" s="498"/>
      <c r="DB8" s="493">
        <v>0</v>
      </c>
      <c r="DC8" s="493">
        <v>0</v>
      </c>
      <c r="DD8" s="493">
        <v>0</v>
      </c>
      <c r="DE8" s="493">
        <v>0</v>
      </c>
      <c r="DF8" s="493">
        <v>0</v>
      </c>
      <c r="DG8" s="496">
        <v>0</v>
      </c>
      <c r="DH8" s="497">
        <v>0</v>
      </c>
      <c r="DI8" s="492">
        <v>5235</v>
      </c>
      <c r="DJ8" s="493">
        <v>85574</v>
      </c>
      <c r="DK8" s="494">
        <v>90809</v>
      </c>
      <c r="DL8" s="495">
        <v>0</v>
      </c>
      <c r="DM8" s="493">
        <v>5723438</v>
      </c>
      <c r="DN8" s="493">
        <v>18502317</v>
      </c>
      <c r="DO8" s="493">
        <v>55270802</v>
      </c>
      <c r="DP8" s="493">
        <v>69698781</v>
      </c>
      <c r="DQ8" s="493">
        <v>44936330</v>
      </c>
      <c r="DR8" s="496">
        <v>194131668</v>
      </c>
      <c r="DS8" s="499">
        <v>194222477</v>
      </c>
      <c r="DT8" s="492">
        <v>0</v>
      </c>
      <c r="DU8" s="493">
        <v>0</v>
      </c>
      <c r="DV8" s="494">
        <v>0</v>
      </c>
      <c r="DW8" s="498"/>
      <c r="DX8" s="493">
        <v>3270342</v>
      </c>
      <c r="DY8" s="493">
        <v>11750158</v>
      </c>
      <c r="DZ8" s="493">
        <v>45322350</v>
      </c>
      <c r="EA8" s="493">
        <v>60897847</v>
      </c>
      <c r="EB8" s="493">
        <v>39455434</v>
      </c>
      <c r="EC8" s="496">
        <v>160696131</v>
      </c>
      <c r="ED8" s="497">
        <v>160696131</v>
      </c>
      <c r="EE8" s="492">
        <v>0</v>
      </c>
      <c r="EF8" s="493">
        <v>0</v>
      </c>
      <c r="EG8" s="494">
        <v>0</v>
      </c>
      <c r="EH8" s="498"/>
      <c r="EI8" s="493">
        <v>1594131</v>
      </c>
      <c r="EJ8" s="493">
        <v>3787646</v>
      </c>
      <c r="EK8" s="493">
        <v>3710422</v>
      </c>
      <c r="EL8" s="493">
        <v>3898207</v>
      </c>
      <c r="EM8" s="493">
        <v>2552215</v>
      </c>
      <c r="EN8" s="496">
        <v>15542621</v>
      </c>
      <c r="EO8" s="497">
        <v>15542621</v>
      </c>
      <c r="EP8" s="492">
        <v>0</v>
      </c>
      <c r="EQ8" s="493">
        <v>0</v>
      </c>
      <c r="ER8" s="494">
        <v>0</v>
      </c>
      <c r="ES8" s="498"/>
      <c r="ET8" s="493">
        <v>0</v>
      </c>
      <c r="EU8" s="493">
        <v>0</v>
      </c>
      <c r="EV8" s="493">
        <v>11100</v>
      </c>
      <c r="EW8" s="493">
        <v>13620</v>
      </c>
      <c r="EX8" s="493">
        <v>62785</v>
      </c>
      <c r="EY8" s="496">
        <v>87505</v>
      </c>
      <c r="EZ8" s="497">
        <v>87505</v>
      </c>
      <c r="FA8" s="492">
        <v>0</v>
      </c>
      <c r="FB8" s="493">
        <v>0</v>
      </c>
      <c r="FC8" s="494">
        <v>0</v>
      </c>
      <c r="FD8" s="498"/>
      <c r="FE8" s="493">
        <v>0</v>
      </c>
      <c r="FF8" s="493">
        <v>22830</v>
      </c>
      <c r="FG8" s="493">
        <v>11520</v>
      </c>
      <c r="FH8" s="493">
        <v>51349</v>
      </c>
      <c r="FI8" s="493">
        <v>116503</v>
      </c>
      <c r="FJ8" s="496">
        <v>202202</v>
      </c>
      <c r="FK8" s="497">
        <v>202202</v>
      </c>
      <c r="FL8" s="492">
        <v>0</v>
      </c>
      <c r="FM8" s="493">
        <v>0</v>
      </c>
      <c r="FN8" s="494">
        <v>0</v>
      </c>
      <c r="FO8" s="498"/>
      <c r="FP8" s="493">
        <v>114802</v>
      </c>
      <c r="FQ8" s="493">
        <v>141372</v>
      </c>
      <c r="FR8" s="493">
        <v>554182</v>
      </c>
      <c r="FS8" s="493">
        <v>451918</v>
      </c>
      <c r="FT8" s="493">
        <v>307104</v>
      </c>
      <c r="FU8" s="496">
        <v>1569378</v>
      </c>
      <c r="FV8" s="497">
        <v>1569378</v>
      </c>
      <c r="FW8" s="492">
        <v>5235</v>
      </c>
      <c r="FX8" s="493">
        <v>83068</v>
      </c>
      <c r="FY8" s="494">
        <v>88303</v>
      </c>
      <c r="FZ8" s="495">
        <v>0</v>
      </c>
      <c r="GA8" s="493">
        <v>732740</v>
      </c>
      <c r="GB8" s="493">
        <v>2745893</v>
      </c>
      <c r="GC8" s="493">
        <v>5591265</v>
      </c>
      <c r="GD8" s="493">
        <v>4324377</v>
      </c>
      <c r="GE8" s="493">
        <v>2339456</v>
      </c>
      <c r="GF8" s="496">
        <v>15733731</v>
      </c>
      <c r="GG8" s="497">
        <v>15822034</v>
      </c>
      <c r="GH8" s="492">
        <v>0</v>
      </c>
      <c r="GI8" s="493">
        <v>2506</v>
      </c>
      <c r="GJ8" s="494">
        <v>2506</v>
      </c>
      <c r="GK8" s="495">
        <v>0</v>
      </c>
      <c r="GL8" s="493">
        <v>11423</v>
      </c>
      <c r="GM8" s="493">
        <v>54418</v>
      </c>
      <c r="GN8" s="493">
        <v>69963</v>
      </c>
      <c r="GO8" s="493">
        <v>61463</v>
      </c>
      <c r="GP8" s="493">
        <v>102833</v>
      </c>
      <c r="GQ8" s="496">
        <v>300100</v>
      </c>
      <c r="GR8" s="497">
        <v>302606</v>
      </c>
      <c r="GS8" s="492">
        <v>0</v>
      </c>
      <c r="GT8" s="493">
        <v>0</v>
      </c>
      <c r="GU8" s="494">
        <v>0</v>
      </c>
      <c r="GV8" s="495">
        <v>0</v>
      </c>
      <c r="GW8" s="493">
        <v>0</v>
      </c>
      <c r="GX8" s="493">
        <v>0</v>
      </c>
      <c r="GY8" s="493">
        <v>0</v>
      </c>
      <c r="GZ8" s="493">
        <v>0</v>
      </c>
      <c r="HA8" s="493">
        <v>0</v>
      </c>
      <c r="HB8" s="496">
        <v>0</v>
      </c>
      <c r="HC8" s="497">
        <v>0</v>
      </c>
      <c r="HD8" s="492">
        <v>0</v>
      </c>
      <c r="HE8" s="493">
        <v>0</v>
      </c>
      <c r="HF8" s="494">
        <v>0</v>
      </c>
      <c r="HG8" s="498"/>
      <c r="HH8" s="493">
        <v>0</v>
      </c>
      <c r="HI8" s="493">
        <v>0</v>
      </c>
      <c r="HJ8" s="493">
        <v>0</v>
      </c>
      <c r="HK8" s="493">
        <v>0</v>
      </c>
      <c r="HL8" s="493">
        <v>0</v>
      </c>
      <c r="HM8" s="496">
        <v>0</v>
      </c>
      <c r="HN8" s="497">
        <v>0</v>
      </c>
      <c r="HO8" s="492">
        <v>8050</v>
      </c>
      <c r="HP8" s="493">
        <v>127343</v>
      </c>
      <c r="HQ8" s="494">
        <v>135393</v>
      </c>
      <c r="HR8" s="495">
        <v>0</v>
      </c>
      <c r="HS8" s="493">
        <v>12933067</v>
      </c>
      <c r="HT8" s="493">
        <v>38004697</v>
      </c>
      <c r="HU8" s="493">
        <v>104581949</v>
      </c>
      <c r="HV8" s="493">
        <v>132733143</v>
      </c>
      <c r="HW8" s="493">
        <v>86485523</v>
      </c>
      <c r="HX8" s="496">
        <v>374738379</v>
      </c>
      <c r="HY8" s="497">
        <v>374873772</v>
      </c>
    </row>
    <row r="9" spans="2:233" ht="21" customHeight="1" x14ac:dyDescent="0.2">
      <c r="B9" s="292" t="s">
        <v>6</v>
      </c>
      <c r="C9" s="294">
        <v>0</v>
      </c>
      <c r="D9" s="295">
        <v>41871</v>
      </c>
      <c r="E9" s="296">
        <v>41871</v>
      </c>
      <c r="F9" s="297">
        <v>0</v>
      </c>
      <c r="G9" s="295">
        <v>2582587</v>
      </c>
      <c r="H9" s="295">
        <v>4187740</v>
      </c>
      <c r="I9" s="295">
        <v>15664397</v>
      </c>
      <c r="J9" s="295">
        <v>21187395</v>
      </c>
      <c r="K9" s="295">
        <v>13716856</v>
      </c>
      <c r="L9" s="298">
        <v>57338975</v>
      </c>
      <c r="M9" s="299">
        <v>57380846</v>
      </c>
      <c r="N9" s="294">
        <v>0</v>
      </c>
      <c r="O9" s="295">
        <v>0</v>
      </c>
      <c r="P9" s="296">
        <v>0</v>
      </c>
      <c r="Q9" s="300"/>
      <c r="R9" s="295">
        <v>1095405</v>
      </c>
      <c r="S9" s="295">
        <v>1484865</v>
      </c>
      <c r="T9" s="295">
        <v>11303344</v>
      </c>
      <c r="U9" s="295">
        <v>14596293</v>
      </c>
      <c r="V9" s="295">
        <v>10150015</v>
      </c>
      <c r="W9" s="298">
        <v>38629922</v>
      </c>
      <c r="X9" s="299">
        <v>38629922</v>
      </c>
      <c r="Y9" s="294">
        <v>0</v>
      </c>
      <c r="Z9" s="295">
        <v>0</v>
      </c>
      <c r="AA9" s="296">
        <v>0</v>
      </c>
      <c r="AB9" s="300"/>
      <c r="AC9" s="295">
        <v>1270335</v>
      </c>
      <c r="AD9" s="295">
        <v>2206785</v>
      </c>
      <c r="AE9" s="295">
        <v>3262901</v>
      </c>
      <c r="AF9" s="295">
        <v>4664680</v>
      </c>
      <c r="AG9" s="295">
        <v>2227220</v>
      </c>
      <c r="AH9" s="298">
        <v>13631921</v>
      </c>
      <c r="AI9" s="299">
        <v>13631921</v>
      </c>
      <c r="AJ9" s="294">
        <v>0</v>
      </c>
      <c r="AK9" s="295">
        <v>0</v>
      </c>
      <c r="AL9" s="296">
        <v>0</v>
      </c>
      <c r="AM9" s="300"/>
      <c r="AN9" s="295">
        <v>0</v>
      </c>
      <c r="AO9" s="295">
        <v>0</v>
      </c>
      <c r="AP9" s="295">
        <v>26400</v>
      </c>
      <c r="AQ9" s="295">
        <v>342805</v>
      </c>
      <c r="AR9" s="295">
        <v>430455</v>
      </c>
      <c r="AS9" s="298">
        <v>799660</v>
      </c>
      <c r="AT9" s="299">
        <v>799660</v>
      </c>
      <c r="AU9" s="294">
        <v>0</v>
      </c>
      <c r="AV9" s="295">
        <v>0</v>
      </c>
      <c r="AW9" s="296">
        <v>0</v>
      </c>
      <c r="AX9" s="300"/>
      <c r="AY9" s="295">
        <v>0</v>
      </c>
      <c r="AZ9" s="295">
        <v>0</v>
      </c>
      <c r="BA9" s="295">
        <v>11085</v>
      </c>
      <c r="BB9" s="295">
        <v>301940</v>
      </c>
      <c r="BC9" s="295">
        <v>288472</v>
      </c>
      <c r="BD9" s="298">
        <v>601497</v>
      </c>
      <c r="BE9" s="299">
        <v>601497</v>
      </c>
      <c r="BF9" s="294">
        <v>0</v>
      </c>
      <c r="BG9" s="295">
        <v>0</v>
      </c>
      <c r="BH9" s="296">
        <v>0</v>
      </c>
      <c r="BI9" s="300"/>
      <c r="BJ9" s="295">
        <v>31585</v>
      </c>
      <c r="BK9" s="295">
        <v>27805</v>
      </c>
      <c r="BL9" s="295">
        <v>302915</v>
      </c>
      <c r="BM9" s="295">
        <v>397095</v>
      </c>
      <c r="BN9" s="295">
        <v>206105</v>
      </c>
      <c r="BO9" s="298">
        <v>965505</v>
      </c>
      <c r="BP9" s="299">
        <v>965505</v>
      </c>
      <c r="BQ9" s="294">
        <v>0</v>
      </c>
      <c r="BR9" s="295">
        <v>41871</v>
      </c>
      <c r="BS9" s="296">
        <v>41871</v>
      </c>
      <c r="BT9" s="297">
        <v>0</v>
      </c>
      <c r="BU9" s="295">
        <v>181292</v>
      </c>
      <c r="BV9" s="295">
        <v>447520</v>
      </c>
      <c r="BW9" s="295">
        <v>720977</v>
      </c>
      <c r="BX9" s="295">
        <v>820922</v>
      </c>
      <c r="BY9" s="295">
        <v>395114</v>
      </c>
      <c r="BZ9" s="298">
        <v>2565825</v>
      </c>
      <c r="CA9" s="299">
        <v>2607696</v>
      </c>
      <c r="CB9" s="294">
        <v>0</v>
      </c>
      <c r="CC9" s="295">
        <v>0</v>
      </c>
      <c r="CD9" s="296">
        <v>0</v>
      </c>
      <c r="CE9" s="297">
        <v>0</v>
      </c>
      <c r="CF9" s="295">
        <v>3970</v>
      </c>
      <c r="CG9" s="295">
        <v>20765</v>
      </c>
      <c r="CH9" s="295">
        <v>36775</v>
      </c>
      <c r="CI9" s="295">
        <v>63660</v>
      </c>
      <c r="CJ9" s="295">
        <v>19475</v>
      </c>
      <c r="CK9" s="298">
        <v>144645</v>
      </c>
      <c r="CL9" s="299">
        <v>144645</v>
      </c>
      <c r="CM9" s="294">
        <v>0</v>
      </c>
      <c r="CN9" s="295">
        <v>0</v>
      </c>
      <c r="CO9" s="296">
        <v>0</v>
      </c>
      <c r="CP9" s="297">
        <v>0</v>
      </c>
      <c r="CQ9" s="295">
        <v>0</v>
      </c>
      <c r="CR9" s="295">
        <v>0</v>
      </c>
      <c r="CS9" s="295">
        <v>0</v>
      </c>
      <c r="CT9" s="295">
        <v>0</v>
      </c>
      <c r="CU9" s="295">
        <v>0</v>
      </c>
      <c r="CV9" s="298">
        <v>0</v>
      </c>
      <c r="CW9" s="299">
        <v>0</v>
      </c>
      <c r="CX9" s="294">
        <v>0</v>
      </c>
      <c r="CY9" s="295">
        <v>0</v>
      </c>
      <c r="CZ9" s="296">
        <v>0</v>
      </c>
      <c r="DA9" s="300"/>
      <c r="DB9" s="295">
        <v>0</v>
      </c>
      <c r="DC9" s="295">
        <v>0</v>
      </c>
      <c r="DD9" s="295">
        <v>0</v>
      </c>
      <c r="DE9" s="295">
        <v>0</v>
      </c>
      <c r="DF9" s="295">
        <v>0</v>
      </c>
      <c r="DG9" s="298">
        <v>0</v>
      </c>
      <c r="DH9" s="299">
        <v>0</v>
      </c>
      <c r="DI9" s="294">
        <v>0</v>
      </c>
      <c r="DJ9" s="295">
        <v>46797</v>
      </c>
      <c r="DK9" s="296">
        <v>46797</v>
      </c>
      <c r="DL9" s="297">
        <v>0</v>
      </c>
      <c r="DM9" s="295">
        <v>1595934</v>
      </c>
      <c r="DN9" s="295">
        <v>3232728</v>
      </c>
      <c r="DO9" s="295">
        <v>14465343</v>
      </c>
      <c r="DP9" s="295">
        <v>18981220</v>
      </c>
      <c r="DQ9" s="295">
        <v>12258380</v>
      </c>
      <c r="DR9" s="298">
        <v>50533605</v>
      </c>
      <c r="DS9" s="301">
        <v>50580402</v>
      </c>
      <c r="DT9" s="294">
        <v>0</v>
      </c>
      <c r="DU9" s="295">
        <v>0</v>
      </c>
      <c r="DV9" s="296">
        <v>0</v>
      </c>
      <c r="DW9" s="300"/>
      <c r="DX9" s="295">
        <v>937635</v>
      </c>
      <c r="DY9" s="295">
        <v>1802660</v>
      </c>
      <c r="DZ9" s="295">
        <v>12164980</v>
      </c>
      <c r="EA9" s="295">
        <v>15696976</v>
      </c>
      <c r="EB9" s="295">
        <v>10655560</v>
      </c>
      <c r="EC9" s="298">
        <v>41257811</v>
      </c>
      <c r="ED9" s="299">
        <v>41257811</v>
      </c>
      <c r="EE9" s="294">
        <v>0</v>
      </c>
      <c r="EF9" s="295">
        <v>0</v>
      </c>
      <c r="EG9" s="296">
        <v>0</v>
      </c>
      <c r="EH9" s="300"/>
      <c r="EI9" s="295">
        <v>289247</v>
      </c>
      <c r="EJ9" s="295">
        <v>730346</v>
      </c>
      <c r="EK9" s="295">
        <v>682830</v>
      </c>
      <c r="EL9" s="295">
        <v>1011405</v>
      </c>
      <c r="EM9" s="295">
        <v>488273</v>
      </c>
      <c r="EN9" s="298">
        <v>3202101</v>
      </c>
      <c r="EO9" s="299">
        <v>3202101</v>
      </c>
      <c r="EP9" s="294">
        <v>0</v>
      </c>
      <c r="EQ9" s="295">
        <v>0</v>
      </c>
      <c r="ER9" s="296">
        <v>0</v>
      </c>
      <c r="ES9" s="300"/>
      <c r="ET9" s="295">
        <v>0</v>
      </c>
      <c r="EU9" s="295">
        <v>0</v>
      </c>
      <c r="EV9" s="295">
        <v>11520</v>
      </c>
      <c r="EW9" s="295">
        <v>77209</v>
      </c>
      <c r="EX9" s="295">
        <v>93798</v>
      </c>
      <c r="EY9" s="298">
        <v>182527</v>
      </c>
      <c r="EZ9" s="299">
        <v>182527</v>
      </c>
      <c r="FA9" s="294">
        <v>0</v>
      </c>
      <c r="FB9" s="295">
        <v>0</v>
      </c>
      <c r="FC9" s="296">
        <v>0</v>
      </c>
      <c r="FD9" s="300"/>
      <c r="FE9" s="295">
        <v>0</v>
      </c>
      <c r="FF9" s="295">
        <v>0</v>
      </c>
      <c r="FG9" s="295">
        <v>9845</v>
      </c>
      <c r="FH9" s="295">
        <v>58356</v>
      </c>
      <c r="FI9" s="295">
        <v>36667</v>
      </c>
      <c r="FJ9" s="298">
        <v>104868</v>
      </c>
      <c r="FK9" s="299">
        <v>104868</v>
      </c>
      <c r="FL9" s="294">
        <v>0</v>
      </c>
      <c r="FM9" s="295">
        <v>0</v>
      </c>
      <c r="FN9" s="296">
        <v>0</v>
      </c>
      <c r="FO9" s="300"/>
      <c r="FP9" s="295">
        <v>84216</v>
      </c>
      <c r="FQ9" s="295">
        <v>44655</v>
      </c>
      <c r="FR9" s="295">
        <v>511830</v>
      </c>
      <c r="FS9" s="295">
        <v>1016418</v>
      </c>
      <c r="FT9" s="295">
        <v>405016</v>
      </c>
      <c r="FU9" s="298">
        <v>2062135</v>
      </c>
      <c r="FV9" s="299">
        <v>2062135</v>
      </c>
      <c r="FW9" s="294">
        <v>0</v>
      </c>
      <c r="FX9" s="295">
        <v>46797</v>
      </c>
      <c r="FY9" s="296">
        <v>46797</v>
      </c>
      <c r="FZ9" s="297">
        <v>0</v>
      </c>
      <c r="GA9" s="295">
        <v>281204</v>
      </c>
      <c r="GB9" s="295">
        <v>639915</v>
      </c>
      <c r="GC9" s="295">
        <v>1045594</v>
      </c>
      <c r="GD9" s="295">
        <v>1062918</v>
      </c>
      <c r="GE9" s="295">
        <v>570637</v>
      </c>
      <c r="GF9" s="298">
        <v>3600268</v>
      </c>
      <c r="GG9" s="299">
        <v>3647065</v>
      </c>
      <c r="GH9" s="294">
        <v>0</v>
      </c>
      <c r="GI9" s="295">
        <v>0</v>
      </c>
      <c r="GJ9" s="296">
        <v>0</v>
      </c>
      <c r="GK9" s="297">
        <v>0</v>
      </c>
      <c r="GL9" s="295">
        <v>3632</v>
      </c>
      <c r="GM9" s="295">
        <v>15152</v>
      </c>
      <c r="GN9" s="295">
        <v>38744</v>
      </c>
      <c r="GO9" s="295">
        <v>57938</v>
      </c>
      <c r="GP9" s="295">
        <v>8429</v>
      </c>
      <c r="GQ9" s="298">
        <v>123895</v>
      </c>
      <c r="GR9" s="299">
        <v>123895</v>
      </c>
      <c r="GS9" s="294">
        <v>0</v>
      </c>
      <c r="GT9" s="295">
        <v>0</v>
      </c>
      <c r="GU9" s="296">
        <v>0</v>
      </c>
      <c r="GV9" s="297">
        <v>0</v>
      </c>
      <c r="GW9" s="295">
        <v>0</v>
      </c>
      <c r="GX9" s="295">
        <v>0</v>
      </c>
      <c r="GY9" s="295">
        <v>0</v>
      </c>
      <c r="GZ9" s="295">
        <v>0</v>
      </c>
      <c r="HA9" s="295">
        <v>0</v>
      </c>
      <c r="HB9" s="298">
        <v>0</v>
      </c>
      <c r="HC9" s="299">
        <v>0</v>
      </c>
      <c r="HD9" s="294">
        <v>0</v>
      </c>
      <c r="HE9" s="295">
        <v>0</v>
      </c>
      <c r="HF9" s="296">
        <v>0</v>
      </c>
      <c r="HG9" s="300"/>
      <c r="HH9" s="295">
        <v>0</v>
      </c>
      <c r="HI9" s="295">
        <v>0</v>
      </c>
      <c r="HJ9" s="295">
        <v>0</v>
      </c>
      <c r="HK9" s="295">
        <v>0</v>
      </c>
      <c r="HL9" s="295">
        <v>0</v>
      </c>
      <c r="HM9" s="298">
        <v>0</v>
      </c>
      <c r="HN9" s="299">
        <v>0</v>
      </c>
      <c r="HO9" s="294">
        <v>0</v>
      </c>
      <c r="HP9" s="295">
        <v>88668</v>
      </c>
      <c r="HQ9" s="296">
        <v>88668</v>
      </c>
      <c r="HR9" s="297">
        <v>0</v>
      </c>
      <c r="HS9" s="295">
        <v>4178521</v>
      </c>
      <c r="HT9" s="295">
        <v>7420468</v>
      </c>
      <c r="HU9" s="295">
        <v>30129740</v>
      </c>
      <c r="HV9" s="295">
        <v>40168615</v>
      </c>
      <c r="HW9" s="295">
        <v>25975236</v>
      </c>
      <c r="HX9" s="298">
        <v>107872580</v>
      </c>
      <c r="HY9" s="299">
        <v>107961248</v>
      </c>
    </row>
    <row r="10" spans="2:233" ht="21" customHeight="1" x14ac:dyDescent="0.2">
      <c r="B10" s="292" t="s">
        <v>14</v>
      </c>
      <c r="C10" s="294">
        <v>0</v>
      </c>
      <c r="D10" s="295">
        <v>495</v>
      </c>
      <c r="E10" s="296">
        <v>495</v>
      </c>
      <c r="F10" s="297">
        <v>0</v>
      </c>
      <c r="G10" s="295">
        <v>822458</v>
      </c>
      <c r="H10" s="295">
        <v>2163287</v>
      </c>
      <c r="I10" s="295">
        <v>8723329</v>
      </c>
      <c r="J10" s="295">
        <v>13255504</v>
      </c>
      <c r="K10" s="295">
        <v>7383712</v>
      </c>
      <c r="L10" s="298">
        <v>32348290</v>
      </c>
      <c r="M10" s="299">
        <v>32348785</v>
      </c>
      <c r="N10" s="294">
        <v>0</v>
      </c>
      <c r="O10" s="295">
        <v>0</v>
      </c>
      <c r="P10" s="296">
        <v>0</v>
      </c>
      <c r="Q10" s="300"/>
      <c r="R10" s="295">
        <v>119160</v>
      </c>
      <c r="S10" s="295">
        <v>468896</v>
      </c>
      <c r="T10" s="295">
        <v>6071480</v>
      </c>
      <c r="U10" s="295">
        <v>9520961</v>
      </c>
      <c r="V10" s="295">
        <v>5349585</v>
      </c>
      <c r="W10" s="298">
        <v>21530082</v>
      </c>
      <c r="X10" s="299">
        <v>21530082</v>
      </c>
      <c r="Y10" s="294">
        <v>0</v>
      </c>
      <c r="Z10" s="295">
        <v>0</v>
      </c>
      <c r="AA10" s="296">
        <v>0</v>
      </c>
      <c r="AB10" s="300"/>
      <c r="AC10" s="295">
        <v>636800</v>
      </c>
      <c r="AD10" s="295">
        <v>1338053</v>
      </c>
      <c r="AE10" s="295">
        <v>2020020</v>
      </c>
      <c r="AF10" s="295">
        <v>1994615</v>
      </c>
      <c r="AG10" s="295">
        <v>912514</v>
      </c>
      <c r="AH10" s="298">
        <v>6902002</v>
      </c>
      <c r="AI10" s="299">
        <v>6902002</v>
      </c>
      <c r="AJ10" s="294">
        <v>0</v>
      </c>
      <c r="AK10" s="295">
        <v>0</v>
      </c>
      <c r="AL10" s="296">
        <v>0</v>
      </c>
      <c r="AM10" s="300"/>
      <c r="AN10" s="295">
        <v>0</v>
      </c>
      <c r="AO10" s="295">
        <v>0</v>
      </c>
      <c r="AP10" s="295">
        <v>0</v>
      </c>
      <c r="AQ10" s="295">
        <v>152915</v>
      </c>
      <c r="AR10" s="295">
        <v>196005</v>
      </c>
      <c r="AS10" s="298">
        <v>348920</v>
      </c>
      <c r="AT10" s="299">
        <v>348920</v>
      </c>
      <c r="AU10" s="294">
        <v>0</v>
      </c>
      <c r="AV10" s="295">
        <v>0</v>
      </c>
      <c r="AW10" s="296">
        <v>0</v>
      </c>
      <c r="AX10" s="300"/>
      <c r="AY10" s="295">
        <v>0</v>
      </c>
      <c r="AZ10" s="295">
        <v>0</v>
      </c>
      <c r="BA10" s="295">
        <v>15105</v>
      </c>
      <c r="BB10" s="295">
        <v>618915</v>
      </c>
      <c r="BC10" s="295">
        <v>461275</v>
      </c>
      <c r="BD10" s="298">
        <v>1095295</v>
      </c>
      <c r="BE10" s="299">
        <v>1095295</v>
      </c>
      <c r="BF10" s="294">
        <v>0</v>
      </c>
      <c r="BG10" s="295">
        <v>0</v>
      </c>
      <c r="BH10" s="296">
        <v>0</v>
      </c>
      <c r="BI10" s="300"/>
      <c r="BJ10" s="295">
        <v>0</v>
      </c>
      <c r="BK10" s="295">
        <v>23850</v>
      </c>
      <c r="BL10" s="295">
        <v>19975</v>
      </c>
      <c r="BM10" s="295">
        <v>150540</v>
      </c>
      <c r="BN10" s="295">
        <v>90465</v>
      </c>
      <c r="BO10" s="298">
        <v>284830</v>
      </c>
      <c r="BP10" s="299">
        <v>284830</v>
      </c>
      <c r="BQ10" s="294">
        <v>0</v>
      </c>
      <c r="BR10" s="295">
        <v>495</v>
      </c>
      <c r="BS10" s="296">
        <v>495</v>
      </c>
      <c r="BT10" s="297">
        <v>0</v>
      </c>
      <c r="BU10" s="295">
        <v>66498</v>
      </c>
      <c r="BV10" s="295">
        <v>330023</v>
      </c>
      <c r="BW10" s="295">
        <v>595009</v>
      </c>
      <c r="BX10" s="295">
        <v>817558</v>
      </c>
      <c r="BY10" s="295">
        <v>369607</v>
      </c>
      <c r="BZ10" s="298">
        <v>2178695</v>
      </c>
      <c r="CA10" s="299">
        <v>2179190</v>
      </c>
      <c r="CB10" s="294">
        <v>0</v>
      </c>
      <c r="CC10" s="295">
        <v>0</v>
      </c>
      <c r="CD10" s="296">
        <v>0</v>
      </c>
      <c r="CE10" s="297">
        <v>0</v>
      </c>
      <c r="CF10" s="295">
        <v>0</v>
      </c>
      <c r="CG10" s="295">
        <v>2465</v>
      </c>
      <c r="CH10" s="295">
        <v>1740</v>
      </c>
      <c r="CI10" s="295">
        <v>0</v>
      </c>
      <c r="CJ10" s="295">
        <v>4261</v>
      </c>
      <c r="CK10" s="298">
        <v>8466</v>
      </c>
      <c r="CL10" s="299">
        <v>8466</v>
      </c>
      <c r="CM10" s="294">
        <v>0</v>
      </c>
      <c r="CN10" s="295">
        <v>0</v>
      </c>
      <c r="CO10" s="296">
        <v>0</v>
      </c>
      <c r="CP10" s="297">
        <v>0</v>
      </c>
      <c r="CQ10" s="295">
        <v>0</v>
      </c>
      <c r="CR10" s="295">
        <v>0</v>
      </c>
      <c r="CS10" s="295">
        <v>0</v>
      </c>
      <c r="CT10" s="295">
        <v>0</v>
      </c>
      <c r="CU10" s="295">
        <v>0</v>
      </c>
      <c r="CV10" s="298">
        <v>0</v>
      </c>
      <c r="CW10" s="299">
        <v>0</v>
      </c>
      <c r="CX10" s="294">
        <v>0</v>
      </c>
      <c r="CY10" s="295">
        <v>0</v>
      </c>
      <c r="CZ10" s="296">
        <v>0</v>
      </c>
      <c r="DA10" s="300"/>
      <c r="DB10" s="295">
        <v>0</v>
      </c>
      <c r="DC10" s="295">
        <v>0</v>
      </c>
      <c r="DD10" s="295">
        <v>0</v>
      </c>
      <c r="DE10" s="295">
        <v>0</v>
      </c>
      <c r="DF10" s="295">
        <v>0</v>
      </c>
      <c r="DG10" s="298">
        <v>0</v>
      </c>
      <c r="DH10" s="299">
        <v>0</v>
      </c>
      <c r="DI10" s="294">
        <v>0</v>
      </c>
      <c r="DJ10" s="295">
        <v>4672</v>
      </c>
      <c r="DK10" s="296">
        <v>4672</v>
      </c>
      <c r="DL10" s="297">
        <v>0</v>
      </c>
      <c r="DM10" s="295">
        <v>334236</v>
      </c>
      <c r="DN10" s="295">
        <v>1502929</v>
      </c>
      <c r="DO10" s="295">
        <v>9982611</v>
      </c>
      <c r="DP10" s="295">
        <v>14350166</v>
      </c>
      <c r="DQ10" s="295">
        <v>7842842</v>
      </c>
      <c r="DR10" s="298">
        <v>34012784</v>
      </c>
      <c r="DS10" s="301">
        <v>34017456</v>
      </c>
      <c r="DT10" s="294">
        <v>0</v>
      </c>
      <c r="DU10" s="295">
        <v>0</v>
      </c>
      <c r="DV10" s="296">
        <v>0</v>
      </c>
      <c r="DW10" s="300"/>
      <c r="DX10" s="295">
        <v>158329</v>
      </c>
      <c r="DY10" s="295">
        <v>725859</v>
      </c>
      <c r="DZ10" s="295">
        <v>8559287</v>
      </c>
      <c r="EA10" s="295">
        <v>12552981</v>
      </c>
      <c r="EB10" s="295">
        <v>7005072</v>
      </c>
      <c r="EC10" s="298">
        <v>29001528</v>
      </c>
      <c r="ED10" s="299">
        <v>29001528</v>
      </c>
      <c r="EE10" s="294">
        <v>0</v>
      </c>
      <c r="EF10" s="295">
        <v>0</v>
      </c>
      <c r="EG10" s="296">
        <v>0</v>
      </c>
      <c r="EH10" s="300"/>
      <c r="EI10" s="295">
        <v>50057</v>
      </c>
      <c r="EJ10" s="295">
        <v>220709</v>
      </c>
      <c r="EK10" s="295">
        <v>325744</v>
      </c>
      <c r="EL10" s="295">
        <v>290804</v>
      </c>
      <c r="EM10" s="295">
        <v>58148</v>
      </c>
      <c r="EN10" s="298">
        <v>945462</v>
      </c>
      <c r="EO10" s="299">
        <v>945462</v>
      </c>
      <c r="EP10" s="294">
        <v>0</v>
      </c>
      <c r="EQ10" s="295">
        <v>0</v>
      </c>
      <c r="ER10" s="296">
        <v>0</v>
      </c>
      <c r="ES10" s="300"/>
      <c r="ET10" s="295">
        <v>0</v>
      </c>
      <c r="EU10" s="295">
        <v>0</v>
      </c>
      <c r="EV10" s="295">
        <v>0</v>
      </c>
      <c r="EW10" s="295">
        <v>22613</v>
      </c>
      <c r="EX10" s="295">
        <v>33720</v>
      </c>
      <c r="EY10" s="298">
        <v>56333</v>
      </c>
      <c r="EZ10" s="299">
        <v>56333</v>
      </c>
      <c r="FA10" s="294">
        <v>0</v>
      </c>
      <c r="FB10" s="295">
        <v>0</v>
      </c>
      <c r="FC10" s="296">
        <v>0</v>
      </c>
      <c r="FD10" s="300"/>
      <c r="FE10" s="295">
        <v>0</v>
      </c>
      <c r="FF10" s="295">
        <v>0</v>
      </c>
      <c r="FG10" s="295">
        <v>210</v>
      </c>
      <c r="FH10" s="295">
        <v>95303</v>
      </c>
      <c r="FI10" s="295">
        <v>99564</v>
      </c>
      <c r="FJ10" s="298">
        <v>195077</v>
      </c>
      <c r="FK10" s="299">
        <v>195077</v>
      </c>
      <c r="FL10" s="294">
        <v>0</v>
      </c>
      <c r="FM10" s="295">
        <v>0</v>
      </c>
      <c r="FN10" s="296">
        <v>0</v>
      </c>
      <c r="FO10" s="300"/>
      <c r="FP10" s="295">
        <v>0</v>
      </c>
      <c r="FQ10" s="295">
        <v>20880</v>
      </c>
      <c r="FR10" s="295">
        <v>161406</v>
      </c>
      <c r="FS10" s="295">
        <v>287756</v>
      </c>
      <c r="FT10" s="295">
        <v>119880</v>
      </c>
      <c r="FU10" s="298">
        <v>589922</v>
      </c>
      <c r="FV10" s="299">
        <v>589922</v>
      </c>
      <c r="FW10" s="294">
        <v>0</v>
      </c>
      <c r="FX10" s="295">
        <v>4672</v>
      </c>
      <c r="FY10" s="296">
        <v>4672</v>
      </c>
      <c r="FZ10" s="297">
        <v>0</v>
      </c>
      <c r="GA10" s="295">
        <v>125850</v>
      </c>
      <c r="GB10" s="295">
        <v>535362</v>
      </c>
      <c r="GC10" s="295">
        <v>931310</v>
      </c>
      <c r="GD10" s="295">
        <v>1100709</v>
      </c>
      <c r="GE10" s="295">
        <v>526227</v>
      </c>
      <c r="GF10" s="298">
        <v>3219458</v>
      </c>
      <c r="GG10" s="299">
        <v>3224130</v>
      </c>
      <c r="GH10" s="294">
        <v>0</v>
      </c>
      <c r="GI10" s="295">
        <v>0</v>
      </c>
      <c r="GJ10" s="296">
        <v>0</v>
      </c>
      <c r="GK10" s="297">
        <v>0</v>
      </c>
      <c r="GL10" s="295">
        <v>0</v>
      </c>
      <c r="GM10" s="295">
        <v>119</v>
      </c>
      <c r="GN10" s="295">
        <v>4654</v>
      </c>
      <c r="GO10" s="295">
        <v>0</v>
      </c>
      <c r="GP10" s="295">
        <v>231</v>
      </c>
      <c r="GQ10" s="298">
        <v>5004</v>
      </c>
      <c r="GR10" s="299">
        <v>5004</v>
      </c>
      <c r="GS10" s="294">
        <v>0</v>
      </c>
      <c r="GT10" s="295">
        <v>0</v>
      </c>
      <c r="GU10" s="296">
        <v>0</v>
      </c>
      <c r="GV10" s="297">
        <v>0</v>
      </c>
      <c r="GW10" s="295">
        <v>0</v>
      </c>
      <c r="GX10" s="295">
        <v>0</v>
      </c>
      <c r="GY10" s="295">
        <v>0</v>
      </c>
      <c r="GZ10" s="295">
        <v>0</v>
      </c>
      <c r="HA10" s="295">
        <v>0</v>
      </c>
      <c r="HB10" s="298">
        <v>0</v>
      </c>
      <c r="HC10" s="299">
        <v>0</v>
      </c>
      <c r="HD10" s="294">
        <v>0</v>
      </c>
      <c r="HE10" s="295">
        <v>0</v>
      </c>
      <c r="HF10" s="296">
        <v>0</v>
      </c>
      <c r="HG10" s="300"/>
      <c r="HH10" s="295">
        <v>0</v>
      </c>
      <c r="HI10" s="295">
        <v>0</v>
      </c>
      <c r="HJ10" s="295">
        <v>0</v>
      </c>
      <c r="HK10" s="295">
        <v>0</v>
      </c>
      <c r="HL10" s="295">
        <v>0</v>
      </c>
      <c r="HM10" s="298">
        <v>0</v>
      </c>
      <c r="HN10" s="299">
        <v>0</v>
      </c>
      <c r="HO10" s="294">
        <v>0</v>
      </c>
      <c r="HP10" s="295">
        <v>5167</v>
      </c>
      <c r="HQ10" s="296">
        <v>5167</v>
      </c>
      <c r="HR10" s="297">
        <v>0</v>
      </c>
      <c r="HS10" s="295">
        <v>1156694</v>
      </c>
      <c r="HT10" s="295">
        <v>3666216</v>
      </c>
      <c r="HU10" s="295">
        <v>18705940</v>
      </c>
      <c r="HV10" s="295">
        <v>27605670</v>
      </c>
      <c r="HW10" s="295">
        <v>15226554</v>
      </c>
      <c r="HX10" s="298">
        <v>66361074</v>
      </c>
      <c r="HY10" s="299">
        <v>66366241</v>
      </c>
    </row>
    <row r="11" spans="2:233" ht="21" customHeight="1" x14ac:dyDescent="0.2">
      <c r="B11" s="292" t="s">
        <v>7</v>
      </c>
      <c r="C11" s="294">
        <v>435</v>
      </c>
      <c r="D11" s="295">
        <v>245</v>
      </c>
      <c r="E11" s="296">
        <v>680</v>
      </c>
      <c r="F11" s="297">
        <v>0</v>
      </c>
      <c r="G11" s="295">
        <v>1618718</v>
      </c>
      <c r="H11" s="295">
        <v>2020138</v>
      </c>
      <c r="I11" s="295">
        <v>6462119</v>
      </c>
      <c r="J11" s="295">
        <v>9426752</v>
      </c>
      <c r="K11" s="295">
        <v>4735143</v>
      </c>
      <c r="L11" s="298">
        <v>24262870</v>
      </c>
      <c r="M11" s="299">
        <v>24263550</v>
      </c>
      <c r="N11" s="294">
        <v>0</v>
      </c>
      <c r="O11" s="295">
        <v>0</v>
      </c>
      <c r="P11" s="296">
        <v>0</v>
      </c>
      <c r="Q11" s="300"/>
      <c r="R11" s="295">
        <v>208500</v>
      </c>
      <c r="S11" s="295">
        <v>413915</v>
      </c>
      <c r="T11" s="295">
        <v>4667132</v>
      </c>
      <c r="U11" s="295">
        <v>7013794</v>
      </c>
      <c r="V11" s="295">
        <v>4327001</v>
      </c>
      <c r="W11" s="298">
        <v>16630342</v>
      </c>
      <c r="X11" s="299">
        <v>16630342</v>
      </c>
      <c r="Y11" s="294">
        <v>0</v>
      </c>
      <c r="Z11" s="295">
        <v>0</v>
      </c>
      <c r="AA11" s="296">
        <v>0</v>
      </c>
      <c r="AB11" s="300"/>
      <c r="AC11" s="295">
        <v>1269575</v>
      </c>
      <c r="AD11" s="295">
        <v>1221620</v>
      </c>
      <c r="AE11" s="295">
        <v>1400767</v>
      </c>
      <c r="AF11" s="295">
        <v>2028359</v>
      </c>
      <c r="AG11" s="295">
        <v>298980</v>
      </c>
      <c r="AH11" s="298">
        <v>6219301</v>
      </c>
      <c r="AI11" s="299">
        <v>6219301</v>
      </c>
      <c r="AJ11" s="294">
        <v>0</v>
      </c>
      <c r="AK11" s="295">
        <v>0</v>
      </c>
      <c r="AL11" s="296">
        <v>0</v>
      </c>
      <c r="AM11" s="300"/>
      <c r="AN11" s="295">
        <v>0</v>
      </c>
      <c r="AO11" s="295">
        <v>0</v>
      </c>
      <c r="AP11" s="295">
        <v>0</v>
      </c>
      <c r="AQ11" s="295">
        <v>31650</v>
      </c>
      <c r="AR11" s="295">
        <v>7310</v>
      </c>
      <c r="AS11" s="298">
        <v>38960</v>
      </c>
      <c r="AT11" s="299">
        <v>38960</v>
      </c>
      <c r="AU11" s="294">
        <v>0</v>
      </c>
      <c r="AV11" s="295">
        <v>0</v>
      </c>
      <c r="AW11" s="296">
        <v>0</v>
      </c>
      <c r="AX11" s="300"/>
      <c r="AY11" s="295">
        <v>0</v>
      </c>
      <c r="AZ11" s="295">
        <v>0</v>
      </c>
      <c r="BA11" s="295">
        <v>0</v>
      </c>
      <c r="BB11" s="295">
        <v>31650</v>
      </c>
      <c r="BC11" s="295">
        <v>0</v>
      </c>
      <c r="BD11" s="298">
        <v>31650</v>
      </c>
      <c r="BE11" s="299">
        <v>31650</v>
      </c>
      <c r="BF11" s="294">
        <v>0</v>
      </c>
      <c r="BG11" s="295">
        <v>0</v>
      </c>
      <c r="BH11" s="296">
        <v>0</v>
      </c>
      <c r="BI11" s="300"/>
      <c r="BJ11" s="295">
        <v>0</v>
      </c>
      <c r="BK11" s="295">
        <v>0</v>
      </c>
      <c r="BL11" s="295">
        <v>0</v>
      </c>
      <c r="BM11" s="295">
        <v>0</v>
      </c>
      <c r="BN11" s="295">
        <v>0</v>
      </c>
      <c r="BO11" s="298">
        <v>0</v>
      </c>
      <c r="BP11" s="299">
        <v>0</v>
      </c>
      <c r="BQ11" s="294">
        <v>435</v>
      </c>
      <c r="BR11" s="295">
        <v>245</v>
      </c>
      <c r="BS11" s="296">
        <v>680</v>
      </c>
      <c r="BT11" s="297">
        <v>0</v>
      </c>
      <c r="BU11" s="295">
        <v>140273</v>
      </c>
      <c r="BV11" s="295">
        <v>377083</v>
      </c>
      <c r="BW11" s="295">
        <v>372924</v>
      </c>
      <c r="BX11" s="295">
        <v>313003</v>
      </c>
      <c r="BY11" s="295">
        <v>100177</v>
      </c>
      <c r="BZ11" s="298">
        <v>1303460</v>
      </c>
      <c r="CA11" s="299">
        <v>1304140</v>
      </c>
      <c r="CB11" s="294">
        <v>0</v>
      </c>
      <c r="CC11" s="295">
        <v>0</v>
      </c>
      <c r="CD11" s="296">
        <v>0</v>
      </c>
      <c r="CE11" s="297">
        <v>0</v>
      </c>
      <c r="CF11" s="295">
        <v>370</v>
      </c>
      <c r="CG11" s="295">
        <v>7520</v>
      </c>
      <c r="CH11" s="295">
        <v>21296</v>
      </c>
      <c r="CI11" s="295">
        <v>8296</v>
      </c>
      <c r="CJ11" s="295">
        <v>1675</v>
      </c>
      <c r="CK11" s="298">
        <v>39157</v>
      </c>
      <c r="CL11" s="299">
        <v>39157</v>
      </c>
      <c r="CM11" s="294">
        <v>0</v>
      </c>
      <c r="CN11" s="295">
        <v>0</v>
      </c>
      <c r="CO11" s="296">
        <v>0</v>
      </c>
      <c r="CP11" s="297">
        <v>0</v>
      </c>
      <c r="CQ11" s="295">
        <v>0</v>
      </c>
      <c r="CR11" s="295">
        <v>0</v>
      </c>
      <c r="CS11" s="295">
        <v>0</v>
      </c>
      <c r="CT11" s="295">
        <v>0</v>
      </c>
      <c r="CU11" s="295">
        <v>0</v>
      </c>
      <c r="CV11" s="298">
        <v>0</v>
      </c>
      <c r="CW11" s="299">
        <v>0</v>
      </c>
      <c r="CX11" s="294">
        <v>0</v>
      </c>
      <c r="CY11" s="295">
        <v>0</v>
      </c>
      <c r="CZ11" s="296">
        <v>0</v>
      </c>
      <c r="DA11" s="300"/>
      <c r="DB11" s="295">
        <v>0</v>
      </c>
      <c r="DC11" s="295">
        <v>0</v>
      </c>
      <c r="DD11" s="295">
        <v>0</v>
      </c>
      <c r="DE11" s="295">
        <v>0</v>
      </c>
      <c r="DF11" s="295">
        <v>0</v>
      </c>
      <c r="DG11" s="298">
        <v>0</v>
      </c>
      <c r="DH11" s="299">
        <v>0</v>
      </c>
      <c r="DI11" s="294">
        <v>3480</v>
      </c>
      <c r="DJ11" s="295">
        <v>1053</v>
      </c>
      <c r="DK11" s="296">
        <v>4533</v>
      </c>
      <c r="DL11" s="297">
        <v>0</v>
      </c>
      <c r="DM11" s="295">
        <v>719564</v>
      </c>
      <c r="DN11" s="295">
        <v>1281744</v>
      </c>
      <c r="DO11" s="295">
        <v>6741116</v>
      </c>
      <c r="DP11" s="295">
        <v>9125363</v>
      </c>
      <c r="DQ11" s="295">
        <v>5121301</v>
      </c>
      <c r="DR11" s="298">
        <v>22989088</v>
      </c>
      <c r="DS11" s="301">
        <v>22993621</v>
      </c>
      <c r="DT11" s="294">
        <v>0</v>
      </c>
      <c r="DU11" s="295">
        <v>0</v>
      </c>
      <c r="DV11" s="296">
        <v>0</v>
      </c>
      <c r="DW11" s="300"/>
      <c r="DX11" s="295">
        <v>233910</v>
      </c>
      <c r="DY11" s="295">
        <v>557307</v>
      </c>
      <c r="DZ11" s="295">
        <v>5859720</v>
      </c>
      <c r="EA11" s="295">
        <v>8360590</v>
      </c>
      <c r="EB11" s="295">
        <v>4891154</v>
      </c>
      <c r="EC11" s="298">
        <v>19902681</v>
      </c>
      <c r="ED11" s="299">
        <v>19902681</v>
      </c>
      <c r="EE11" s="294">
        <v>0</v>
      </c>
      <c r="EF11" s="295">
        <v>0</v>
      </c>
      <c r="EG11" s="296">
        <v>0</v>
      </c>
      <c r="EH11" s="300"/>
      <c r="EI11" s="295">
        <v>227361</v>
      </c>
      <c r="EJ11" s="295">
        <v>157731</v>
      </c>
      <c r="EK11" s="295">
        <v>294663</v>
      </c>
      <c r="EL11" s="295">
        <v>300577</v>
      </c>
      <c r="EM11" s="295">
        <v>78606</v>
      </c>
      <c r="EN11" s="298">
        <v>1058938</v>
      </c>
      <c r="EO11" s="299">
        <v>1058938</v>
      </c>
      <c r="EP11" s="294">
        <v>0</v>
      </c>
      <c r="EQ11" s="295">
        <v>0</v>
      </c>
      <c r="ER11" s="296">
        <v>0</v>
      </c>
      <c r="ES11" s="300"/>
      <c r="ET11" s="295">
        <v>0</v>
      </c>
      <c r="EU11" s="295">
        <v>0</v>
      </c>
      <c r="EV11" s="295">
        <v>0</v>
      </c>
      <c r="EW11" s="295">
        <v>210</v>
      </c>
      <c r="EX11" s="295">
        <v>630</v>
      </c>
      <c r="EY11" s="298">
        <v>840</v>
      </c>
      <c r="EZ11" s="299">
        <v>840</v>
      </c>
      <c r="FA11" s="294">
        <v>0</v>
      </c>
      <c r="FB11" s="295">
        <v>0</v>
      </c>
      <c r="FC11" s="296">
        <v>0</v>
      </c>
      <c r="FD11" s="300"/>
      <c r="FE11" s="295">
        <v>0</v>
      </c>
      <c r="FF11" s="295">
        <v>0</v>
      </c>
      <c r="FG11" s="295">
        <v>0</v>
      </c>
      <c r="FH11" s="295">
        <v>210</v>
      </c>
      <c r="FI11" s="295">
        <v>0</v>
      </c>
      <c r="FJ11" s="298">
        <v>210</v>
      </c>
      <c r="FK11" s="299">
        <v>210</v>
      </c>
      <c r="FL11" s="294">
        <v>0</v>
      </c>
      <c r="FM11" s="295">
        <v>0</v>
      </c>
      <c r="FN11" s="296">
        <v>0</v>
      </c>
      <c r="FO11" s="300"/>
      <c r="FP11" s="295">
        <v>0</v>
      </c>
      <c r="FQ11" s="295">
        <v>0</v>
      </c>
      <c r="FR11" s="295">
        <v>0</v>
      </c>
      <c r="FS11" s="295">
        <v>0</v>
      </c>
      <c r="FT11" s="295">
        <v>0</v>
      </c>
      <c r="FU11" s="298">
        <v>0</v>
      </c>
      <c r="FV11" s="299">
        <v>0</v>
      </c>
      <c r="FW11" s="294">
        <v>3480</v>
      </c>
      <c r="FX11" s="295">
        <v>1053</v>
      </c>
      <c r="FY11" s="296">
        <v>4533</v>
      </c>
      <c r="FZ11" s="297">
        <v>0</v>
      </c>
      <c r="GA11" s="295">
        <v>258265</v>
      </c>
      <c r="GB11" s="295">
        <v>561226</v>
      </c>
      <c r="GC11" s="295">
        <v>586376</v>
      </c>
      <c r="GD11" s="295">
        <v>463552</v>
      </c>
      <c r="GE11" s="295">
        <v>148012</v>
      </c>
      <c r="GF11" s="298">
        <v>2017431</v>
      </c>
      <c r="GG11" s="299">
        <v>2021964</v>
      </c>
      <c r="GH11" s="294">
        <v>0</v>
      </c>
      <c r="GI11" s="295">
        <v>0</v>
      </c>
      <c r="GJ11" s="296">
        <v>0</v>
      </c>
      <c r="GK11" s="297">
        <v>0</v>
      </c>
      <c r="GL11" s="295">
        <v>28</v>
      </c>
      <c r="GM11" s="295">
        <v>5480</v>
      </c>
      <c r="GN11" s="295">
        <v>357</v>
      </c>
      <c r="GO11" s="295">
        <v>224</v>
      </c>
      <c r="GP11" s="295">
        <v>2899</v>
      </c>
      <c r="GQ11" s="298">
        <v>8988</v>
      </c>
      <c r="GR11" s="299">
        <v>8988</v>
      </c>
      <c r="GS11" s="294">
        <v>0</v>
      </c>
      <c r="GT11" s="295">
        <v>0</v>
      </c>
      <c r="GU11" s="296">
        <v>0</v>
      </c>
      <c r="GV11" s="297">
        <v>0</v>
      </c>
      <c r="GW11" s="295">
        <v>0</v>
      </c>
      <c r="GX11" s="295">
        <v>0</v>
      </c>
      <c r="GY11" s="295">
        <v>0</v>
      </c>
      <c r="GZ11" s="295">
        <v>0</v>
      </c>
      <c r="HA11" s="295">
        <v>0</v>
      </c>
      <c r="HB11" s="298">
        <v>0</v>
      </c>
      <c r="HC11" s="299">
        <v>0</v>
      </c>
      <c r="HD11" s="294">
        <v>0</v>
      </c>
      <c r="HE11" s="295">
        <v>0</v>
      </c>
      <c r="HF11" s="296">
        <v>0</v>
      </c>
      <c r="HG11" s="300"/>
      <c r="HH11" s="295">
        <v>0</v>
      </c>
      <c r="HI11" s="295">
        <v>0</v>
      </c>
      <c r="HJ11" s="295">
        <v>0</v>
      </c>
      <c r="HK11" s="295">
        <v>0</v>
      </c>
      <c r="HL11" s="295">
        <v>0</v>
      </c>
      <c r="HM11" s="298">
        <v>0</v>
      </c>
      <c r="HN11" s="299">
        <v>0</v>
      </c>
      <c r="HO11" s="294">
        <v>3915</v>
      </c>
      <c r="HP11" s="295">
        <v>1298</v>
      </c>
      <c r="HQ11" s="296">
        <v>5213</v>
      </c>
      <c r="HR11" s="297">
        <v>0</v>
      </c>
      <c r="HS11" s="295">
        <v>2338282</v>
      </c>
      <c r="HT11" s="295">
        <v>3301882</v>
      </c>
      <c r="HU11" s="295">
        <v>13203235</v>
      </c>
      <c r="HV11" s="295">
        <v>18552115</v>
      </c>
      <c r="HW11" s="295">
        <v>9856444</v>
      </c>
      <c r="HX11" s="298">
        <v>47251958</v>
      </c>
      <c r="HY11" s="299">
        <v>47257171</v>
      </c>
    </row>
    <row r="12" spans="2:233" ht="21" customHeight="1" x14ac:dyDescent="0.2">
      <c r="B12" s="292" t="s">
        <v>8</v>
      </c>
      <c r="C12" s="294">
        <v>145</v>
      </c>
      <c r="D12" s="295">
        <v>5602</v>
      </c>
      <c r="E12" s="296">
        <v>5747</v>
      </c>
      <c r="F12" s="297">
        <v>0</v>
      </c>
      <c r="G12" s="295">
        <v>549718</v>
      </c>
      <c r="H12" s="295">
        <v>1405380</v>
      </c>
      <c r="I12" s="295">
        <v>5099264</v>
      </c>
      <c r="J12" s="295">
        <v>4313736</v>
      </c>
      <c r="K12" s="295">
        <v>2723626</v>
      </c>
      <c r="L12" s="298">
        <v>14091724</v>
      </c>
      <c r="M12" s="299">
        <v>14097471</v>
      </c>
      <c r="N12" s="294">
        <v>0</v>
      </c>
      <c r="O12" s="295">
        <v>0</v>
      </c>
      <c r="P12" s="296">
        <v>0</v>
      </c>
      <c r="Q12" s="300"/>
      <c r="R12" s="295">
        <v>230100</v>
      </c>
      <c r="S12" s="295">
        <v>409620</v>
      </c>
      <c r="T12" s="295">
        <v>3513215</v>
      </c>
      <c r="U12" s="295">
        <v>3160715</v>
      </c>
      <c r="V12" s="295">
        <v>1912836</v>
      </c>
      <c r="W12" s="298">
        <v>9226486</v>
      </c>
      <c r="X12" s="299">
        <v>9226486</v>
      </c>
      <c r="Y12" s="294">
        <v>0</v>
      </c>
      <c r="Z12" s="295">
        <v>0</v>
      </c>
      <c r="AA12" s="296">
        <v>0</v>
      </c>
      <c r="AB12" s="300"/>
      <c r="AC12" s="295">
        <v>240515</v>
      </c>
      <c r="AD12" s="295">
        <v>768590</v>
      </c>
      <c r="AE12" s="295">
        <v>1144826</v>
      </c>
      <c r="AF12" s="295">
        <v>600530</v>
      </c>
      <c r="AG12" s="295">
        <v>441830</v>
      </c>
      <c r="AH12" s="298">
        <v>3196291</v>
      </c>
      <c r="AI12" s="299">
        <v>3196291</v>
      </c>
      <c r="AJ12" s="294">
        <v>0</v>
      </c>
      <c r="AK12" s="295">
        <v>0</v>
      </c>
      <c r="AL12" s="296">
        <v>0</v>
      </c>
      <c r="AM12" s="300"/>
      <c r="AN12" s="295">
        <v>0</v>
      </c>
      <c r="AO12" s="295">
        <v>0</v>
      </c>
      <c r="AP12" s="295">
        <v>0</v>
      </c>
      <c r="AQ12" s="295">
        <v>0</v>
      </c>
      <c r="AR12" s="295">
        <v>0</v>
      </c>
      <c r="AS12" s="298">
        <v>0</v>
      </c>
      <c r="AT12" s="299">
        <v>0</v>
      </c>
      <c r="AU12" s="294">
        <v>0</v>
      </c>
      <c r="AV12" s="295">
        <v>0</v>
      </c>
      <c r="AW12" s="296">
        <v>0</v>
      </c>
      <c r="AX12" s="300"/>
      <c r="AY12" s="295">
        <v>34350</v>
      </c>
      <c r="AZ12" s="295">
        <v>0</v>
      </c>
      <c r="BA12" s="295">
        <v>49585</v>
      </c>
      <c r="BB12" s="295">
        <v>2550</v>
      </c>
      <c r="BC12" s="295">
        <v>140100</v>
      </c>
      <c r="BD12" s="298">
        <v>226585</v>
      </c>
      <c r="BE12" s="299">
        <v>226585</v>
      </c>
      <c r="BF12" s="294">
        <v>0</v>
      </c>
      <c r="BG12" s="295">
        <v>0</v>
      </c>
      <c r="BH12" s="296">
        <v>0</v>
      </c>
      <c r="BI12" s="300"/>
      <c r="BJ12" s="295">
        <v>0</v>
      </c>
      <c r="BK12" s="295">
        <v>5100</v>
      </c>
      <c r="BL12" s="295">
        <v>40595</v>
      </c>
      <c r="BM12" s="295">
        <v>184500</v>
      </c>
      <c r="BN12" s="295">
        <v>92865</v>
      </c>
      <c r="BO12" s="298">
        <v>323060</v>
      </c>
      <c r="BP12" s="299">
        <v>323060</v>
      </c>
      <c r="BQ12" s="294">
        <v>145</v>
      </c>
      <c r="BR12" s="295">
        <v>5602</v>
      </c>
      <c r="BS12" s="296">
        <v>5747</v>
      </c>
      <c r="BT12" s="297">
        <v>0</v>
      </c>
      <c r="BU12" s="295">
        <v>44753</v>
      </c>
      <c r="BV12" s="295">
        <v>212465</v>
      </c>
      <c r="BW12" s="295">
        <v>349338</v>
      </c>
      <c r="BX12" s="295">
        <v>347646</v>
      </c>
      <c r="BY12" s="295">
        <v>135995</v>
      </c>
      <c r="BZ12" s="298">
        <v>1090197</v>
      </c>
      <c r="CA12" s="299">
        <v>1095944</v>
      </c>
      <c r="CB12" s="294">
        <v>0</v>
      </c>
      <c r="CC12" s="295">
        <v>0</v>
      </c>
      <c r="CD12" s="296">
        <v>0</v>
      </c>
      <c r="CE12" s="297">
        <v>0</v>
      </c>
      <c r="CF12" s="295">
        <v>0</v>
      </c>
      <c r="CG12" s="295">
        <v>9605</v>
      </c>
      <c r="CH12" s="295">
        <v>1705</v>
      </c>
      <c r="CI12" s="295">
        <v>17795</v>
      </c>
      <c r="CJ12" s="295">
        <v>0</v>
      </c>
      <c r="CK12" s="298">
        <v>29105</v>
      </c>
      <c r="CL12" s="299">
        <v>29105</v>
      </c>
      <c r="CM12" s="294">
        <v>0</v>
      </c>
      <c r="CN12" s="295">
        <v>0</v>
      </c>
      <c r="CO12" s="296">
        <v>0</v>
      </c>
      <c r="CP12" s="297">
        <v>0</v>
      </c>
      <c r="CQ12" s="295">
        <v>0</v>
      </c>
      <c r="CR12" s="295">
        <v>0</v>
      </c>
      <c r="CS12" s="295">
        <v>0</v>
      </c>
      <c r="CT12" s="295">
        <v>0</v>
      </c>
      <c r="CU12" s="295">
        <v>0</v>
      </c>
      <c r="CV12" s="298">
        <v>0</v>
      </c>
      <c r="CW12" s="299">
        <v>0</v>
      </c>
      <c r="CX12" s="294">
        <v>0</v>
      </c>
      <c r="CY12" s="295">
        <v>0</v>
      </c>
      <c r="CZ12" s="296">
        <v>0</v>
      </c>
      <c r="DA12" s="300"/>
      <c r="DB12" s="295">
        <v>0</v>
      </c>
      <c r="DC12" s="295">
        <v>0</v>
      </c>
      <c r="DD12" s="295">
        <v>0</v>
      </c>
      <c r="DE12" s="295">
        <v>0</v>
      </c>
      <c r="DF12" s="295">
        <v>0</v>
      </c>
      <c r="DG12" s="298">
        <v>0</v>
      </c>
      <c r="DH12" s="299">
        <v>0</v>
      </c>
      <c r="DI12" s="294">
        <v>2088</v>
      </c>
      <c r="DJ12" s="295">
        <v>7931</v>
      </c>
      <c r="DK12" s="296">
        <v>10019</v>
      </c>
      <c r="DL12" s="297">
        <v>0</v>
      </c>
      <c r="DM12" s="295">
        <v>483348</v>
      </c>
      <c r="DN12" s="295">
        <v>1287045</v>
      </c>
      <c r="DO12" s="295">
        <v>5606766</v>
      </c>
      <c r="DP12" s="295">
        <v>5352138</v>
      </c>
      <c r="DQ12" s="295">
        <v>3051785</v>
      </c>
      <c r="DR12" s="298">
        <v>15781082</v>
      </c>
      <c r="DS12" s="301">
        <v>15791101</v>
      </c>
      <c r="DT12" s="294">
        <v>0</v>
      </c>
      <c r="DU12" s="295">
        <v>0</v>
      </c>
      <c r="DV12" s="296">
        <v>0</v>
      </c>
      <c r="DW12" s="300"/>
      <c r="DX12" s="295">
        <v>360270</v>
      </c>
      <c r="DY12" s="295">
        <v>807900</v>
      </c>
      <c r="DZ12" s="295">
        <v>4616562</v>
      </c>
      <c r="EA12" s="295">
        <v>4495168</v>
      </c>
      <c r="EB12" s="295">
        <v>2526382</v>
      </c>
      <c r="EC12" s="298">
        <v>12806282</v>
      </c>
      <c r="ED12" s="299">
        <v>12806282</v>
      </c>
      <c r="EE12" s="294">
        <v>0</v>
      </c>
      <c r="EF12" s="295">
        <v>0</v>
      </c>
      <c r="EG12" s="296">
        <v>0</v>
      </c>
      <c r="EH12" s="300"/>
      <c r="EI12" s="295">
        <v>44790</v>
      </c>
      <c r="EJ12" s="295">
        <v>120998</v>
      </c>
      <c r="EK12" s="295">
        <v>103475</v>
      </c>
      <c r="EL12" s="295">
        <v>65603</v>
      </c>
      <c r="EM12" s="295">
        <v>59332</v>
      </c>
      <c r="EN12" s="298">
        <v>394198</v>
      </c>
      <c r="EO12" s="299">
        <v>394198</v>
      </c>
      <c r="EP12" s="294">
        <v>0</v>
      </c>
      <c r="EQ12" s="295">
        <v>0</v>
      </c>
      <c r="ER12" s="296">
        <v>0</v>
      </c>
      <c r="ES12" s="300"/>
      <c r="ET12" s="295">
        <v>0</v>
      </c>
      <c r="EU12" s="295">
        <v>0</v>
      </c>
      <c r="EV12" s="295">
        <v>0</v>
      </c>
      <c r="EW12" s="295">
        <v>0</v>
      </c>
      <c r="EX12" s="295">
        <v>0</v>
      </c>
      <c r="EY12" s="298">
        <v>0</v>
      </c>
      <c r="EZ12" s="299">
        <v>0</v>
      </c>
      <c r="FA12" s="294">
        <v>0</v>
      </c>
      <c r="FB12" s="295">
        <v>0</v>
      </c>
      <c r="FC12" s="296">
        <v>0</v>
      </c>
      <c r="FD12" s="300"/>
      <c r="FE12" s="295">
        <v>11310</v>
      </c>
      <c r="FF12" s="295">
        <v>0</v>
      </c>
      <c r="FG12" s="295">
        <v>329</v>
      </c>
      <c r="FH12" s="295">
        <v>210</v>
      </c>
      <c r="FI12" s="295">
        <v>12360</v>
      </c>
      <c r="FJ12" s="298">
        <v>24209</v>
      </c>
      <c r="FK12" s="299">
        <v>24209</v>
      </c>
      <c r="FL12" s="294">
        <v>0</v>
      </c>
      <c r="FM12" s="295">
        <v>0</v>
      </c>
      <c r="FN12" s="296">
        <v>0</v>
      </c>
      <c r="FO12" s="300"/>
      <c r="FP12" s="295">
        <v>0</v>
      </c>
      <c r="FQ12" s="295">
        <v>41760</v>
      </c>
      <c r="FR12" s="295">
        <v>172692</v>
      </c>
      <c r="FS12" s="295">
        <v>267600</v>
      </c>
      <c r="FT12" s="295">
        <v>188004</v>
      </c>
      <c r="FU12" s="298">
        <v>670056</v>
      </c>
      <c r="FV12" s="299">
        <v>670056</v>
      </c>
      <c r="FW12" s="294">
        <v>2088</v>
      </c>
      <c r="FX12" s="295">
        <v>7931</v>
      </c>
      <c r="FY12" s="296">
        <v>10019</v>
      </c>
      <c r="FZ12" s="297">
        <v>0</v>
      </c>
      <c r="GA12" s="295">
        <v>66978</v>
      </c>
      <c r="GB12" s="295">
        <v>311223</v>
      </c>
      <c r="GC12" s="295">
        <v>712178</v>
      </c>
      <c r="GD12" s="295">
        <v>519869</v>
      </c>
      <c r="GE12" s="295">
        <v>265707</v>
      </c>
      <c r="GF12" s="298">
        <v>1875955</v>
      </c>
      <c r="GG12" s="299">
        <v>1885974</v>
      </c>
      <c r="GH12" s="294">
        <v>0</v>
      </c>
      <c r="GI12" s="295">
        <v>0</v>
      </c>
      <c r="GJ12" s="296">
        <v>0</v>
      </c>
      <c r="GK12" s="297">
        <v>0</v>
      </c>
      <c r="GL12" s="295">
        <v>0</v>
      </c>
      <c r="GM12" s="295">
        <v>5164</v>
      </c>
      <c r="GN12" s="295">
        <v>1530</v>
      </c>
      <c r="GO12" s="295">
        <v>3688</v>
      </c>
      <c r="GP12" s="295">
        <v>0</v>
      </c>
      <c r="GQ12" s="298">
        <v>10382</v>
      </c>
      <c r="GR12" s="299">
        <v>10382</v>
      </c>
      <c r="GS12" s="294">
        <v>0</v>
      </c>
      <c r="GT12" s="295">
        <v>0</v>
      </c>
      <c r="GU12" s="296">
        <v>0</v>
      </c>
      <c r="GV12" s="297">
        <v>0</v>
      </c>
      <c r="GW12" s="295">
        <v>0</v>
      </c>
      <c r="GX12" s="295">
        <v>0</v>
      </c>
      <c r="GY12" s="295">
        <v>0</v>
      </c>
      <c r="GZ12" s="295">
        <v>0</v>
      </c>
      <c r="HA12" s="295">
        <v>0</v>
      </c>
      <c r="HB12" s="298">
        <v>0</v>
      </c>
      <c r="HC12" s="299">
        <v>0</v>
      </c>
      <c r="HD12" s="294">
        <v>0</v>
      </c>
      <c r="HE12" s="295">
        <v>0</v>
      </c>
      <c r="HF12" s="296">
        <v>0</v>
      </c>
      <c r="HG12" s="300"/>
      <c r="HH12" s="295">
        <v>0</v>
      </c>
      <c r="HI12" s="295">
        <v>0</v>
      </c>
      <c r="HJ12" s="295">
        <v>0</v>
      </c>
      <c r="HK12" s="295">
        <v>0</v>
      </c>
      <c r="HL12" s="295">
        <v>0</v>
      </c>
      <c r="HM12" s="298">
        <v>0</v>
      </c>
      <c r="HN12" s="299">
        <v>0</v>
      </c>
      <c r="HO12" s="294">
        <v>2233</v>
      </c>
      <c r="HP12" s="295">
        <v>13533</v>
      </c>
      <c r="HQ12" s="296">
        <v>15766</v>
      </c>
      <c r="HR12" s="297">
        <v>0</v>
      </c>
      <c r="HS12" s="295">
        <v>1033066</v>
      </c>
      <c r="HT12" s="295">
        <v>2692425</v>
      </c>
      <c r="HU12" s="295">
        <v>10706030</v>
      </c>
      <c r="HV12" s="295">
        <v>9665874</v>
      </c>
      <c r="HW12" s="295">
        <v>5775411</v>
      </c>
      <c r="HX12" s="298">
        <v>29872806</v>
      </c>
      <c r="HY12" s="299">
        <v>29888572</v>
      </c>
    </row>
    <row r="13" spans="2:233" ht="21" customHeight="1" x14ac:dyDescent="0.2">
      <c r="B13" s="292" t="s">
        <v>9</v>
      </c>
      <c r="C13" s="294">
        <v>0</v>
      </c>
      <c r="D13" s="295">
        <v>0</v>
      </c>
      <c r="E13" s="296">
        <v>0</v>
      </c>
      <c r="F13" s="297">
        <v>0</v>
      </c>
      <c r="G13" s="295">
        <v>257864</v>
      </c>
      <c r="H13" s="295">
        <v>323216</v>
      </c>
      <c r="I13" s="295">
        <v>1835308</v>
      </c>
      <c r="J13" s="295">
        <v>3157549</v>
      </c>
      <c r="K13" s="295">
        <v>1540791</v>
      </c>
      <c r="L13" s="298">
        <v>7114728</v>
      </c>
      <c r="M13" s="299">
        <v>7114728</v>
      </c>
      <c r="N13" s="294">
        <v>0</v>
      </c>
      <c r="O13" s="295">
        <v>0</v>
      </c>
      <c r="P13" s="296">
        <v>0</v>
      </c>
      <c r="Q13" s="300"/>
      <c r="R13" s="295">
        <v>102600</v>
      </c>
      <c r="S13" s="295">
        <v>0</v>
      </c>
      <c r="T13" s="295">
        <v>1208440</v>
      </c>
      <c r="U13" s="295">
        <v>2197270</v>
      </c>
      <c r="V13" s="295">
        <v>1330270</v>
      </c>
      <c r="W13" s="298">
        <v>4838580</v>
      </c>
      <c r="X13" s="299">
        <v>4838580</v>
      </c>
      <c r="Y13" s="294">
        <v>0</v>
      </c>
      <c r="Z13" s="295">
        <v>0</v>
      </c>
      <c r="AA13" s="296">
        <v>0</v>
      </c>
      <c r="AB13" s="300"/>
      <c r="AC13" s="295">
        <v>101030</v>
      </c>
      <c r="AD13" s="295">
        <v>253440</v>
      </c>
      <c r="AE13" s="295">
        <v>490710</v>
      </c>
      <c r="AF13" s="295">
        <v>738953</v>
      </c>
      <c r="AG13" s="295">
        <v>155805</v>
      </c>
      <c r="AH13" s="298">
        <v>1739938</v>
      </c>
      <c r="AI13" s="299">
        <v>1739938</v>
      </c>
      <c r="AJ13" s="294">
        <v>0</v>
      </c>
      <c r="AK13" s="295">
        <v>0</v>
      </c>
      <c r="AL13" s="296">
        <v>0</v>
      </c>
      <c r="AM13" s="300"/>
      <c r="AN13" s="295">
        <v>0</v>
      </c>
      <c r="AO13" s="295">
        <v>0</v>
      </c>
      <c r="AP13" s="295">
        <v>0</v>
      </c>
      <c r="AQ13" s="295">
        <v>2550</v>
      </c>
      <c r="AR13" s="295">
        <v>0</v>
      </c>
      <c r="AS13" s="298">
        <v>2550</v>
      </c>
      <c r="AT13" s="299">
        <v>2550</v>
      </c>
      <c r="AU13" s="294">
        <v>0</v>
      </c>
      <c r="AV13" s="295">
        <v>0</v>
      </c>
      <c r="AW13" s="296">
        <v>0</v>
      </c>
      <c r="AX13" s="300"/>
      <c r="AY13" s="295">
        <v>0</v>
      </c>
      <c r="AZ13" s="295">
        <v>0</v>
      </c>
      <c r="BA13" s="295">
        <v>0</v>
      </c>
      <c r="BB13" s="295">
        <v>4930</v>
      </c>
      <c r="BC13" s="295">
        <v>5100</v>
      </c>
      <c r="BD13" s="298">
        <v>10030</v>
      </c>
      <c r="BE13" s="299">
        <v>10030</v>
      </c>
      <c r="BF13" s="294">
        <v>0</v>
      </c>
      <c r="BG13" s="295">
        <v>0</v>
      </c>
      <c r="BH13" s="296">
        <v>0</v>
      </c>
      <c r="BI13" s="300"/>
      <c r="BJ13" s="295">
        <v>0</v>
      </c>
      <c r="BK13" s="295">
        <v>0</v>
      </c>
      <c r="BL13" s="295">
        <v>0</v>
      </c>
      <c r="BM13" s="295">
        <v>23850</v>
      </c>
      <c r="BN13" s="295">
        <v>0</v>
      </c>
      <c r="BO13" s="298">
        <v>23850</v>
      </c>
      <c r="BP13" s="299">
        <v>23850</v>
      </c>
      <c r="BQ13" s="294">
        <v>0</v>
      </c>
      <c r="BR13" s="295">
        <v>0</v>
      </c>
      <c r="BS13" s="296">
        <v>0</v>
      </c>
      <c r="BT13" s="297">
        <v>0</v>
      </c>
      <c r="BU13" s="295">
        <v>54234</v>
      </c>
      <c r="BV13" s="295">
        <v>69581</v>
      </c>
      <c r="BW13" s="295">
        <v>135188</v>
      </c>
      <c r="BX13" s="295">
        <v>177852</v>
      </c>
      <c r="BY13" s="295">
        <v>48561</v>
      </c>
      <c r="BZ13" s="298">
        <v>485416</v>
      </c>
      <c r="CA13" s="299">
        <v>485416</v>
      </c>
      <c r="CB13" s="294">
        <v>0</v>
      </c>
      <c r="CC13" s="295">
        <v>0</v>
      </c>
      <c r="CD13" s="296">
        <v>0</v>
      </c>
      <c r="CE13" s="297">
        <v>0</v>
      </c>
      <c r="CF13" s="295">
        <v>0</v>
      </c>
      <c r="CG13" s="295">
        <v>195</v>
      </c>
      <c r="CH13" s="295">
        <v>970</v>
      </c>
      <c r="CI13" s="295">
        <v>12144</v>
      </c>
      <c r="CJ13" s="295">
        <v>1055</v>
      </c>
      <c r="CK13" s="298">
        <v>14364</v>
      </c>
      <c r="CL13" s="299">
        <v>14364</v>
      </c>
      <c r="CM13" s="294">
        <v>0</v>
      </c>
      <c r="CN13" s="295">
        <v>0</v>
      </c>
      <c r="CO13" s="296">
        <v>0</v>
      </c>
      <c r="CP13" s="297">
        <v>0</v>
      </c>
      <c r="CQ13" s="295">
        <v>0</v>
      </c>
      <c r="CR13" s="295">
        <v>0</v>
      </c>
      <c r="CS13" s="295">
        <v>0</v>
      </c>
      <c r="CT13" s="295">
        <v>0</v>
      </c>
      <c r="CU13" s="295">
        <v>0</v>
      </c>
      <c r="CV13" s="298">
        <v>0</v>
      </c>
      <c r="CW13" s="299">
        <v>0</v>
      </c>
      <c r="CX13" s="294">
        <v>0</v>
      </c>
      <c r="CY13" s="295">
        <v>0</v>
      </c>
      <c r="CZ13" s="296">
        <v>0</v>
      </c>
      <c r="DA13" s="300"/>
      <c r="DB13" s="295">
        <v>0</v>
      </c>
      <c r="DC13" s="295">
        <v>0</v>
      </c>
      <c r="DD13" s="295">
        <v>0</v>
      </c>
      <c r="DE13" s="295">
        <v>0</v>
      </c>
      <c r="DF13" s="295">
        <v>0</v>
      </c>
      <c r="DG13" s="298">
        <v>0</v>
      </c>
      <c r="DH13" s="299">
        <v>0</v>
      </c>
      <c r="DI13" s="294">
        <v>0</v>
      </c>
      <c r="DJ13" s="295">
        <v>0</v>
      </c>
      <c r="DK13" s="296">
        <v>0</v>
      </c>
      <c r="DL13" s="297">
        <v>0</v>
      </c>
      <c r="DM13" s="295">
        <v>240355</v>
      </c>
      <c r="DN13" s="295">
        <v>159796</v>
      </c>
      <c r="DO13" s="295">
        <v>2013676</v>
      </c>
      <c r="DP13" s="295">
        <v>3269707</v>
      </c>
      <c r="DQ13" s="295">
        <v>2181791</v>
      </c>
      <c r="DR13" s="298">
        <v>7865325</v>
      </c>
      <c r="DS13" s="301">
        <v>7865325</v>
      </c>
      <c r="DT13" s="294">
        <v>0</v>
      </c>
      <c r="DU13" s="295">
        <v>0</v>
      </c>
      <c r="DV13" s="296">
        <v>0</v>
      </c>
      <c r="DW13" s="300"/>
      <c r="DX13" s="295">
        <v>147900</v>
      </c>
      <c r="DY13" s="295">
        <v>0</v>
      </c>
      <c r="DZ13" s="295">
        <v>1663612</v>
      </c>
      <c r="EA13" s="295">
        <v>2931515</v>
      </c>
      <c r="EB13" s="295">
        <v>2083494</v>
      </c>
      <c r="EC13" s="298">
        <v>6826521</v>
      </c>
      <c r="ED13" s="299">
        <v>6826521</v>
      </c>
      <c r="EE13" s="294">
        <v>0</v>
      </c>
      <c r="EF13" s="295">
        <v>0</v>
      </c>
      <c r="EG13" s="296">
        <v>0</v>
      </c>
      <c r="EH13" s="300"/>
      <c r="EI13" s="295">
        <v>32918</v>
      </c>
      <c r="EJ13" s="295">
        <v>32291</v>
      </c>
      <c r="EK13" s="295">
        <v>60181</v>
      </c>
      <c r="EL13" s="295">
        <v>108794</v>
      </c>
      <c r="EM13" s="295">
        <v>13018</v>
      </c>
      <c r="EN13" s="298">
        <v>247202</v>
      </c>
      <c r="EO13" s="299">
        <v>247202</v>
      </c>
      <c r="EP13" s="294">
        <v>0</v>
      </c>
      <c r="EQ13" s="295">
        <v>0</v>
      </c>
      <c r="ER13" s="296">
        <v>0</v>
      </c>
      <c r="ES13" s="300"/>
      <c r="ET13" s="295">
        <v>0</v>
      </c>
      <c r="EU13" s="295">
        <v>0</v>
      </c>
      <c r="EV13" s="295">
        <v>0</v>
      </c>
      <c r="EW13" s="295">
        <v>210</v>
      </c>
      <c r="EX13" s="295">
        <v>0</v>
      </c>
      <c r="EY13" s="298">
        <v>210</v>
      </c>
      <c r="EZ13" s="299">
        <v>210</v>
      </c>
      <c r="FA13" s="294">
        <v>0</v>
      </c>
      <c r="FB13" s="295">
        <v>0</v>
      </c>
      <c r="FC13" s="296">
        <v>0</v>
      </c>
      <c r="FD13" s="300"/>
      <c r="FE13" s="295">
        <v>0</v>
      </c>
      <c r="FF13" s="295">
        <v>0</v>
      </c>
      <c r="FG13" s="295">
        <v>0</v>
      </c>
      <c r="FH13" s="295">
        <v>406</v>
      </c>
      <c r="FI13" s="295">
        <v>420</v>
      </c>
      <c r="FJ13" s="298">
        <v>826</v>
      </c>
      <c r="FK13" s="299">
        <v>826</v>
      </c>
      <c r="FL13" s="294">
        <v>0</v>
      </c>
      <c r="FM13" s="295">
        <v>0</v>
      </c>
      <c r="FN13" s="296">
        <v>0</v>
      </c>
      <c r="FO13" s="300"/>
      <c r="FP13" s="295">
        <v>0</v>
      </c>
      <c r="FQ13" s="295">
        <v>0</v>
      </c>
      <c r="FR13" s="295">
        <v>0</v>
      </c>
      <c r="FS13" s="295">
        <v>20880</v>
      </c>
      <c r="FT13" s="295">
        <v>0</v>
      </c>
      <c r="FU13" s="298">
        <v>20880</v>
      </c>
      <c r="FV13" s="299">
        <v>20880</v>
      </c>
      <c r="FW13" s="294">
        <v>0</v>
      </c>
      <c r="FX13" s="295">
        <v>0</v>
      </c>
      <c r="FY13" s="296">
        <v>0</v>
      </c>
      <c r="FZ13" s="297">
        <v>0</v>
      </c>
      <c r="GA13" s="295">
        <v>59523</v>
      </c>
      <c r="GB13" s="295">
        <v>127484</v>
      </c>
      <c r="GC13" s="295">
        <v>289827</v>
      </c>
      <c r="GD13" s="295">
        <v>207734</v>
      </c>
      <c r="GE13" s="295">
        <v>84838</v>
      </c>
      <c r="GF13" s="298">
        <v>769406</v>
      </c>
      <c r="GG13" s="299">
        <v>769406</v>
      </c>
      <c r="GH13" s="294">
        <v>0</v>
      </c>
      <c r="GI13" s="295">
        <v>0</v>
      </c>
      <c r="GJ13" s="296">
        <v>0</v>
      </c>
      <c r="GK13" s="297">
        <v>0</v>
      </c>
      <c r="GL13" s="295">
        <v>14</v>
      </c>
      <c r="GM13" s="295">
        <v>21</v>
      </c>
      <c r="GN13" s="295">
        <v>56</v>
      </c>
      <c r="GO13" s="295">
        <v>168</v>
      </c>
      <c r="GP13" s="295">
        <v>21</v>
      </c>
      <c r="GQ13" s="298">
        <v>280</v>
      </c>
      <c r="GR13" s="299">
        <v>280</v>
      </c>
      <c r="GS13" s="294">
        <v>0</v>
      </c>
      <c r="GT13" s="295">
        <v>0</v>
      </c>
      <c r="GU13" s="296">
        <v>0</v>
      </c>
      <c r="GV13" s="297">
        <v>0</v>
      </c>
      <c r="GW13" s="295">
        <v>0</v>
      </c>
      <c r="GX13" s="295">
        <v>0</v>
      </c>
      <c r="GY13" s="295">
        <v>0</v>
      </c>
      <c r="GZ13" s="295">
        <v>0</v>
      </c>
      <c r="HA13" s="295">
        <v>0</v>
      </c>
      <c r="HB13" s="298">
        <v>0</v>
      </c>
      <c r="HC13" s="299">
        <v>0</v>
      </c>
      <c r="HD13" s="294">
        <v>0</v>
      </c>
      <c r="HE13" s="295">
        <v>0</v>
      </c>
      <c r="HF13" s="296">
        <v>0</v>
      </c>
      <c r="HG13" s="300"/>
      <c r="HH13" s="295">
        <v>0</v>
      </c>
      <c r="HI13" s="295">
        <v>0</v>
      </c>
      <c r="HJ13" s="295">
        <v>0</v>
      </c>
      <c r="HK13" s="295">
        <v>0</v>
      </c>
      <c r="HL13" s="295">
        <v>0</v>
      </c>
      <c r="HM13" s="298">
        <v>0</v>
      </c>
      <c r="HN13" s="299">
        <v>0</v>
      </c>
      <c r="HO13" s="294">
        <v>0</v>
      </c>
      <c r="HP13" s="295">
        <v>0</v>
      </c>
      <c r="HQ13" s="296">
        <v>0</v>
      </c>
      <c r="HR13" s="297">
        <v>0</v>
      </c>
      <c r="HS13" s="295">
        <v>498219</v>
      </c>
      <c r="HT13" s="295">
        <v>483012</v>
      </c>
      <c r="HU13" s="295">
        <v>3848984</v>
      </c>
      <c r="HV13" s="295">
        <v>6427256</v>
      </c>
      <c r="HW13" s="295">
        <v>3722582</v>
      </c>
      <c r="HX13" s="298">
        <v>14980053</v>
      </c>
      <c r="HY13" s="299">
        <v>14980053</v>
      </c>
    </row>
    <row r="14" spans="2:233" ht="21" customHeight="1" x14ac:dyDescent="0.2">
      <c r="B14" s="292" t="s">
        <v>10</v>
      </c>
      <c r="C14" s="294">
        <v>4475</v>
      </c>
      <c r="D14" s="295">
        <v>20078</v>
      </c>
      <c r="E14" s="296">
        <v>24553</v>
      </c>
      <c r="F14" s="297">
        <v>0</v>
      </c>
      <c r="G14" s="295">
        <v>861502</v>
      </c>
      <c r="H14" s="295">
        <v>1099958</v>
      </c>
      <c r="I14" s="295">
        <v>3205280</v>
      </c>
      <c r="J14" s="295">
        <v>4470001</v>
      </c>
      <c r="K14" s="295">
        <v>4274265</v>
      </c>
      <c r="L14" s="298">
        <v>13911006</v>
      </c>
      <c r="M14" s="299">
        <v>13935559</v>
      </c>
      <c r="N14" s="294">
        <v>0</v>
      </c>
      <c r="O14" s="295">
        <v>0</v>
      </c>
      <c r="P14" s="296">
        <v>0</v>
      </c>
      <c r="Q14" s="300"/>
      <c r="R14" s="295">
        <v>70015</v>
      </c>
      <c r="S14" s="295">
        <v>275190</v>
      </c>
      <c r="T14" s="295">
        <v>2022090</v>
      </c>
      <c r="U14" s="295">
        <v>3214220</v>
      </c>
      <c r="V14" s="295">
        <v>3662601</v>
      </c>
      <c r="W14" s="298">
        <v>9244116</v>
      </c>
      <c r="X14" s="299">
        <v>9244116</v>
      </c>
      <c r="Y14" s="294">
        <v>0</v>
      </c>
      <c r="Z14" s="295">
        <v>0</v>
      </c>
      <c r="AA14" s="296">
        <v>0</v>
      </c>
      <c r="AB14" s="300"/>
      <c r="AC14" s="295">
        <v>655450</v>
      </c>
      <c r="AD14" s="295">
        <v>596798</v>
      </c>
      <c r="AE14" s="295">
        <v>894686</v>
      </c>
      <c r="AF14" s="295">
        <v>857032</v>
      </c>
      <c r="AG14" s="295">
        <v>348528</v>
      </c>
      <c r="AH14" s="298">
        <v>3352494</v>
      </c>
      <c r="AI14" s="299">
        <v>3352494</v>
      </c>
      <c r="AJ14" s="294">
        <v>0</v>
      </c>
      <c r="AK14" s="295">
        <v>0</v>
      </c>
      <c r="AL14" s="296">
        <v>0</v>
      </c>
      <c r="AM14" s="300"/>
      <c r="AN14" s="295">
        <v>0</v>
      </c>
      <c r="AO14" s="295">
        <v>0</v>
      </c>
      <c r="AP14" s="295">
        <v>0</v>
      </c>
      <c r="AQ14" s="295">
        <v>0</v>
      </c>
      <c r="AR14" s="295">
        <v>0</v>
      </c>
      <c r="AS14" s="298">
        <v>0</v>
      </c>
      <c r="AT14" s="299">
        <v>0</v>
      </c>
      <c r="AU14" s="294">
        <v>0</v>
      </c>
      <c r="AV14" s="295">
        <v>0</v>
      </c>
      <c r="AW14" s="296">
        <v>0</v>
      </c>
      <c r="AX14" s="300"/>
      <c r="AY14" s="295">
        <v>0</v>
      </c>
      <c r="AZ14" s="295">
        <v>0</v>
      </c>
      <c r="BA14" s="295">
        <v>0</v>
      </c>
      <c r="BB14" s="295">
        <v>31650</v>
      </c>
      <c r="BC14" s="295">
        <v>107805</v>
      </c>
      <c r="BD14" s="298">
        <v>139455</v>
      </c>
      <c r="BE14" s="299">
        <v>139455</v>
      </c>
      <c r="BF14" s="294">
        <v>0</v>
      </c>
      <c r="BG14" s="295">
        <v>0</v>
      </c>
      <c r="BH14" s="296">
        <v>0</v>
      </c>
      <c r="BI14" s="300"/>
      <c r="BJ14" s="295">
        <v>0</v>
      </c>
      <c r="BK14" s="295">
        <v>0</v>
      </c>
      <c r="BL14" s="295">
        <v>0</v>
      </c>
      <c r="BM14" s="295">
        <v>96005</v>
      </c>
      <c r="BN14" s="295">
        <v>36750</v>
      </c>
      <c r="BO14" s="298">
        <v>132755</v>
      </c>
      <c r="BP14" s="299">
        <v>132755</v>
      </c>
      <c r="BQ14" s="294">
        <v>4475</v>
      </c>
      <c r="BR14" s="295">
        <v>11426</v>
      </c>
      <c r="BS14" s="296">
        <v>15901</v>
      </c>
      <c r="BT14" s="297">
        <v>0</v>
      </c>
      <c r="BU14" s="295">
        <v>131924</v>
      </c>
      <c r="BV14" s="295">
        <v>227970</v>
      </c>
      <c r="BW14" s="295">
        <v>285001</v>
      </c>
      <c r="BX14" s="295">
        <v>253665</v>
      </c>
      <c r="BY14" s="295">
        <v>110770</v>
      </c>
      <c r="BZ14" s="298">
        <v>1009330</v>
      </c>
      <c r="CA14" s="299">
        <v>1025231</v>
      </c>
      <c r="CB14" s="294">
        <v>0</v>
      </c>
      <c r="CC14" s="295">
        <v>8652</v>
      </c>
      <c r="CD14" s="296">
        <v>8652</v>
      </c>
      <c r="CE14" s="297">
        <v>0</v>
      </c>
      <c r="CF14" s="295">
        <v>4113</v>
      </c>
      <c r="CG14" s="295">
        <v>0</v>
      </c>
      <c r="CH14" s="295">
        <v>3503</v>
      </c>
      <c r="CI14" s="295">
        <v>17429</v>
      </c>
      <c r="CJ14" s="295">
        <v>7811</v>
      </c>
      <c r="CK14" s="298">
        <v>32856</v>
      </c>
      <c r="CL14" s="299">
        <v>41508</v>
      </c>
      <c r="CM14" s="294">
        <v>0</v>
      </c>
      <c r="CN14" s="295">
        <v>0</v>
      </c>
      <c r="CO14" s="296">
        <v>0</v>
      </c>
      <c r="CP14" s="297">
        <v>0</v>
      </c>
      <c r="CQ14" s="295">
        <v>0</v>
      </c>
      <c r="CR14" s="295">
        <v>0</v>
      </c>
      <c r="CS14" s="295">
        <v>0</v>
      </c>
      <c r="CT14" s="295">
        <v>0</v>
      </c>
      <c r="CU14" s="295">
        <v>0</v>
      </c>
      <c r="CV14" s="298">
        <v>0</v>
      </c>
      <c r="CW14" s="299">
        <v>0</v>
      </c>
      <c r="CX14" s="294">
        <v>0</v>
      </c>
      <c r="CY14" s="295">
        <v>0</v>
      </c>
      <c r="CZ14" s="296">
        <v>0</v>
      </c>
      <c r="DA14" s="300"/>
      <c r="DB14" s="295">
        <v>0</v>
      </c>
      <c r="DC14" s="295">
        <v>0</v>
      </c>
      <c r="DD14" s="295">
        <v>0</v>
      </c>
      <c r="DE14" s="295">
        <v>0</v>
      </c>
      <c r="DF14" s="295">
        <v>0</v>
      </c>
      <c r="DG14" s="298">
        <v>0</v>
      </c>
      <c r="DH14" s="299">
        <v>0</v>
      </c>
      <c r="DI14" s="294">
        <v>6561</v>
      </c>
      <c r="DJ14" s="295">
        <v>15992</v>
      </c>
      <c r="DK14" s="296">
        <v>22553</v>
      </c>
      <c r="DL14" s="297">
        <v>0</v>
      </c>
      <c r="DM14" s="295">
        <v>441783</v>
      </c>
      <c r="DN14" s="295">
        <v>912560</v>
      </c>
      <c r="DO14" s="295">
        <v>4112797</v>
      </c>
      <c r="DP14" s="295">
        <v>5103504</v>
      </c>
      <c r="DQ14" s="295">
        <v>4342891</v>
      </c>
      <c r="DR14" s="298">
        <v>14913535</v>
      </c>
      <c r="DS14" s="301">
        <v>14936088</v>
      </c>
      <c r="DT14" s="294">
        <v>0</v>
      </c>
      <c r="DU14" s="295">
        <v>0</v>
      </c>
      <c r="DV14" s="296">
        <v>0</v>
      </c>
      <c r="DW14" s="300"/>
      <c r="DX14" s="295">
        <v>148115</v>
      </c>
      <c r="DY14" s="295">
        <v>456792</v>
      </c>
      <c r="DZ14" s="295">
        <v>3448869</v>
      </c>
      <c r="EA14" s="295">
        <v>4435006</v>
      </c>
      <c r="EB14" s="295">
        <v>4020969</v>
      </c>
      <c r="EC14" s="298">
        <v>12509751</v>
      </c>
      <c r="ED14" s="299">
        <v>12509751</v>
      </c>
      <c r="EE14" s="294">
        <v>0</v>
      </c>
      <c r="EF14" s="295">
        <v>0</v>
      </c>
      <c r="EG14" s="296">
        <v>0</v>
      </c>
      <c r="EH14" s="300"/>
      <c r="EI14" s="295">
        <v>106470</v>
      </c>
      <c r="EJ14" s="295">
        <v>71387</v>
      </c>
      <c r="EK14" s="295">
        <v>161808</v>
      </c>
      <c r="EL14" s="295">
        <v>135126</v>
      </c>
      <c r="EM14" s="295">
        <v>72983</v>
      </c>
      <c r="EN14" s="298">
        <v>547774</v>
      </c>
      <c r="EO14" s="299">
        <v>547774</v>
      </c>
      <c r="EP14" s="294">
        <v>0</v>
      </c>
      <c r="EQ14" s="295">
        <v>0</v>
      </c>
      <c r="ER14" s="296">
        <v>0</v>
      </c>
      <c r="ES14" s="300"/>
      <c r="ET14" s="295">
        <v>0</v>
      </c>
      <c r="EU14" s="295">
        <v>0</v>
      </c>
      <c r="EV14" s="295">
        <v>0</v>
      </c>
      <c r="EW14" s="295">
        <v>0</v>
      </c>
      <c r="EX14" s="295">
        <v>0</v>
      </c>
      <c r="EY14" s="298">
        <v>0</v>
      </c>
      <c r="EZ14" s="299">
        <v>0</v>
      </c>
      <c r="FA14" s="294">
        <v>0</v>
      </c>
      <c r="FB14" s="295">
        <v>0</v>
      </c>
      <c r="FC14" s="296">
        <v>0</v>
      </c>
      <c r="FD14" s="300"/>
      <c r="FE14" s="295">
        <v>0</v>
      </c>
      <c r="FF14" s="295">
        <v>0</v>
      </c>
      <c r="FG14" s="295">
        <v>0</v>
      </c>
      <c r="FH14" s="295">
        <v>210</v>
      </c>
      <c r="FI14" s="295">
        <v>2373</v>
      </c>
      <c r="FJ14" s="298">
        <v>2583</v>
      </c>
      <c r="FK14" s="299">
        <v>2583</v>
      </c>
      <c r="FL14" s="294">
        <v>0</v>
      </c>
      <c r="FM14" s="295">
        <v>0</v>
      </c>
      <c r="FN14" s="296">
        <v>0</v>
      </c>
      <c r="FO14" s="300"/>
      <c r="FP14" s="295">
        <v>0</v>
      </c>
      <c r="FQ14" s="295">
        <v>0</v>
      </c>
      <c r="FR14" s="295">
        <v>0</v>
      </c>
      <c r="FS14" s="295">
        <v>105550</v>
      </c>
      <c r="FT14" s="295">
        <v>66990</v>
      </c>
      <c r="FU14" s="298">
        <v>172540</v>
      </c>
      <c r="FV14" s="299">
        <v>172540</v>
      </c>
      <c r="FW14" s="294">
        <v>6561</v>
      </c>
      <c r="FX14" s="295">
        <v>12976</v>
      </c>
      <c r="FY14" s="296">
        <v>19537</v>
      </c>
      <c r="FZ14" s="297">
        <v>0</v>
      </c>
      <c r="GA14" s="295">
        <v>187086</v>
      </c>
      <c r="GB14" s="295">
        <v>384381</v>
      </c>
      <c r="GC14" s="295">
        <v>495097</v>
      </c>
      <c r="GD14" s="295">
        <v>422271</v>
      </c>
      <c r="GE14" s="295">
        <v>179401</v>
      </c>
      <c r="GF14" s="298">
        <v>1668236</v>
      </c>
      <c r="GG14" s="299">
        <v>1687773</v>
      </c>
      <c r="GH14" s="294">
        <v>0</v>
      </c>
      <c r="GI14" s="295">
        <v>3016</v>
      </c>
      <c r="GJ14" s="296">
        <v>3016</v>
      </c>
      <c r="GK14" s="297">
        <v>0</v>
      </c>
      <c r="GL14" s="295">
        <v>112</v>
      </c>
      <c r="GM14" s="295">
        <v>0</v>
      </c>
      <c r="GN14" s="295">
        <v>7023</v>
      </c>
      <c r="GO14" s="295">
        <v>5341</v>
      </c>
      <c r="GP14" s="295">
        <v>175</v>
      </c>
      <c r="GQ14" s="298">
        <v>12651</v>
      </c>
      <c r="GR14" s="299">
        <v>15667</v>
      </c>
      <c r="GS14" s="294">
        <v>0</v>
      </c>
      <c r="GT14" s="295">
        <v>0</v>
      </c>
      <c r="GU14" s="296">
        <v>0</v>
      </c>
      <c r="GV14" s="297">
        <v>0</v>
      </c>
      <c r="GW14" s="295">
        <v>0</v>
      </c>
      <c r="GX14" s="295">
        <v>0</v>
      </c>
      <c r="GY14" s="295">
        <v>0</v>
      </c>
      <c r="GZ14" s="295">
        <v>0</v>
      </c>
      <c r="HA14" s="295">
        <v>0</v>
      </c>
      <c r="HB14" s="298">
        <v>0</v>
      </c>
      <c r="HC14" s="299">
        <v>0</v>
      </c>
      <c r="HD14" s="294">
        <v>0</v>
      </c>
      <c r="HE14" s="295">
        <v>0</v>
      </c>
      <c r="HF14" s="296">
        <v>0</v>
      </c>
      <c r="HG14" s="300"/>
      <c r="HH14" s="295">
        <v>0</v>
      </c>
      <c r="HI14" s="295">
        <v>0</v>
      </c>
      <c r="HJ14" s="295">
        <v>0</v>
      </c>
      <c r="HK14" s="295">
        <v>0</v>
      </c>
      <c r="HL14" s="295">
        <v>0</v>
      </c>
      <c r="HM14" s="298">
        <v>0</v>
      </c>
      <c r="HN14" s="299">
        <v>0</v>
      </c>
      <c r="HO14" s="294">
        <v>11036</v>
      </c>
      <c r="HP14" s="295">
        <v>36070</v>
      </c>
      <c r="HQ14" s="296">
        <v>47106</v>
      </c>
      <c r="HR14" s="297">
        <v>0</v>
      </c>
      <c r="HS14" s="295">
        <v>1303285</v>
      </c>
      <c r="HT14" s="295">
        <v>2012518</v>
      </c>
      <c r="HU14" s="295">
        <v>7318077</v>
      </c>
      <c r="HV14" s="295">
        <v>9573505</v>
      </c>
      <c r="HW14" s="295">
        <v>8617156</v>
      </c>
      <c r="HX14" s="298">
        <v>28824541</v>
      </c>
      <c r="HY14" s="299">
        <v>28871647</v>
      </c>
    </row>
    <row r="15" spans="2:233" ht="21" customHeight="1" x14ac:dyDescent="0.2">
      <c r="B15" s="292" t="s">
        <v>11</v>
      </c>
      <c r="C15" s="294">
        <v>6435</v>
      </c>
      <c r="D15" s="295">
        <v>3760</v>
      </c>
      <c r="E15" s="296">
        <v>10195</v>
      </c>
      <c r="F15" s="297">
        <v>0</v>
      </c>
      <c r="G15" s="295">
        <v>902958</v>
      </c>
      <c r="H15" s="295">
        <v>971649</v>
      </c>
      <c r="I15" s="295">
        <v>2826252</v>
      </c>
      <c r="J15" s="295">
        <v>4080615</v>
      </c>
      <c r="K15" s="295">
        <v>2011003</v>
      </c>
      <c r="L15" s="298">
        <v>10792477</v>
      </c>
      <c r="M15" s="299">
        <v>10802672</v>
      </c>
      <c r="N15" s="294">
        <v>0</v>
      </c>
      <c r="O15" s="295">
        <v>0</v>
      </c>
      <c r="P15" s="296">
        <v>0</v>
      </c>
      <c r="Q15" s="300"/>
      <c r="R15" s="295">
        <v>2550</v>
      </c>
      <c r="S15" s="295">
        <v>130330</v>
      </c>
      <c r="T15" s="295">
        <v>2004990</v>
      </c>
      <c r="U15" s="295">
        <v>2693010</v>
      </c>
      <c r="V15" s="295">
        <v>1390700</v>
      </c>
      <c r="W15" s="298">
        <v>6221580</v>
      </c>
      <c r="X15" s="299">
        <v>6221580</v>
      </c>
      <c r="Y15" s="294">
        <v>0</v>
      </c>
      <c r="Z15" s="295">
        <v>0</v>
      </c>
      <c r="AA15" s="296">
        <v>0</v>
      </c>
      <c r="AB15" s="300"/>
      <c r="AC15" s="295">
        <v>743110</v>
      </c>
      <c r="AD15" s="295">
        <v>739070</v>
      </c>
      <c r="AE15" s="295">
        <v>672445</v>
      </c>
      <c r="AF15" s="295">
        <v>1171070</v>
      </c>
      <c r="AG15" s="295">
        <v>347990</v>
      </c>
      <c r="AH15" s="298">
        <v>3673685</v>
      </c>
      <c r="AI15" s="299">
        <v>3673685</v>
      </c>
      <c r="AJ15" s="294">
        <v>0</v>
      </c>
      <c r="AK15" s="295">
        <v>0</v>
      </c>
      <c r="AL15" s="296">
        <v>0</v>
      </c>
      <c r="AM15" s="300"/>
      <c r="AN15" s="295">
        <v>0</v>
      </c>
      <c r="AO15" s="295">
        <v>0</v>
      </c>
      <c r="AP15" s="295">
        <v>0</v>
      </c>
      <c r="AQ15" s="295">
        <v>0</v>
      </c>
      <c r="AR15" s="295">
        <v>23850</v>
      </c>
      <c r="AS15" s="298">
        <v>23850</v>
      </c>
      <c r="AT15" s="299">
        <v>23850</v>
      </c>
      <c r="AU15" s="294">
        <v>0</v>
      </c>
      <c r="AV15" s="295">
        <v>0</v>
      </c>
      <c r="AW15" s="296">
        <v>0</v>
      </c>
      <c r="AX15" s="300"/>
      <c r="AY15" s="295">
        <v>47895</v>
      </c>
      <c r="AZ15" s="295">
        <v>2550</v>
      </c>
      <c r="BA15" s="295">
        <v>2550</v>
      </c>
      <c r="BB15" s="295">
        <v>70655</v>
      </c>
      <c r="BC15" s="295">
        <v>166088</v>
      </c>
      <c r="BD15" s="298">
        <v>289738</v>
      </c>
      <c r="BE15" s="299">
        <v>289738</v>
      </c>
      <c r="BF15" s="294">
        <v>0</v>
      </c>
      <c r="BG15" s="295">
        <v>0</v>
      </c>
      <c r="BH15" s="296">
        <v>0</v>
      </c>
      <c r="BI15" s="300"/>
      <c r="BJ15" s="295">
        <v>0</v>
      </c>
      <c r="BK15" s="295">
        <v>23850</v>
      </c>
      <c r="BL15" s="295">
        <v>0</v>
      </c>
      <c r="BM15" s="295">
        <v>0</v>
      </c>
      <c r="BN15" s="295">
        <v>0</v>
      </c>
      <c r="BO15" s="298">
        <v>23850</v>
      </c>
      <c r="BP15" s="299">
        <v>23850</v>
      </c>
      <c r="BQ15" s="294">
        <v>6435</v>
      </c>
      <c r="BR15" s="295">
        <v>3760</v>
      </c>
      <c r="BS15" s="296">
        <v>10195</v>
      </c>
      <c r="BT15" s="297">
        <v>0</v>
      </c>
      <c r="BU15" s="295">
        <v>101169</v>
      </c>
      <c r="BV15" s="295">
        <v>75849</v>
      </c>
      <c r="BW15" s="295">
        <v>146267</v>
      </c>
      <c r="BX15" s="295">
        <v>145880</v>
      </c>
      <c r="BY15" s="295">
        <v>78440</v>
      </c>
      <c r="BZ15" s="298">
        <v>547605</v>
      </c>
      <c r="CA15" s="299">
        <v>557800</v>
      </c>
      <c r="CB15" s="294">
        <v>0</v>
      </c>
      <c r="CC15" s="295">
        <v>0</v>
      </c>
      <c r="CD15" s="296">
        <v>0</v>
      </c>
      <c r="CE15" s="297">
        <v>0</v>
      </c>
      <c r="CF15" s="295">
        <v>8234</v>
      </c>
      <c r="CG15" s="295">
        <v>0</v>
      </c>
      <c r="CH15" s="295">
        <v>0</v>
      </c>
      <c r="CI15" s="295">
        <v>0</v>
      </c>
      <c r="CJ15" s="295">
        <v>3935</v>
      </c>
      <c r="CK15" s="298">
        <v>12169</v>
      </c>
      <c r="CL15" s="299">
        <v>12169</v>
      </c>
      <c r="CM15" s="294">
        <v>0</v>
      </c>
      <c r="CN15" s="295">
        <v>0</v>
      </c>
      <c r="CO15" s="296">
        <v>0</v>
      </c>
      <c r="CP15" s="297">
        <v>0</v>
      </c>
      <c r="CQ15" s="295">
        <v>0</v>
      </c>
      <c r="CR15" s="295">
        <v>0</v>
      </c>
      <c r="CS15" s="295">
        <v>0</v>
      </c>
      <c r="CT15" s="295">
        <v>0</v>
      </c>
      <c r="CU15" s="295">
        <v>0</v>
      </c>
      <c r="CV15" s="298">
        <v>0</v>
      </c>
      <c r="CW15" s="299">
        <v>0</v>
      </c>
      <c r="CX15" s="294">
        <v>0</v>
      </c>
      <c r="CY15" s="295">
        <v>0</v>
      </c>
      <c r="CZ15" s="296">
        <v>0</v>
      </c>
      <c r="DA15" s="300"/>
      <c r="DB15" s="295">
        <v>0</v>
      </c>
      <c r="DC15" s="295">
        <v>0</v>
      </c>
      <c r="DD15" s="295">
        <v>0</v>
      </c>
      <c r="DE15" s="295">
        <v>0</v>
      </c>
      <c r="DF15" s="295">
        <v>0</v>
      </c>
      <c r="DG15" s="298">
        <v>0</v>
      </c>
      <c r="DH15" s="299">
        <v>0</v>
      </c>
      <c r="DI15" s="294">
        <v>9265</v>
      </c>
      <c r="DJ15" s="295">
        <v>3510</v>
      </c>
      <c r="DK15" s="296">
        <v>12775</v>
      </c>
      <c r="DL15" s="297">
        <v>0</v>
      </c>
      <c r="DM15" s="295">
        <v>326703</v>
      </c>
      <c r="DN15" s="295">
        <v>403652</v>
      </c>
      <c r="DO15" s="295">
        <v>2792079</v>
      </c>
      <c r="DP15" s="295">
        <v>3561575</v>
      </c>
      <c r="DQ15" s="295">
        <v>1836730</v>
      </c>
      <c r="DR15" s="298">
        <v>8920739</v>
      </c>
      <c r="DS15" s="301">
        <v>8933514</v>
      </c>
      <c r="DT15" s="294">
        <v>0</v>
      </c>
      <c r="DU15" s="295">
        <v>0</v>
      </c>
      <c r="DV15" s="296">
        <v>0</v>
      </c>
      <c r="DW15" s="300"/>
      <c r="DX15" s="295">
        <v>20880</v>
      </c>
      <c r="DY15" s="295">
        <v>151121</v>
      </c>
      <c r="DZ15" s="295">
        <v>2461315</v>
      </c>
      <c r="EA15" s="295">
        <v>3227080</v>
      </c>
      <c r="EB15" s="295">
        <v>1691244</v>
      </c>
      <c r="EC15" s="298">
        <v>7551640</v>
      </c>
      <c r="ED15" s="299">
        <v>7551640</v>
      </c>
      <c r="EE15" s="294">
        <v>0</v>
      </c>
      <c r="EF15" s="295">
        <v>0</v>
      </c>
      <c r="EG15" s="296">
        <v>0</v>
      </c>
      <c r="EH15" s="300"/>
      <c r="EI15" s="295">
        <v>175792</v>
      </c>
      <c r="EJ15" s="295">
        <v>146299</v>
      </c>
      <c r="EK15" s="295">
        <v>151349</v>
      </c>
      <c r="EL15" s="295">
        <v>102821</v>
      </c>
      <c r="EM15" s="295">
        <v>26395</v>
      </c>
      <c r="EN15" s="298">
        <v>602656</v>
      </c>
      <c r="EO15" s="299">
        <v>602656</v>
      </c>
      <c r="EP15" s="294">
        <v>0</v>
      </c>
      <c r="EQ15" s="295">
        <v>0</v>
      </c>
      <c r="ER15" s="296">
        <v>0</v>
      </c>
      <c r="ES15" s="300"/>
      <c r="ET15" s="295">
        <v>0</v>
      </c>
      <c r="EU15" s="295">
        <v>0</v>
      </c>
      <c r="EV15" s="295">
        <v>0</v>
      </c>
      <c r="EW15" s="295">
        <v>0</v>
      </c>
      <c r="EX15" s="295">
        <v>210</v>
      </c>
      <c r="EY15" s="298">
        <v>210</v>
      </c>
      <c r="EZ15" s="299">
        <v>210</v>
      </c>
      <c r="FA15" s="294">
        <v>0</v>
      </c>
      <c r="FB15" s="295">
        <v>0</v>
      </c>
      <c r="FC15" s="296">
        <v>0</v>
      </c>
      <c r="FD15" s="300"/>
      <c r="FE15" s="295">
        <v>8127</v>
      </c>
      <c r="FF15" s="295">
        <v>210</v>
      </c>
      <c r="FG15" s="295">
        <v>210</v>
      </c>
      <c r="FH15" s="295">
        <v>22781</v>
      </c>
      <c r="FI15" s="295">
        <v>24069</v>
      </c>
      <c r="FJ15" s="298">
        <v>55397</v>
      </c>
      <c r="FK15" s="299">
        <v>55397</v>
      </c>
      <c r="FL15" s="294">
        <v>0</v>
      </c>
      <c r="FM15" s="295">
        <v>0</v>
      </c>
      <c r="FN15" s="296">
        <v>0</v>
      </c>
      <c r="FO15" s="300"/>
      <c r="FP15" s="295">
        <v>0</v>
      </c>
      <c r="FQ15" s="295">
        <v>20880</v>
      </c>
      <c r="FR15" s="295">
        <v>0</v>
      </c>
      <c r="FS15" s="295">
        <v>0</v>
      </c>
      <c r="FT15" s="295">
        <v>0</v>
      </c>
      <c r="FU15" s="298">
        <v>20880</v>
      </c>
      <c r="FV15" s="299">
        <v>20880</v>
      </c>
      <c r="FW15" s="294">
        <v>9265</v>
      </c>
      <c r="FX15" s="295">
        <v>3510</v>
      </c>
      <c r="FY15" s="296">
        <v>12775</v>
      </c>
      <c r="FZ15" s="297">
        <v>0</v>
      </c>
      <c r="GA15" s="295">
        <v>114920</v>
      </c>
      <c r="GB15" s="295">
        <v>85142</v>
      </c>
      <c r="GC15" s="295">
        <v>179205</v>
      </c>
      <c r="GD15" s="295">
        <v>208893</v>
      </c>
      <c r="GE15" s="295">
        <v>94777</v>
      </c>
      <c r="GF15" s="298">
        <v>682937</v>
      </c>
      <c r="GG15" s="299">
        <v>695712</v>
      </c>
      <c r="GH15" s="294">
        <v>0</v>
      </c>
      <c r="GI15" s="295">
        <v>0</v>
      </c>
      <c r="GJ15" s="296">
        <v>0</v>
      </c>
      <c r="GK15" s="297">
        <v>0</v>
      </c>
      <c r="GL15" s="295">
        <v>6984</v>
      </c>
      <c r="GM15" s="295">
        <v>0</v>
      </c>
      <c r="GN15" s="295">
        <v>0</v>
      </c>
      <c r="GO15" s="295">
        <v>0</v>
      </c>
      <c r="GP15" s="295">
        <v>35</v>
      </c>
      <c r="GQ15" s="298">
        <v>7019</v>
      </c>
      <c r="GR15" s="299">
        <v>7019</v>
      </c>
      <c r="GS15" s="294">
        <v>0</v>
      </c>
      <c r="GT15" s="295">
        <v>0</v>
      </c>
      <c r="GU15" s="296">
        <v>0</v>
      </c>
      <c r="GV15" s="297">
        <v>0</v>
      </c>
      <c r="GW15" s="295">
        <v>0</v>
      </c>
      <c r="GX15" s="295">
        <v>0</v>
      </c>
      <c r="GY15" s="295">
        <v>0</v>
      </c>
      <c r="GZ15" s="295">
        <v>0</v>
      </c>
      <c r="HA15" s="295">
        <v>0</v>
      </c>
      <c r="HB15" s="298">
        <v>0</v>
      </c>
      <c r="HC15" s="299">
        <v>0</v>
      </c>
      <c r="HD15" s="294">
        <v>0</v>
      </c>
      <c r="HE15" s="295">
        <v>0</v>
      </c>
      <c r="HF15" s="296">
        <v>0</v>
      </c>
      <c r="HG15" s="300"/>
      <c r="HH15" s="295">
        <v>0</v>
      </c>
      <c r="HI15" s="295">
        <v>0</v>
      </c>
      <c r="HJ15" s="295">
        <v>0</v>
      </c>
      <c r="HK15" s="295">
        <v>0</v>
      </c>
      <c r="HL15" s="295">
        <v>0</v>
      </c>
      <c r="HM15" s="298">
        <v>0</v>
      </c>
      <c r="HN15" s="299">
        <v>0</v>
      </c>
      <c r="HO15" s="294">
        <v>15700</v>
      </c>
      <c r="HP15" s="295">
        <v>7270</v>
      </c>
      <c r="HQ15" s="296">
        <v>22970</v>
      </c>
      <c r="HR15" s="297">
        <v>0</v>
      </c>
      <c r="HS15" s="295">
        <v>1229661</v>
      </c>
      <c r="HT15" s="295">
        <v>1375301</v>
      </c>
      <c r="HU15" s="295">
        <v>5618331</v>
      </c>
      <c r="HV15" s="295">
        <v>7642190</v>
      </c>
      <c r="HW15" s="295">
        <v>3847733</v>
      </c>
      <c r="HX15" s="298">
        <v>19713216</v>
      </c>
      <c r="HY15" s="299">
        <v>19736186</v>
      </c>
    </row>
    <row r="16" spans="2:233" ht="21" customHeight="1" x14ac:dyDescent="0.2">
      <c r="B16" s="292" t="s">
        <v>12</v>
      </c>
      <c r="C16" s="294">
        <v>24045</v>
      </c>
      <c r="D16" s="295">
        <v>6032</v>
      </c>
      <c r="E16" s="296">
        <v>30077</v>
      </c>
      <c r="F16" s="297">
        <v>0</v>
      </c>
      <c r="G16" s="295">
        <v>245437</v>
      </c>
      <c r="H16" s="295">
        <v>353874</v>
      </c>
      <c r="I16" s="295">
        <v>2530588</v>
      </c>
      <c r="J16" s="295">
        <v>3454162</v>
      </c>
      <c r="K16" s="295">
        <v>2123122</v>
      </c>
      <c r="L16" s="298">
        <v>8707183</v>
      </c>
      <c r="M16" s="299">
        <v>8737260</v>
      </c>
      <c r="N16" s="294">
        <v>0</v>
      </c>
      <c r="O16" s="295">
        <v>0</v>
      </c>
      <c r="P16" s="296">
        <v>0</v>
      </c>
      <c r="Q16" s="300"/>
      <c r="R16" s="295">
        <v>34200</v>
      </c>
      <c r="S16" s="295">
        <v>43825</v>
      </c>
      <c r="T16" s="295">
        <v>1382195</v>
      </c>
      <c r="U16" s="295">
        <v>2290660</v>
      </c>
      <c r="V16" s="295">
        <v>1672835</v>
      </c>
      <c r="W16" s="298">
        <v>5423715</v>
      </c>
      <c r="X16" s="299">
        <v>5423715</v>
      </c>
      <c r="Y16" s="294">
        <v>0</v>
      </c>
      <c r="Z16" s="295">
        <v>0</v>
      </c>
      <c r="AA16" s="296">
        <v>0</v>
      </c>
      <c r="AB16" s="300"/>
      <c r="AC16" s="295">
        <v>170910</v>
      </c>
      <c r="AD16" s="295">
        <v>239220</v>
      </c>
      <c r="AE16" s="295">
        <v>687022</v>
      </c>
      <c r="AF16" s="295">
        <v>906905</v>
      </c>
      <c r="AG16" s="295">
        <v>265120</v>
      </c>
      <c r="AH16" s="298">
        <v>2269177</v>
      </c>
      <c r="AI16" s="299">
        <v>2269177</v>
      </c>
      <c r="AJ16" s="294">
        <v>0</v>
      </c>
      <c r="AK16" s="295">
        <v>0</v>
      </c>
      <c r="AL16" s="296">
        <v>0</v>
      </c>
      <c r="AM16" s="300"/>
      <c r="AN16" s="295">
        <v>0</v>
      </c>
      <c r="AO16" s="295">
        <v>0</v>
      </c>
      <c r="AP16" s="295">
        <v>0</v>
      </c>
      <c r="AQ16" s="295">
        <v>0</v>
      </c>
      <c r="AR16" s="295">
        <v>0</v>
      </c>
      <c r="AS16" s="298">
        <v>0</v>
      </c>
      <c r="AT16" s="299">
        <v>0</v>
      </c>
      <c r="AU16" s="294">
        <v>0</v>
      </c>
      <c r="AV16" s="295">
        <v>0</v>
      </c>
      <c r="AW16" s="296">
        <v>0</v>
      </c>
      <c r="AX16" s="300"/>
      <c r="AY16" s="295">
        <v>0</v>
      </c>
      <c r="AZ16" s="295">
        <v>0</v>
      </c>
      <c r="BA16" s="295">
        <v>0</v>
      </c>
      <c r="BB16" s="295">
        <v>5100</v>
      </c>
      <c r="BC16" s="295">
        <v>58115</v>
      </c>
      <c r="BD16" s="298">
        <v>63215</v>
      </c>
      <c r="BE16" s="299">
        <v>63215</v>
      </c>
      <c r="BF16" s="294">
        <v>0</v>
      </c>
      <c r="BG16" s="295">
        <v>0</v>
      </c>
      <c r="BH16" s="296">
        <v>0</v>
      </c>
      <c r="BI16" s="300"/>
      <c r="BJ16" s="295">
        <v>0</v>
      </c>
      <c r="BK16" s="295">
        <v>0</v>
      </c>
      <c r="BL16" s="295">
        <v>216745</v>
      </c>
      <c r="BM16" s="295">
        <v>60600</v>
      </c>
      <c r="BN16" s="295">
        <v>5100</v>
      </c>
      <c r="BO16" s="298">
        <v>282445</v>
      </c>
      <c r="BP16" s="299">
        <v>282445</v>
      </c>
      <c r="BQ16" s="294">
        <v>24045</v>
      </c>
      <c r="BR16" s="295">
        <v>6032</v>
      </c>
      <c r="BS16" s="296">
        <v>30077</v>
      </c>
      <c r="BT16" s="297">
        <v>0</v>
      </c>
      <c r="BU16" s="295">
        <v>40327</v>
      </c>
      <c r="BV16" s="295">
        <v>65179</v>
      </c>
      <c r="BW16" s="295">
        <v>244626</v>
      </c>
      <c r="BX16" s="295">
        <v>190897</v>
      </c>
      <c r="BY16" s="295">
        <v>121952</v>
      </c>
      <c r="BZ16" s="298">
        <v>662981</v>
      </c>
      <c r="CA16" s="299">
        <v>693058</v>
      </c>
      <c r="CB16" s="294">
        <v>0</v>
      </c>
      <c r="CC16" s="295">
        <v>0</v>
      </c>
      <c r="CD16" s="296">
        <v>0</v>
      </c>
      <c r="CE16" s="297">
        <v>0</v>
      </c>
      <c r="CF16" s="295">
        <v>0</v>
      </c>
      <c r="CG16" s="295">
        <v>5650</v>
      </c>
      <c r="CH16" s="295">
        <v>0</v>
      </c>
      <c r="CI16" s="295">
        <v>0</v>
      </c>
      <c r="CJ16" s="295">
        <v>0</v>
      </c>
      <c r="CK16" s="298">
        <v>5650</v>
      </c>
      <c r="CL16" s="299">
        <v>5650</v>
      </c>
      <c r="CM16" s="294">
        <v>0</v>
      </c>
      <c r="CN16" s="295">
        <v>0</v>
      </c>
      <c r="CO16" s="296">
        <v>0</v>
      </c>
      <c r="CP16" s="297">
        <v>0</v>
      </c>
      <c r="CQ16" s="295">
        <v>0</v>
      </c>
      <c r="CR16" s="295">
        <v>0</v>
      </c>
      <c r="CS16" s="295">
        <v>0</v>
      </c>
      <c r="CT16" s="295">
        <v>0</v>
      </c>
      <c r="CU16" s="295">
        <v>0</v>
      </c>
      <c r="CV16" s="298">
        <v>0</v>
      </c>
      <c r="CW16" s="299">
        <v>0</v>
      </c>
      <c r="CX16" s="294">
        <v>0</v>
      </c>
      <c r="CY16" s="295">
        <v>0</v>
      </c>
      <c r="CZ16" s="296">
        <v>0</v>
      </c>
      <c r="DA16" s="300"/>
      <c r="DB16" s="295">
        <v>0</v>
      </c>
      <c r="DC16" s="295">
        <v>0</v>
      </c>
      <c r="DD16" s="295">
        <v>0</v>
      </c>
      <c r="DE16" s="295">
        <v>0</v>
      </c>
      <c r="DF16" s="295">
        <v>0</v>
      </c>
      <c r="DG16" s="298">
        <v>0</v>
      </c>
      <c r="DH16" s="299">
        <v>0</v>
      </c>
      <c r="DI16" s="294">
        <v>17871</v>
      </c>
      <c r="DJ16" s="295">
        <v>9004</v>
      </c>
      <c r="DK16" s="296">
        <v>26875</v>
      </c>
      <c r="DL16" s="297">
        <v>0</v>
      </c>
      <c r="DM16" s="295">
        <v>156161</v>
      </c>
      <c r="DN16" s="295">
        <v>403224</v>
      </c>
      <c r="DO16" s="295">
        <v>2835629</v>
      </c>
      <c r="DP16" s="295">
        <v>3474258</v>
      </c>
      <c r="DQ16" s="295">
        <v>2390602</v>
      </c>
      <c r="DR16" s="298">
        <v>9259874</v>
      </c>
      <c r="DS16" s="301">
        <v>9286749</v>
      </c>
      <c r="DT16" s="294">
        <v>0</v>
      </c>
      <c r="DU16" s="295">
        <v>0</v>
      </c>
      <c r="DV16" s="296">
        <v>0</v>
      </c>
      <c r="DW16" s="300"/>
      <c r="DX16" s="295">
        <v>56460</v>
      </c>
      <c r="DY16" s="295">
        <v>178806</v>
      </c>
      <c r="DZ16" s="295">
        <v>1950824</v>
      </c>
      <c r="EA16" s="295">
        <v>2921351</v>
      </c>
      <c r="EB16" s="295">
        <v>2120887</v>
      </c>
      <c r="EC16" s="298">
        <v>7228328</v>
      </c>
      <c r="ED16" s="299">
        <v>7228328</v>
      </c>
      <c r="EE16" s="294">
        <v>0</v>
      </c>
      <c r="EF16" s="295">
        <v>0</v>
      </c>
      <c r="EG16" s="296">
        <v>0</v>
      </c>
      <c r="EH16" s="300"/>
      <c r="EI16" s="295">
        <v>37300</v>
      </c>
      <c r="EJ16" s="295">
        <v>88230</v>
      </c>
      <c r="EK16" s="295">
        <v>130033</v>
      </c>
      <c r="EL16" s="295">
        <v>161655</v>
      </c>
      <c r="EM16" s="295">
        <v>44609</v>
      </c>
      <c r="EN16" s="298">
        <v>461827</v>
      </c>
      <c r="EO16" s="299">
        <v>461827</v>
      </c>
      <c r="EP16" s="294">
        <v>0</v>
      </c>
      <c r="EQ16" s="295">
        <v>0</v>
      </c>
      <c r="ER16" s="296">
        <v>0</v>
      </c>
      <c r="ES16" s="300"/>
      <c r="ET16" s="295">
        <v>0</v>
      </c>
      <c r="EU16" s="295">
        <v>0</v>
      </c>
      <c r="EV16" s="295">
        <v>0</v>
      </c>
      <c r="EW16" s="295">
        <v>0</v>
      </c>
      <c r="EX16" s="295">
        <v>0</v>
      </c>
      <c r="EY16" s="298">
        <v>0</v>
      </c>
      <c r="EZ16" s="299">
        <v>0</v>
      </c>
      <c r="FA16" s="294">
        <v>0</v>
      </c>
      <c r="FB16" s="295">
        <v>0</v>
      </c>
      <c r="FC16" s="296">
        <v>0</v>
      </c>
      <c r="FD16" s="300"/>
      <c r="FE16" s="295">
        <v>0</v>
      </c>
      <c r="FF16" s="295">
        <v>0</v>
      </c>
      <c r="FG16" s="295">
        <v>0</v>
      </c>
      <c r="FH16" s="295">
        <v>420</v>
      </c>
      <c r="FI16" s="295">
        <v>1351</v>
      </c>
      <c r="FJ16" s="298">
        <v>1771</v>
      </c>
      <c r="FK16" s="299">
        <v>1771</v>
      </c>
      <c r="FL16" s="294">
        <v>0</v>
      </c>
      <c r="FM16" s="295">
        <v>0</v>
      </c>
      <c r="FN16" s="296">
        <v>0</v>
      </c>
      <c r="FO16" s="300"/>
      <c r="FP16" s="295">
        <v>0</v>
      </c>
      <c r="FQ16" s="295">
        <v>0</v>
      </c>
      <c r="FR16" s="295">
        <v>308052</v>
      </c>
      <c r="FS16" s="295">
        <v>98220</v>
      </c>
      <c r="FT16" s="295">
        <v>41760</v>
      </c>
      <c r="FU16" s="298">
        <v>448032</v>
      </c>
      <c r="FV16" s="299">
        <v>448032</v>
      </c>
      <c r="FW16" s="294">
        <v>17871</v>
      </c>
      <c r="FX16" s="295">
        <v>9004</v>
      </c>
      <c r="FY16" s="296">
        <v>26875</v>
      </c>
      <c r="FZ16" s="297">
        <v>0</v>
      </c>
      <c r="GA16" s="295">
        <v>62401</v>
      </c>
      <c r="GB16" s="295">
        <v>132738</v>
      </c>
      <c r="GC16" s="295">
        <v>446720</v>
      </c>
      <c r="GD16" s="295">
        <v>292612</v>
      </c>
      <c r="GE16" s="295">
        <v>181995</v>
      </c>
      <c r="GF16" s="298">
        <v>1116466</v>
      </c>
      <c r="GG16" s="299">
        <v>1143341</v>
      </c>
      <c r="GH16" s="294">
        <v>0</v>
      </c>
      <c r="GI16" s="295">
        <v>0</v>
      </c>
      <c r="GJ16" s="296">
        <v>0</v>
      </c>
      <c r="GK16" s="297">
        <v>0</v>
      </c>
      <c r="GL16" s="295">
        <v>0</v>
      </c>
      <c r="GM16" s="295">
        <v>3450</v>
      </c>
      <c r="GN16" s="295">
        <v>0</v>
      </c>
      <c r="GO16" s="295">
        <v>0</v>
      </c>
      <c r="GP16" s="295">
        <v>0</v>
      </c>
      <c r="GQ16" s="298">
        <v>3450</v>
      </c>
      <c r="GR16" s="299">
        <v>3450</v>
      </c>
      <c r="GS16" s="294">
        <v>0</v>
      </c>
      <c r="GT16" s="295">
        <v>0</v>
      </c>
      <c r="GU16" s="296">
        <v>0</v>
      </c>
      <c r="GV16" s="297">
        <v>0</v>
      </c>
      <c r="GW16" s="295">
        <v>0</v>
      </c>
      <c r="GX16" s="295">
        <v>0</v>
      </c>
      <c r="GY16" s="295">
        <v>0</v>
      </c>
      <c r="GZ16" s="295">
        <v>0</v>
      </c>
      <c r="HA16" s="295">
        <v>0</v>
      </c>
      <c r="HB16" s="298">
        <v>0</v>
      </c>
      <c r="HC16" s="299">
        <v>0</v>
      </c>
      <c r="HD16" s="294">
        <v>0</v>
      </c>
      <c r="HE16" s="295">
        <v>0</v>
      </c>
      <c r="HF16" s="296">
        <v>0</v>
      </c>
      <c r="HG16" s="300"/>
      <c r="HH16" s="295">
        <v>0</v>
      </c>
      <c r="HI16" s="295">
        <v>0</v>
      </c>
      <c r="HJ16" s="295">
        <v>0</v>
      </c>
      <c r="HK16" s="295">
        <v>0</v>
      </c>
      <c r="HL16" s="295">
        <v>0</v>
      </c>
      <c r="HM16" s="298">
        <v>0</v>
      </c>
      <c r="HN16" s="299">
        <v>0</v>
      </c>
      <c r="HO16" s="294">
        <v>41916</v>
      </c>
      <c r="HP16" s="295">
        <v>15036</v>
      </c>
      <c r="HQ16" s="296">
        <v>56952</v>
      </c>
      <c r="HR16" s="297">
        <v>0</v>
      </c>
      <c r="HS16" s="295">
        <v>401598</v>
      </c>
      <c r="HT16" s="295">
        <v>757098</v>
      </c>
      <c r="HU16" s="295">
        <v>5366217</v>
      </c>
      <c r="HV16" s="295">
        <v>6928420</v>
      </c>
      <c r="HW16" s="295">
        <v>4513724</v>
      </c>
      <c r="HX16" s="298">
        <v>17967057</v>
      </c>
      <c r="HY16" s="299">
        <v>18024009</v>
      </c>
    </row>
    <row r="17" spans="2:233" ht="21" customHeight="1" x14ac:dyDescent="0.2">
      <c r="B17" s="292" t="s">
        <v>13</v>
      </c>
      <c r="C17" s="294">
        <v>0</v>
      </c>
      <c r="D17" s="295">
        <v>0</v>
      </c>
      <c r="E17" s="296">
        <v>0</v>
      </c>
      <c r="F17" s="297">
        <v>0</v>
      </c>
      <c r="G17" s="295">
        <v>46675</v>
      </c>
      <c r="H17" s="295">
        <v>130590</v>
      </c>
      <c r="I17" s="295">
        <v>609766</v>
      </c>
      <c r="J17" s="295">
        <v>922554</v>
      </c>
      <c r="K17" s="295">
        <v>702535</v>
      </c>
      <c r="L17" s="298">
        <v>2412120</v>
      </c>
      <c r="M17" s="299">
        <v>2412120</v>
      </c>
      <c r="N17" s="294">
        <v>0</v>
      </c>
      <c r="O17" s="295">
        <v>0</v>
      </c>
      <c r="P17" s="296">
        <v>0</v>
      </c>
      <c r="Q17" s="300"/>
      <c r="R17" s="295">
        <v>2550</v>
      </c>
      <c r="S17" s="295">
        <v>3230</v>
      </c>
      <c r="T17" s="295">
        <v>408775</v>
      </c>
      <c r="U17" s="295">
        <v>849781</v>
      </c>
      <c r="V17" s="295">
        <v>650495</v>
      </c>
      <c r="W17" s="298">
        <v>1914831</v>
      </c>
      <c r="X17" s="299">
        <v>1914831</v>
      </c>
      <c r="Y17" s="294">
        <v>0</v>
      </c>
      <c r="Z17" s="295">
        <v>0</v>
      </c>
      <c r="AA17" s="296">
        <v>0</v>
      </c>
      <c r="AB17" s="300"/>
      <c r="AC17" s="295">
        <v>39470</v>
      </c>
      <c r="AD17" s="295">
        <v>109855</v>
      </c>
      <c r="AE17" s="295">
        <v>166710</v>
      </c>
      <c r="AF17" s="295">
        <v>40340</v>
      </c>
      <c r="AG17" s="295">
        <v>47100</v>
      </c>
      <c r="AH17" s="298">
        <v>403475</v>
      </c>
      <c r="AI17" s="299">
        <v>403475</v>
      </c>
      <c r="AJ17" s="294">
        <v>0</v>
      </c>
      <c r="AK17" s="295">
        <v>0</v>
      </c>
      <c r="AL17" s="296">
        <v>0</v>
      </c>
      <c r="AM17" s="300"/>
      <c r="AN17" s="295">
        <v>0</v>
      </c>
      <c r="AO17" s="295">
        <v>0</v>
      </c>
      <c r="AP17" s="295">
        <v>0</v>
      </c>
      <c r="AQ17" s="295">
        <v>0</v>
      </c>
      <c r="AR17" s="295">
        <v>0</v>
      </c>
      <c r="AS17" s="298">
        <v>0</v>
      </c>
      <c r="AT17" s="299">
        <v>0</v>
      </c>
      <c r="AU17" s="294">
        <v>0</v>
      </c>
      <c r="AV17" s="295">
        <v>0</v>
      </c>
      <c r="AW17" s="296">
        <v>0</v>
      </c>
      <c r="AX17" s="300"/>
      <c r="AY17" s="295">
        <v>0</v>
      </c>
      <c r="AZ17" s="295">
        <v>0</v>
      </c>
      <c r="BA17" s="295">
        <v>0</v>
      </c>
      <c r="BB17" s="295">
        <v>0</v>
      </c>
      <c r="BC17" s="295">
        <v>0</v>
      </c>
      <c r="BD17" s="298">
        <v>0</v>
      </c>
      <c r="BE17" s="299">
        <v>0</v>
      </c>
      <c r="BF17" s="294">
        <v>0</v>
      </c>
      <c r="BG17" s="295">
        <v>0</v>
      </c>
      <c r="BH17" s="296">
        <v>0</v>
      </c>
      <c r="BI17" s="300"/>
      <c r="BJ17" s="295">
        <v>0</v>
      </c>
      <c r="BK17" s="295">
        <v>0</v>
      </c>
      <c r="BL17" s="295">
        <v>0</v>
      </c>
      <c r="BM17" s="295">
        <v>0</v>
      </c>
      <c r="BN17" s="295">
        <v>0</v>
      </c>
      <c r="BO17" s="298">
        <v>0</v>
      </c>
      <c r="BP17" s="299">
        <v>0</v>
      </c>
      <c r="BQ17" s="294">
        <v>0</v>
      </c>
      <c r="BR17" s="295">
        <v>0</v>
      </c>
      <c r="BS17" s="296">
        <v>0</v>
      </c>
      <c r="BT17" s="297">
        <v>0</v>
      </c>
      <c r="BU17" s="295">
        <v>4655</v>
      </c>
      <c r="BV17" s="295">
        <v>15040</v>
      </c>
      <c r="BW17" s="295">
        <v>33411</v>
      </c>
      <c r="BX17" s="295">
        <v>31190</v>
      </c>
      <c r="BY17" s="295">
        <v>4940</v>
      </c>
      <c r="BZ17" s="298">
        <v>89236</v>
      </c>
      <c r="CA17" s="299">
        <v>89236</v>
      </c>
      <c r="CB17" s="294">
        <v>0</v>
      </c>
      <c r="CC17" s="295">
        <v>0</v>
      </c>
      <c r="CD17" s="296">
        <v>0</v>
      </c>
      <c r="CE17" s="297">
        <v>0</v>
      </c>
      <c r="CF17" s="295">
        <v>0</v>
      </c>
      <c r="CG17" s="295">
        <v>2465</v>
      </c>
      <c r="CH17" s="295">
        <v>870</v>
      </c>
      <c r="CI17" s="295">
        <v>1243</v>
      </c>
      <c r="CJ17" s="295">
        <v>0</v>
      </c>
      <c r="CK17" s="298">
        <v>4578</v>
      </c>
      <c r="CL17" s="299">
        <v>4578</v>
      </c>
      <c r="CM17" s="294">
        <v>0</v>
      </c>
      <c r="CN17" s="295">
        <v>0</v>
      </c>
      <c r="CO17" s="296">
        <v>0</v>
      </c>
      <c r="CP17" s="297">
        <v>0</v>
      </c>
      <c r="CQ17" s="295">
        <v>0</v>
      </c>
      <c r="CR17" s="295">
        <v>0</v>
      </c>
      <c r="CS17" s="295">
        <v>0</v>
      </c>
      <c r="CT17" s="295">
        <v>0</v>
      </c>
      <c r="CU17" s="295">
        <v>0</v>
      </c>
      <c r="CV17" s="298">
        <v>0</v>
      </c>
      <c r="CW17" s="299">
        <v>0</v>
      </c>
      <c r="CX17" s="294">
        <v>0</v>
      </c>
      <c r="CY17" s="295">
        <v>0</v>
      </c>
      <c r="CZ17" s="296">
        <v>0</v>
      </c>
      <c r="DA17" s="300"/>
      <c r="DB17" s="295">
        <v>0</v>
      </c>
      <c r="DC17" s="295">
        <v>0</v>
      </c>
      <c r="DD17" s="295">
        <v>0</v>
      </c>
      <c r="DE17" s="295">
        <v>0</v>
      </c>
      <c r="DF17" s="295">
        <v>0</v>
      </c>
      <c r="DG17" s="298">
        <v>0</v>
      </c>
      <c r="DH17" s="299">
        <v>0</v>
      </c>
      <c r="DI17" s="294">
        <v>0</v>
      </c>
      <c r="DJ17" s="295">
        <v>0</v>
      </c>
      <c r="DK17" s="296">
        <v>0</v>
      </c>
      <c r="DL17" s="297">
        <v>0</v>
      </c>
      <c r="DM17" s="295">
        <v>47944</v>
      </c>
      <c r="DN17" s="295">
        <v>46421</v>
      </c>
      <c r="DO17" s="295">
        <v>672748</v>
      </c>
      <c r="DP17" s="295">
        <v>1023380</v>
      </c>
      <c r="DQ17" s="295">
        <v>835598</v>
      </c>
      <c r="DR17" s="298">
        <v>2626091</v>
      </c>
      <c r="DS17" s="301">
        <v>2626091</v>
      </c>
      <c r="DT17" s="294">
        <v>0</v>
      </c>
      <c r="DU17" s="295">
        <v>0</v>
      </c>
      <c r="DV17" s="296">
        <v>0</v>
      </c>
      <c r="DW17" s="300"/>
      <c r="DX17" s="295">
        <v>20880</v>
      </c>
      <c r="DY17" s="295">
        <v>26448</v>
      </c>
      <c r="DZ17" s="295">
        <v>567969</v>
      </c>
      <c r="EA17" s="295">
        <v>939443</v>
      </c>
      <c r="EB17" s="295">
        <v>763403</v>
      </c>
      <c r="EC17" s="298">
        <v>2318143</v>
      </c>
      <c r="ED17" s="299">
        <v>2318143</v>
      </c>
      <c r="EE17" s="294">
        <v>0</v>
      </c>
      <c r="EF17" s="295">
        <v>0</v>
      </c>
      <c r="EG17" s="296">
        <v>0</v>
      </c>
      <c r="EH17" s="300"/>
      <c r="EI17" s="295">
        <v>11391</v>
      </c>
      <c r="EJ17" s="295">
        <v>1526</v>
      </c>
      <c r="EK17" s="295">
        <v>37650</v>
      </c>
      <c r="EL17" s="295">
        <v>1365</v>
      </c>
      <c r="EM17" s="295">
        <v>33030</v>
      </c>
      <c r="EN17" s="298">
        <v>84962</v>
      </c>
      <c r="EO17" s="299">
        <v>84962</v>
      </c>
      <c r="EP17" s="294">
        <v>0</v>
      </c>
      <c r="EQ17" s="295">
        <v>0</v>
      </c>
      <c r="ER17" s="296">
        <v>0</v>
      </c>
      <c r="ES17" s="300"/>
      <c r="ET17" s="295">
        <v>0</v>
      </c>
      <c r="EU17" s="295">
        <v>0</v>
      </c>
      <c r="EV17" s="295">
        <v>0</v>
      </c>
      <c r="EW17" s="295">
        <v>0</v>
      </c>
      <c r="EX17" s="295">
        <v>0</v>
      </c>
      <c r="EY17" s="298">
        <v>0</v>
      </c>
      <c r="EZ17" s="299">
        <v>0</v>
      </c>
      <c r="FA17" s="294">
        <v>0</v>
      </c>
      <c r="FB17" s="295">
        <v>0</v>
      </c>
      <c r="FC17" s="296">
        <v>0</v>
      </c>
      <c r="FD17" s="300"/>
      <c r="FE17" s="295">
        <v>0</v>
      </c>
      <c r="FF17" s="295">
        <v>0</v>
      </c>
      <c r="FG17" s="295">
        <v>0</v>
      </c>
      <c r="FH17" s="295">
        <v>0</v>
      </c>
      <c r="FI17" s="295">
        <v>0</v>
      </c>
      <c r="FJ17" s="298">
        <v>0</v>
      </c>
      <c r="FK17" s="299">
        <v>0</v>
      </c>
      <c r="FL17" s="294">
        <v>0</v>
      </c>
      <c r="FM17" s="295">
        <v>0</v>
      </c>
      <c r="FN17" s="296">
        <v>0</v>
      </c>
      <c r="FO17" s="300"/>
      <c r="FP17" s="295">
        <v>0</v>
      </c>
      <c r="FQ17" s="295">
        <v>0</v>
      </c>
      <c r="FR17" s="295">
        <v>0</v>
      </c>
      <c r="FS17" s="295">
        <v>0</v>
      </c>
      <c r="FT17" s="295">
        <v>0</v>
      </c>
      <c r="FU17" s="298">
        <v>0</v>
      </c>
      <c r="FV17" s="299">
        <v>0</v>
      </c>
      <c r="FW17" s="294">
        <v>0</v>
      </c>
      <c r="FX17" s="295">
        <v>0</v>
      </c>
      <c r="FY17" s="296">
        <v>0</v>
      </c>
      <c r="FZ17" s="297">
        <v>0</v>
      </c>
      <c r="GA17" s="295">
        <v>15673</v>
      </c>
      <c r="GB17" s="295">
        <v>18321</v>
      </c>
      <c r="GC17" s="295">
        <v>67073</v>
      </c>
      <c r="GD17" s="295">
        <v>77672</v>
      </c>
      <c r="GE17" s="295">
        <v>39165</v>
      </c>
      <c r="GF17" s="298">
        <v>217904</v>
      </c>
      <c r="GG17" s="299">
        <v>217904</v>
      </c>
      <c r="GH17" s="294">
        <v>0</v>
      </c>
      <c r="GI17" s="295">
        <v>0</v>
      </c>
      <c r="GJ17" s="296">
        <v>0</v>
      </c>
      <c r="GK17" s="297">
        <v>0</v>
      </c>
      <c r="GL17" s="295">
        <v>0</v>
      </c>
      <c r="GM17" s="295">
        <v>126</v>
      </c>
      <c r="GN17" s="295">
        <v>56</v>
      </c>
      <c r="GO17" s="295">
        <v>4900</v>
      </c>
      <c r="GP17" s="295">
        <v>0</v>
      </c>
      <c r="GQ17" s="298">
        <v>5082</v>
      </c>
      <c r="GR17" s="299">
        <v>5082</v>
      </c>
      <c r="GS17" s="294">
        <v>0</v>
      </c>
      <c r="GT17" s="295">
        <v>0</v>
      </c>
      <c r="GU17" s="296">
        <v>0</v>
      </c>
      <c r="GV17" s="297">
        <v>0</v>
      </c>
      <c r="GW17" s="295">
        <v>0</v>
      </c>
      <c r="GX17" s="295">
        <v>0</v>
      </c>
      <c r="GY17" s="295">
        <v>0</v>
      </c>
      <c r="GZ17" s="295">
        <v>0</v>
      </c>
      <c r="HA17" s="295">
        <v>0</v>
      </c>
      <c r="HB17" s="298">
        <v>0</v>
      </c>
      <c r="HC17" s="299">
        <v>0</v>
      </c>
      <c r="HD17" s="294">
        <v>0</v>
      </c>
      <c r="HE17" s="295">
        <v>0</v>
      </c>
      <c r="HF17" s="296">
        <v>0</v>
      </c>
      <c r="HG17" s="300"/>
      <c r="HH17" s="295">
        <v>0</v>
      </c>
      <c r="HI17" s="295">
        <v>0</v>
      </c>
      <c r="HJ17" s="295">
        <v>0</v>
      </c>
      <c r="HK17" s="295">
        <v>0</v>
      </c>
      <c r="HL17" s="295">
        <v>0</v>
      </c>
      <c r="HM17" s="298">
        <v>0</v>
      </c>
      <c r="HN17" s="299">
        <v>0</v>
      </c>
      <c r="HO17" s="294">
        <v>0</v>
      </c>
      <c r="HP17" s="295">
        <v>0</v>
      </c>
      <c r="HQ17" s="296">
        <v>0</v>
      </c>
      <c r="HR17" s="297">
        <v>0</v>
      </c>
      <c r="HS17" s="295">
        <v>94619</v>
      </c>
      <c r="HT17" s="295">
        <v>177011</v>
      </c>
      <c r="HU17" s="295">
        <v>1282514</v>
      </c>
      <c r="HV17" s="295">
        <v>1945934</v>
      </c>
      <c r="HW17" s="295">
        <v>1538133</v>
      </c>
      <c r="HX17" s="298">
        <v>5038211</v>
      </c>
      <c r="HY17" s="299">
        <v>5038211</v>
      </c>
    </row>
    <row r="18" spans="2:233" ht="21" customHeight="1" x14ac:dyDescent="0.2">
      <c r="B18" s="292" t="s">
        <v>15</v>
      </c>
      <c r="C18" s="294">
        <v>0</v>
      </c>
      <c r="D18" s="295">
        <v>0</v>
      </c>
      <c r="E18" s="296">
        <v>0</v>
      </c>
      <c r="F18" s="297">
        <v>0</v>
      </c>
      <c r="G18" s="295">
        <v>238840</v>
      </c>
      <c r="H18" s="295">
        <v>540944</v>
      </c>
      <c r="I18" s="295">
        <v>1490842</v>
      </c>
      <c r="J18" s="295">
        <v>2051635</v>
      </c>
      <c r="K18" s="295">
        <v>1414453</v>
      </c>
      <c r="L18" s="298">
        <v>5736714</v>
      </c>
      <c r="M18" s="299">
        <v>5736714</v>
      </c>
      <c r="N18" s="294">
        <v>0</v>
      </c>
      <c r="O18" s="295">
        <v>0</v>
      </c>
      <c r="P18" s="296">
        <v>0</v>
      </c>
      <c r="Q18" s="300"/>
      <c r="R18" s="295">
        <v>0</v>
      </c>
      <c r="S18" s="295">
        <v>34350</v>
      </c>
      <c r="T18" s="295">
        <v>863125</v>
      </c>
      <c r="U18" s="295">
        <v>1250545</v>
      </c>
      <c r="V18" s="295">
        <v>1081990</v>
      </c>
      <c r="W18" s="298">
        <v>3230010</v>
      </c>
      <c r="X18" s="299">
        <v>3230010</v>
      </c>
      <c r="Y18" s="294">
        <v>0</v>
      </c>
      <c r="Z18" s="295">
        <v>0</v>
      </c>
      <c r="AA18" s="296">
        <v>0</v>
      </c>
      <c r="AB18" s="300"/>
      <c r="AC18" s="295">
        <v>237970</v>
      </c>
      <c r="AD18" s="295">
        <v>472255</v>
      </c>
      <c r="AE18" s="295">
        <v>404930</v>
      </c>
      <c r="AF18" s="295">
        <v>531475</v>
      </c>
      <c r="AG18" s="295">
        <v>146100</v>
      </c>
      <c r="AH18" s="298">
        <v>1792730</v>
      </c>
      <c r="AI18" s="299">
        <v>1792730</v>
      </c>
      <c r="AJ18" s="294">
        <v>0</v>
      </c>
      <c r="AK18" s="295">
        <v>0</v>
      </c>
      <c r="AL18" s="296">
        <v>0</v>
      </c>
      <c r="AM18" s="300"/>
      <c r="AN18" s="295">
        <v>0</v>
      </c>
      <c r="AO18" s="295">
        <v>0</v>
      </c>
      <c r="AP18" s="295">
        <v>0</v>
      </c>
      <c r="AQ18" s="295">
        <v>0</v>
      </c>
      <c r="AR18" s="295">
        <v>2550</v>
      </c>
      <c r="AS18" s="298">
        <v>2550</v>
      </c>
      <c r="AT18" s="299">
        <v>2550</v>
      </c>
      <c r="AU18" s="294">
        <v>0</v>
      </c>
      <c r="AV18" s="295">
        <v>0</v>
      </c>
      <c r="AW18" s="296">
        <v>0</v>
      </c>
      <c r="AX18" s="300"/>
      <c r="AY18" s="295">
        <v>0</v>
      </c>
      <c r="AZ18" s="295">
        <v>0</v>
      </c>
      <c r="BA18" s="295">
        <v>0</v>
      </c>
      <c r="BB18" s="295">
        <v>0</v>
      </c>
      <c r="BC18" s="295">
        <v>0</v>
      </c>
      <c r="BD18" s="298">
        <v>0</v>
      </c>
      <c r="BE18" s="299">
        <v>0</v>
      </c>
      <c r="BF18" s="294">
        <v>0</v>
      </c>
      <c r="BG18" s="295">
        <v>0</v>
      </c>
      <c r="BH18" s="296">
        <v>0</v>
      </c>
      <c r="BI18" s="300"/>
      <c r="BJ18" s="295">
        <v>0</v>
      </c>
      <c r="BK18" s="295">
        <v>0</v>
      </c>
      <c r="BL18" s="295">
        <v>110715</v>
      </c>
      <c r="BM18" s="295">
        <v>76050</v>
      </c>
      <c r="BN18" s="295">
        <v>60175</v>
      </c>
      <c r="BO18" s="298">
        <v>246940</v>
      </c>
      <c r="BP18" s="299">
        <v>246940</v>
      </c>
      <c r="BQ18" s="294">
        <v>0</v>
      </c>
      <c r="BR18" s="295">
        <v>0</v>
      </c>
      <c r="BS18" s="296">
        <v>0</v>
      </c>
      <c r="BT18" s="297">
        <v>0</v>
      </c>
      <c r="BU18" s="295">
        <v>870</v>
      </c>
      <c r="BV18" s="295">
        <v>32599</v>
      </c>
      <c r="BW18" s="295">
        <v>109331</v>
      </c>
      <c r="BX18" s="295">
        <v>180594</v>
      </c>
      <c r="BY18" s="295">
        <v>123638</v>
      </c>
      <c r="BZ18" s="298">
        <v>447032</v>
      </c>
      <c r="CA18" s="299">
        <v>447032</v>
      </c>
      <c r="CB18" s="294">
        <v>0</v>
      </c>
      <c r="CC18" s="295">
        <v>0</v>
      </c>
      <c r="CD18" s="296">
        <v>0</v>
      </c>
      <c r="CE18" s="297">
        <v>0</v>
      </c>
      <c r="CF18" s="295">
        <v>0</v>
      </c>
      <c r="CG18" s="295">
        <v>1740</v>
      </c>
      <c r="CH18" s="295">
        <v>2741</v>
      </c>
      <c r="CI18" s="295">
        <v>12971</v>
      </c>
      <c r="CJ18" s="295">
        <v>0</v>
      </c>
      <c r="CK18" s="298">
        <v>17452</v>
      </c>
      <c r="CL18" s="299">
        <v>17452</v>
      </c>
      <c r="CM18" s="294">
        <v>0</v>
      </c>
      <c r="CN18" s="295">
        <v>0</v>
      </c>
      <c r="CO18" s="296">
        <v>0</v>
      </c>
      <c r="CP18" s="297">
        <v>0</v>
      </c>
      <c r="CQ18" s="295">
        <v>0</v>
      </c>
      <c r="CR18" s="295">
        <v>0</v>
      </c>
      <c r="CS18" s="295">
        <v>0</v>
      </c>
      <c r="CT18" s="295">
        <v>0</v>
      </c>
      <c r="CU18" s="295">
        <v>0</v>
      </c>
      <c r="CV18" s="298">
        <v>0</v>
      </c>
      <c r="CW18" s="299">
        <v>0</v>
      </c>
      <c r="CX18" s="294">
        <v>0</v>
      </c>
      <c r="CY18" s="295">
        <v>0</v>
      </c>
      <c r="CZ18" s="296">
        <v>0</v>
      </c>
      <c r="DA18" s="300"/>
      <c r="DB18" s="295">
        <v>0</v>
      </c>
      <c r="DC18" s="295">
        <v>0</v>
      </c>
      <c r="DD18" s="295">
        <v>0</v>
      </c>
      <c r="DE18" s="295">
        <v>0</v>
      </c>
      <c r="DF18" s="295">
        <v>0</v>
      </c>
      <c r="DG18" s="298">
        <v>0</v>
      </c>
      <c r="DH18" s="299">
        <v>0</v>
      </c>
      <c r="DI18" s="294">
        <v>0</v>
      </c>
      <c r="DJ18" s="295">
        <v>0</v>
      </c>
      <c r="DK18" s="296">
        <v>0</v>
      </c>
      <c r="DL18" s="297">
        <v>0</v>
      </c>
      <c r="DM18" s="295">
        <v>16084</v>
      </c>
      <c r="DN18" s="295">
        <v>124918</v>
      </c>
      <c r="DO18" s="295">
        <v>1459713</v>
      </c>
      <c r="DP18" s="295">
        <v>1852907</v>
      </c>
      <c r="DQ18" s="295">
        <v>1418658</v>
      </c>
      <c r="DR18" s="298">
        <v>4872280</v>
      </c>
      <c r="DS18" s="301">
        <v>4872280</v>
      </c>
      <c r="DT18" s="294">
        <v>0</v>
      </c>
      <c r="DU18" s="295">
        <v>0</v>
      </c>
      <c r="DV18" s="296">
        <v>0</v>
      </c>
      <c r="DW18" s="300"/>
      <c r="DX18" s="295">
        <v>0</v>
      </c>
      <c r="DY18" s="295">
        <v>25650</v>
      </c>
      <c r="DZ18" s="295">
        <v>991605</v>
      </c>
      <c r="EA18" s="295">
        <v>1395070</v>
      </c>
      <c r="EB18" s="295">
        <v>1151332</v>
      </c>
      <c r="EC18" s="298">
        <v>3563657</v>
      </c>
      <c r="ED18" s="299">
        <v>3563657</v>
      </c>
      <c r="EE18" s="294">
        <v>0</v>
      </c>
      <c r="EF18" s="295">
        <v>0</v>
      </c>
      <c r="EG18" s="296">
        <v>0</v>
      </c>
      <c r="EH18" s="300"/>
      <c r="EI18" s="295">
        <v>13627</v>
      </c>
      <c r="EJ18" s="295">
        <v>65518</v>
      </c>
      <c r="EK18" s="295">
        <v>25260</v>
      </c>
      <c r="EL18" s="295">
        <v>38997</v>
      </c>
      <c r="EM18" s="295">
        <v>33496</v>
      </c>
      <c r="EN18" s="298">
        <v>176898</v>
      </c>
      <c r="EO18" s="299">
        <v>176898</v>
      </c>
      <c r="EP18" s="294">
        <v>0</v>
      </c>
      <c r="EQ18" s="295">
        <v>0</v>
      </c>
      <c r="ER18" s="296">
        <v>0</v>
      </c>
      <c r="ES18" s="300"/>
      <c r="ET18" s="295">
        <v>0</v>
      </c>
      <c r="EU18" s="295">
        <v>0</v>
      </c>
      <c r="EV18" s="295">
        <v>0</v>
      </c>
      <c r="EW18" s="295">
        <v>0</v>
      </c>
      <c r="EX18" s="295">
        <v>210</v>
      </c>
      <c r="EY18" s="298">
        <v>210</v>
      </c>
      <c r="EZ18" s="299">
        <v>210</v>
      </c>
      <c r="FA18" s="294">
        <v>0</v>
      </c>
      <c r="FB18" s="295">
        <v>0</v>
      </c>
      <c r="FC18" s="296">
        <v>0</v>
      </c>
      <c r="FD18" s="300"/>
      <c r="FE18" s="295">
        <v>0</v>
      </c>
      <c r="FF18" s="295">
        <v>0</v>
      </c>
      <c r="FG18" s="295">
        <v>0</v>
      </c>
      <c r="FH18" s="295">
        <v>0</v>
      </c>
      <c r="FI18" s="295">
        <v>0</v>
      </c>
      <c r="FJ18" s="298">
        <v>0</v>
      </c>
      <c r="FK18" s="299">
        <v>0</v>
      </c>
      <c r="FL18" s="294">
        <v>0</v>
      </c>
      <c r="FM18" s="295">
        <v>0</v>
      </c>
      <c r="FN18" s="296">
        <v>0</v>
      </c>
      <c r="FO18" s="300"/>
      <c r="FP18" s="295">
        <v>0</v>
      </c>
      <c r="FQ18" s="295">
        <v>0</v>
      </c>
      <c r="FR18" s="295">
        <v>195132</v>
      </c>
      <c r="FS18" s="295">
        <v>175560</v>
      </c>
      <c r="FT18" s="295">
        <v>94740</v>
      </c>
      <c r="FU18" s="298">
        <v>465432</v>
      </c>
      <c r="FV18" s="299">
        <v>465432</v>
      </c>
      <c r="FW18" s="294">
        <v>0</v>
      </c>
      <c r="FX18" s="295">
        <v>0</v>
      </c>
      <c r="FY18" s="296">
        <v>0</v>
      </c>
      <c r="FZ18" s="297">
        <v>0</v>
      </c>
      <c r="GA18" s="295">
        <v>2457</v>
      </c>
      <c r="GB18" s="295">
        <v>32599</v>
      </c>
      <c r="GC18" s="295">
        <v>244494</v>
      </c>
      <c r="GD18" s="295">
        <v>243168</v>
      </c>
      <c r="GE18" s="295">
        <v>138880</v>
      </c>
      <c r="GF18" s="298">
        <v>661598</v>
      </c>
      <c r="GG18" s="299">
        <v>661598</v>
      </c>
      <c r="GH18" s="294">
        <v>0</v>
      </c>
      <c r="GI18" s="295">
        <v>0</v>
      </c>
      <c r="GJ18" s="296">
        <v>0</v>
      </c>
      <c r="GK18" s="297">
        <v>0</v>
      </c>
      <c r="GL18" s="295">
        <v>0</v>
      </c>
      <c r="GM18" s="295">
        <v>1151</v>
      </c>
      <c r="GN18" s="295">
        <v>3222</v>
      </c>
      <c r="GO18" s="295">
        <v>112</v>
      </c>
      <c r="GP18" s="295">
        <v>0</v>
      </c>
      <c r="GQ18" s="298">
        <v>4485</v>
      </c>
      <c r="GR18" s="299">
        <v>4485</v>
      </c>
      <c r="GS18" s="294">
        <v>0</v>
      </c>
      <c r="GT18" s="295">
        <v>0</v>
      </c>
      <c r="GU18" s="296">
        <v>0</v>
      </c>
      <c r="GV18" s="297">
        <v>0</v>
      </c>
      <c r="GW18" s="295">
        <v>0</v>
      </c>
      <c r="GX18" s="295">
        <v>0</v>
      </c>
      <c r="GY18" s="295">
        <v>0</v>
      </c>
      <c r="GZ18" s="295">
        <v>0</v>
      </c>
      <c r="HA18" s="295">
        <v>0</v>
      </c>
      <c r="HB18" s="298">
        <v>0</v>
      </c>
      <c r="HC18" s="299">
        <v>0</v>
      </c>
      <c r="HD18" s="294">
        <v>0</v>
      </c>
      <c r="HE18" s="295">
        <v>0</v>
      </c>
      <c r="HF18" s="296">
        <v>0</v>
      </c>
      <c r="HG18" s="300"/>
      <c r="HH18" s="295">
        <v>0</v>
      </c>
      <c r="HI18" s="295">
        <v>0</v>
      </c>
      <c r="HJ18" s="295">
        <v>0</v>
      </c>
      <c r="HK18" s="295">
        <v>0</v>
      </c>
      <c r="HL18" s="295">
        <v>0</v>
      </c>
      <c r="HM18" s="298">
        <v>0</v>
      </c>
      <c r="HN18" s="299">
        <v>0</v>
      </c>
      <c r="HO18" s="294">
        <v>0</v>
      </c>
      <c r="HP18" s="295">
        <v>0</v>
      </c>
      <c r="HQ18" s="296">
        <v>0</v>
      </c>
      <c r="HR18" s="297">
        <v>0</v>
      </c>
      <c r="HS18" s="295">
        <v>254924</v>
      </c>
      <c r="HT18" s="295">
        <v>665862</v>
      </c>
      <c r="HU18" s="295">
        <v>2950555</v>
      </c>
      <c r="HV18" s="295">
        <v>3904542</v>
      </c>
      <c r="HW18" s="295">
        <v>2833111</v>
      </c>
      <c r="HX18" s="298">
        <v>10608994</v>
      </c>
      <c r="HY18" s="299">
        <v>10608994</v>
      </c>
    </row>
    <row r="19" spans="2:233" ht="21" customHeight="1" x14ac:dyDescent="0.2">
      <c r="B19" s="292" t="s">
        <v>16</v>
      </c>
      <c r="C19" s="294">
        <v>0</v>
      </c>
      <c r="D19" s="295">
        <v>0</v>
      </c>
      <c r="E19" s="296">
        <v>0</v>
      </c>
      <c r="F19" s="297">
        <v>0</v>
      </c>
      <c r="G19" s="295">
        <v>329430</v>
      </c>
      <c r="H19" s="295">
        <v>931308</v>
      </c>
      <c r="I19" s="295">
        <v>2731861</v>
      </c>
      <c r="J19" s="295">
        <v>3455467</v>
      </c>
      <c r="K19" s="295">
        <v>2166726</v>
      </c>
      <c r="L19" s="298">
        <v>9614792</v>
      </c>
      <c r="M19" s="299">
        <v>9614792</v>
      </c>
      <c r="N19" s="294">
        <v>0</v>
      </c>
      <c r="O19" s="295">
        <v>0</v>
      </c>
      <c r="P19" s="296">
        <v>0</v>
      </c>
      <c r="Q19" s="300"/>
      <c r="R19" s="295">
        <v>41850</v>
      </c>
      <c r="S19" s="295">
        <v>231900</v>
      </c>
      <c r="T19" s="295">
        <v>1711552</v>
      </c>
      <c r="U19" s="295">
        <v>2223053</v>
      </c>
      <c r="V19" s="295">
        <v>1602829</v>
      </c>
      <c r="W19" s="298">
        <v>5811184</v>
      </c>
      <c r="X19" s="299">
        <v>5811184</v>
      </c>
      <c r="Y19" s="294">
        <v>0</v>
      </c>
      <c r="Z19" s="295">
        <v>0</v>
      </c>
      <c r="AA19" s="296">
        <v>0</v>
      </c>
      <c r="AB19" s="300"/>
      <c r="AC19" s="295">
        <v>212800</v>
      </c>
      <c r="AD19" s="295">
        <v>627168</v>
      </c>
      <c r="AE19" s="295">
        <v>740375</v>
      </c>
      <c r="AF19" s="295">
        <v>859708</v>
      </c>
      <c r="AG19" s="295">
        <v>381228</v>
      </c>
      <c r="AH19" s="298">
        <v>2821279</v>
      </c>
      <c r="AI19" s="299">
        <v>2821279</v>
      </c>
      <c r="AJ19" s="294">
        <v>0</v>
      </c>
      <c r="AK19" s="295">
        <v>0</v>
      </c>
      <c r="AL19" s="296">
        <v>0</v>
      </c>
      <c r="AM19" s="300"/>
      <c r="AN19" s="295">
        <v>0</v>
      </c>
      <c r="AO19" s="295">
        <v>0</v>
      </c>
      <c r="AP19" s="295">
        <v>0</v>
      </c>
      <c r="AQ19" s="295">
        <v>0</v>
      </c>
      <c r="AR19" s="295">
        <v>0</v>
      </c>
      <c r="AS19" s="298">
        <v>0</v>
      </c>
      <c r="AT19" s="299">
        <v>0</v>
      </c>
      <c r="AU19" s="294">
        <v>0</v>
      </c>
      <c r="AV19" s="295">
        <v>0</v>
      </c>
      <c r="AW19" s="296">
        <v>0</v>
      </c>
      <c r="AX19" s="300"/>
      <c r="AY19" s="295">
        <v>34350</v>
      </c>
      <c r="AZ19" s="295">
        <v>0</v>
      </c>
      <c r="BA19" s="295">
        <v>66000</v>
      </c>
      <c r="BB19" s="295">
        <v>139650</v>
      </c>
      <c r="BC19" s="295">
        <v>61605</v>
      </c>
      <c r="BD19" s="298">
        <v>301605</v>
      </c>
      <c r="BE19" s="299">
        <v>301605</v>
      </c>
      <c r="BF19" s="294">
        <v>0</v>
      </c>
      <c r="BG19" s="295">
        <v>0</v>
      </c>
      <c r="BH19" s="296">
        <v>0</v>
      </c>
      <c r="BI19" s="300"/>
      <c r="BJ19" s="295">
        <v>0</v>
      </c>
      <c r="BK19" s="295">
        <v>28950</v>
      </c>
      <c r="BL19" s="295">
        <v>63150</v>
      </c>
      <c r="BM19" s="295">
        <v>104510</v>
      </c>
      <c r="BN19" s="295">
        <v>92250</v>
      </c>
      <c r="BO19" s="298">
        <v>288860</v>
      </c>
      <c r="BP19" s="299">
        <v>288860</v>
      </c>
      <c r="BQ19" s="294">
        <v>0</v>
      </c>
      <c r="BR19" s="295">
        <v>0</v>
      </c>
      <c r="BS19" s="296">
        <v>0</v>
      </c>
      <c r="BT19" s="297">
        <v>0</v>
      </c>
      <c r="BU19" s="295">
        <v>40430</v>
      </c>
      <c r="BV19" s="295">
        <v>42710</v>
      </c>
      <c r="BW19" s="295">
        <v>150194</v>
      </c>
      <c r="BX19" s="295">
        <v>120261</v>
      </c>
      <c r="BY19" s="295">
        <v>28814</v>
      </c>
      <c r="BZ19" s="298">
        <v>382409</v>
      </c>
      <c r="CA19" s="299">
        <v>382409</v>
      </c>
      <c r="CB19" s="294">
        <v>0</v>
      </c>
      <c r="CC19" s="295">
        <v>0</v>
      </c>
      <c r="CD19" s="296">
        <v>0</v>
      </c>
      <c r="CE19" s="297">
        <v>0</v>
      </c>
      <c r="CF19" s="295">
        <v>0</v>
      </c>
      <c r="CG19" s="295">
        <v>580</v>
      </c>
      <c r="CH19" s="295">
        <v>590</v>
      </c>
      <c r="CI19" s="295">
        <v>8285</v>
      </c>
      <c r="CJ19" s="295">
        <v>0</v>
      </c>
      <c r="CK19" s="298">
        <v>9455</v>
      </c>
      <c r="CL19" s="299">
        <v>9455</v>
      </c>
      <c r="CM19" s="294">
        <v>0</v>
      </c>
      <c r="CN19" s="295">
        <v>0</v>
      </c>
      <c r="CO19" s="296">
        <v>0</v>
      </c>
      <c r="CP19" s="297">
        <v>0</v>
      </c>
      <c r="CQ19" s="295">
        <v>0</v>
      </c>
      <c r="CR19" s="295">
        <v>0</v>
      </c>
      <c r="CS19" s="295">
        <v>0</v>
      </c>
      <c r="CT19" s="295">
        <v>0</v>
      </c>
      <c r="CU19" s="295">
        <v>0</v>
      </c>
      <c r="CV19" s="298">
        <v>0</v>
      </c>
      <c r="CW19" s="299">
        <v>0</v>
      </c>
      <c r="CX19" s="294">
        <v>0</v>
      </c>
      <c r="CY19" s="295">
        <v>0</v>
      </c>
      <c r="CZ19" s="296">
        <v>0</v>
      </c>
      <c r="DA19" s="300"/>
      <c r="DB19" s="295">
        <v>0</v>
      </c>
      <c r="DC19" s="295">
        <v>0</v>
      </c>
      <c r="DD19" s="295">
        <v>0</v>
      </c>
      <c r="DE19" s="295">
        <v>0</v>
      </c>
      <c r="DF19" s="295">
        <v>0</v>
      </c>
      <c r="DG19" s="298">
        <v>0</v>
      </c>
      <c r="DH19" s="299">
        <v>0</v>
      </c>
      <c r="DI19" s="294">
        <v>0</v>
      </c>
      <c r="DJ19" s="295">
        <v>0</v>
      </c>
      <c r="DK19" s="296">
        <v>0</v>
      </c>
      <c r="DL19" s="297">
        <v>0</v>
      </c>
      <c r="DM19" s="295">
        <v>316823</v>
      </c>
      <c r="DN19" s="295">
        <v>762298</v>
      </c>
      <c r="DO19" s="295">
        <v>3040056</v>
      </c>
      <c r="DP19" s="295">
        <v>3781124</v>
      </c>
      <c r="DQ19" s="295">
        <v>2212873</v>
      </c>
      <c r="DR19" s="298">
        <v>10113174</v>
      </c>
      <c r="DS19" s="301">
        <v>10113174</v>
      </c>
      <c r="DT19" s="294">
        <v>0</v>
      </c>
      <c r="DU19" s="295">
        <v>0</v>
      </c>
      <c r="DV19" s="296">
        <v>0</v>
      </c>
      <c r="DW19" s="300"/>
      <c r="DX19" s="295">
        <v>74460</v>
      </c>
      <c r="DY19" s="295">
        <v>417611</v>
      </c>
      <c r="DZ19" s="295">
        <v>2382605</v>
      </c>
      <c r="EA19" s="295">
        <v>3146172</v>
      </c>
      <c r="EB19" s="295">
        <v>1930400</v>
      </c>
      <c r="EC19" s="298">
        <v>7951248</v>
      </c>
      <c r="ED19" s="299">
        <v>7951248</v>
      </c>
      <c r="EE19" s="294">
        <v>0</v>
      </c>
      <c r="EF19" s="295">
        <v>0</v>
      </c>
      <c r="EG19" s="296">
        <v>0</v>
      </c>
      <c r="EH19" s="300"/>
      <c r="EI19" s="295">
        <v>183216</v>
      </c>
      <c r="EJ19" s="295">
        <v>208301</v>
      </c>
      <c r="EK19" s="295">
        <v>289167</v>
      </c>
      <c r="EL19" s="295">
        <v>218763</v>
      </c>
      <c r="EM19" s="295">
        <v>69120</v>
      </c>
      <c r="EN19" s="298">
        <v>968567</v>
      </c>
      <c r="EO19" s="299">
        <v>968567</v>
      </c>
      <c r="EP19" s="294">
        <v>0</v>
      </c>
      <c r="EQ19" s="295">
        <v>0</v>
      </c>
      <c r="ER19" s="296">
        <v>0</v>
      </c>
      <c r="ES19" s="300"/>
      <c r="ET19" s="295">
        <v>0</v>
      </c>
      <c r="EU19" s="295">
        <v>0</v>
      </c>
      <c r="EV19" s="295">
        <v>0</v>
      </c>
      <c r="EW19" s="295">
        <v>0</v>
      </c>
      <c r="EX19" s="295">
        <v>0</v>
      </c>
      <c r="EY19" s="298">
        <v>0</v>
      </c>
      <c r="EZ19" s="299">
        <v>0</v>
      </c>
      <c r="FA19" s="294">
        <v>0</v>
      </c>
      <c r="FB19" s="295">
        <v>0</v>
      </c>
      <c r="FC19" s="296">
        <v>0</v>
      </c>
      <c r="FD19" s="300"/>
      <c r="FE19" s="295">
        <v>11310</v>
      </c>
      <c r="FF19" s="295">
        <v>0</v>
      </c>
      <c r="FG19" s="295">
        <v>11520</v>
      </c>
      <c r="FH19" s="295">
        <v>23670</v>
      </c>
      <c r="FI19" s="295">
        <v>11940</v>
      </c>
      <c r="FJ19" s="298">
        <v>58440</v>
      </c>
      <c r="FK19" s="299">
        <v>58440</v>
      </c>
      <c r="FL19" s="294">
        <v>0</v>
      </c>
      <c r="FM19" s="295">
        <v>0</v>
      </c>
      <c r="FN19" s="296">
        <v>0</v>
      </c>
      <c r="FO19" s="300"/>
      <c r="FP19" s="295">
        <v>0</v>
      </c>
      <c r="FQ19" s="295">
        <v>62640</v>
      </c>
      <c r="FR19" s="295">
        <v>119100</v>
      </c>
      <c r="FS19" s="295">
        <v>180154</v>
      </c>
      <c r="FT19" s="295">
        <v>133800</v>
      </c>
      <c r="FU19" s="298">
        <v>495694</v>
      </c>
      <c r="FV19" s="299">
        <v>495694</v>
      </c>
      <c r="FW19" s="294">
        <v>0</v>
      </c>
      <c r="FX19" s="295">
        <v>0</v>
      </c>
      <c r="FY19" s="296">
        <v>0</v>
      </c>
      <c r="FZ19" s="297">
        <v>0</v>
      </c>
      <c r="GA19" s="295">
        <v>47837</v>
      </c>
      <c r="GB19" s="295">
        <v>73704</v>
      </c>
      <c r="GC19" s="295">
        <v>237657</v>
      </c>
      <c r="GD19" s="295">
        <v>200491</v>
      </c>
      <c r="GE19" s="295">
        <v>67613</v>
      </c>
      <c r="GF19" s="298">
        <v>627302</v>
      </c>
      <c r="GG19" s="299">
        <v>627302</v>
      </c>
      <c r="GH19" s="294">
        <v>0</v>
      </c>
      <c r="GI19" s="295">
        <v>0</v>
      </c>
      <c r="GJ19" s="296">
        <v>0</v>
      </c>
      <c r="GK19" s="297">
        <v>0</v>
      </c>
      <c r="GL19" s="295">
        <v>0</v>
      </c>
      <c r="GM19" s="295">
        <v>42</v>
      </c>
      <c r="GN19" s="295">
        <v>7</v>
      </c>
      <c r="GO19" s="295">
        <v>11874</v>
      </c>
      <c r="GP19" s="295">
        <v>0</v>
      </c>
      <c r="GQ19" s="298">
        <v>11923</v>
      </c>
      <c r="GR19" s="299">
        <v>11923</v>
      </c>
      <c r="GS19" s="294">
        <v>0</v>
      </c>
      <c r="GT19" s="295">
        <v>0</v>
      </c>
      <c r="GU19" s="296">
        <v>0</v>
      </c>
      <c r="GV19" s="297">
        <v>0</v>
      </c>
      <c r="GW19" s="295">
        <v>0</v>
      </c>
      <c r="GX19" s="295">
        <v>0</v>
      </c>
      <c r="GY19" s="295">
        <v>0</v>
      </c>
      <c r="GZ19" s="295">
        <v>0</v>
      </c>
      <c r="HA19" s="295">
        <v>0</v>
      </c>
      <c r="HB19" s="298">
        <v>0</v>
      </c>
      <c r="HC19" s="299">
        <v>0</v>
      </c>
      <c r="HD19" s="294">
        <v>0</v>
      </c>
      <c r="HE19" s="295">
        <v>0</v>
      </c>
      <c r="HF19" s="296">
        <v>0</v>
      </c>
      <c r="HG19" s="300"/>
      <c r="HH19" s="295">
        <v>0</v>
      </c>
      <c r="HI19" s="295">
        <v>0</v>
      </c>
      <c r="HJ19" s="295">
        <v>0</v>
      </c>
      <c r="HK19" s="295">
        <v>0</v>
      </c>
      <c r="HL19" s="295">
        <v>0</v>
      </c>
      <c r="HM19" s="298">
        <v>0</v>
      </c>
      <c r="HN19" s="299">
        <v>0</v>
      </c>
      <c r="HO19" s="294">
        <v>0</v>
      </c>
      <c r="HP19" s="295">
        <v>0</v>
      </c>
      <c r="HQ19" s="296">
        <v>0</v>
      </c>
      <c r="HR19" s="297">
        <v>0</v>
      </c>
      <c r="HS19" s="295">
        <v>646253</v>
      </c>
      <c r="HT19" s="295">
        <v>1693606</v>
      </c>
      <c r="HU19" s="295">
        <v>5771917</v>
      </c>
      <c r="HV19" s="295">
        <v>7236591</v>
      </c>
      <c r="HW19" s="295">
        <v>4379599</v>
      </c>
      <c r="HX19" s="298">
        <v>19727966</v>
      </c>
      <c r="HY19" s="299">
        <v>19727966</v>
      </c>
    </row>
    <row r="20" spans="2:233" ht="21" customHeight="1" x14ac:dyDescent="0.2">
      <c r="B20" s="292" t="s">
        <v>17</v>
      </c>
      <c r="C20" s="294">
        <v>0</v>
      </c>
      <c r="D20" s="295">
        <v>0</v>
      </c>
      <c r="E20" s="296">
        <v>0</v>
      </c>
      <c r="F20" s="297">
        <v>0</v>
      </c>
      <c r="G20" s="295">
        <v>195610</v>
      </c>
      <c r="H20" s="295">
        <v>892785</v>
      </c>
      <c r="I20" s="295">
        <v>2811835</v>
      </c>
      <c r="J20" s="295">
        <v>3028250</v>
      </c>
      <c r="K20" s="295">
        <v>2658075</v>
      </c>
      <c r="L20" s="298">
        <v>9586555</v>
      </c>
      <c r="M20" s="299">
        <v>9586555</v>
      </c>
      <c r="N20" s="294">
        <v>0</v>
      </c>
      <c r="O20" s="295">
        <v>0</v>
      </c>
      <c r="P20" s="296">
        <v>0</v>
      </c>
      <c r="Q20" s="300"/>
      <c r="R20" s="295">
        <v>28950</v>
      </c>
      <c r="S20" s="295">
        <v>209180</v>
      </c>
      <c r="T20" s="295">
        <v>1598625</v>
      </c>
      <c r="U20" s="295">
        <v>2222965</v>
      </c>
      <c r="V20" s="295">
        <v>1912580</v>
      </c>
      <c r="W20" s="298">
        <v>5972300</v>
      </c>
      <c r="X20" s="299">
        <v>5972300</v>
      </c>
      <c r="Y20" s="294">
        <v>0</v>
      </c>
      <c r="Z20" s="295">
        <v>0</v>
      </c>
      <c r="AA20" s="296">
        <v>0</v>
      </c>
      <c r="AB20" s="300"/>
      <c r="AC20" s="295">
        <v>133245</v>
      </c>
      <c r="AD20" s="295">
        <v>510755</v>
      </c>
      <c r="AE20" s="295">
        <v>853530</v>
      </c>
      <c r="AF20" s="295">
        <v>387915</v>
      </c>
      <c r="AG20" s="295">
        <v>238865</v>
      </c>
      <c r="AH20" s="298">
        <v>2124310</v>
      </c>
      <c r="AI20" s="299">
        <v>2124310</v>
      </c>
      <c r="AJ20" s="294">
        <v>0</v>
      </c>
      <c r="AK20" s="295">
        <v>0</v>
      </c>
      <c r="AL20" s="296">
        <v>0</v>
      </c>
      <c r="AM20" s="300"/>
      <c r="AN20" s="295">
        <v>0</v>
      </c>
      <c r="AO20" s="295">
        <v>0</v>
      </c>
      <c r="AP20" s="295">
        <v>0</v>
      </c>
      <c r="AQ20" s="295">
        <v>0</v>
      </c>
      <c r="AR20" s="295">
        <v>34200</v>
      </c>
      <c r="AS20" s="298">
        <v>34200</v>
      </c>
      <c r="AT20" s="299">
        <v>34200</v>
      </c>
      <c r="AU20" s="294">
        <v>0</v>
      </c>
      <c r="AV20" s="295">
        <v>0</v>
      </c>
      <c r="AW20" s="296">
        <v>0</v>
      </c>
      <c r="AX20" s="300"/>
      <c r="AY20" s="295">
        <v>0</v>
      </c>
      <c r="AZ20" s="295">
        <v>0</v>
      </c>
      <c r="BA20" s="295">
        <v>0</v>
      </c>
      <c r="BB20" s="295">
        <v>2295</v>
      </c>
      <c r="BC20" s="295">
        <v>43110</v>
      </c>
      <c r="BD20" s="298">
        <v>45405</v>
      </c>
      <c r="BE20" s="299">
        <v>45405</v>
      </c>
      <c r="BF20" s="294">
        <v>0</v>
      </c>
      <c r="BG20" s="295">
        <v>0</v>
      </c>
      <c r="BH20" s="296">
        <v>0</v>
      </c>
      <c r="BI20" s="300"/>
      <c r="BJ20" s="295">
        <v>0</v>
      </c>
      <c r="BK20" s="295">
        <v>2550</v>
      </c>
      <c r="BL20" s="295">
        <v>173635</v>
      </c>
      <c r="BM20" s="295">
        <v>191775</v>
      </c>
      <c r="BN20" s="295">
        <v>268200</v>
      </c>
      <c r="BO20" s="298">
        <v>636160</v>
      </c>
      <c r="BP20" s="299">
        <v>636160</v>
      </c>
      <c r="BQ20" s="294">
        <v>0</v>
      </c>
      <c r="BR20" s="295">
        <v>0</v>
      </c>
      <c r="BS20" s="296">
        <v>0</v>
      </c>
      <c r="BT20" s="297">
        <v>0</v>
      </c>
      <c r="BU20" s="295">
        <v>30910</v>
      </c>
      <c r="BV20" s="295">
        <v>151970</v>
      </c>
      <c r="BW20" s="295">
        <v>184595</v>
      </c>
      <c r="BX20" s="295">
        <v>223300</v>
      </c>
      <c r="BY20" s="295">
        <v>92570</v>
      </c>
      <c r="BZ20" s="298">
        <v>683345</v>
      </c>
      <c r="CA20" s="299">
        <v>683345</v>
      </c>
      <c r="CB20" s="294">
        <v>0</v>
      </c>
      <c r="CC20" s="295">
        <v>0</v>
      </c>
      <c r="CD20" s="296">
        <v>0</v>
      </c>
      <c r="CE20" s="297">
        <v>0</v>
      </c>
      <c r="CF20" s="295">
        <v>2505</v>
      </c>
      <c r="CG20" s="295">
        <v>18330</v>
      </c>
      <c r="CH20" s="295">
        <v>1450</v>
      </c>
      <c r="CI20" s="295">
        <v>0</v>
      </c>
      <c r="CJ20" s="295">
        <v>68550</v>
      </c>
      <c r="CK20" s="298">
        <v>90835</v>
      </c>
      <c r="CL20" s="299">
        <v>90835</v>
      </c>
      <c r="CM20" s="294">
        <v>0</v>
      </c>
      <c r="CN20" s="295">
        <v>0</v>
      </c>
      <c r="CO20" s="296">
        <v>0</v>
      </c>
      <c r="CP20" s="297">
        <v>0</v>
      </c>
      <c r="CQ20" s="295">
        <v>0</v>
      </c>
      <c r="CR20" s="295">
        <v>0</v>
      </c>
      <c r="CS20" s="295">
        <v>0</v>
      </c>
      <c r="CT20" s="295">
        <v>0</v>
      </c>
      <c r="CU20" s="295">
        <v>0</v>
      </c>
      <c r="CV20" s="298">
        <v>0</v>
      </c>
      <c r="CW20" s="299">
        <v>0</v>
      </c>
      <c r="CX20" s="294">
        <v>0</v>
      </c>
      <c r="CY20" s="295">
        <v>0</v>
      </c>
      <c r="CZ20" s="296">
        <v>0</v>
      </c>
      <c r="DA20" s="300"/>
      <c r="DB20" s="295">
        <v>0</v>
      </c>
      <c r="DC20" s="295">
        <v>0</v>
      </c>
      <c r="DD20" s="295">
        <v>0</v>
      </c>
      <c r="DE20" s="295">
        <v>0</v>
      </c>
      <c r="DF20" s="295">
        <v>0</v>
      </c>
      <c r="DG20" s="298">
        <v>0</v>
      </c>
      <c r="DH20" s="299">
        <v>0</v>
      </c>
      <c r="DI20" s="294">
        <v>0</v>
      </c>
      <c r="DJ20" s="295">
        <v>0</v>
      </c>
      <c r="DK20" s="296">
        <v>0</v>
      </c>
      <c r="DL20" s="297">
        <v>0</v>
      </c>
      <c r="DM20" s="295">
        <v>100226</v>
      </c>
      <c r="DN20" s="295">
        <v>422965</v>
      </c>
      <c r="DO20" s="295">
        <v>2934653</v>
      </c>
      <c r="DP20" s="295">
        <v>3598084</v>
      </c>
      <c r="DQ20" s="295">
        <v>2875185</v>
      </c>
      <c r="DR20" s="298">
        <v>9931113</v>
      </c>
      <c r="DS20" s="301">
        <v>9931113</v>
      </c>
      <c r="DT20" s="294">
        <v>0</v>
      </c>
      <c r="DU20" s="295">
        <v>0</v>
      </c>
      <c r="DV20" s="296">
        <v>0</v>
      </c>
      <c r="DW20" s="300"/>
      <c r="DX20" s="295">
        <v>56310</v>
      </c>
      <c r="DY20" s="295">
        <v>209897</v>
      </c>
      <c r="DZ20" s="295">
        <v>2317352</v>
      </c>
      <c r="EA20" s="295">
        <v>3037598</v>
      </c>
      <c r="EB20" s="295">
        <v>2278897</v>
      </c>
      <c r="EC20" s="298">
        <v>7900054</v>
      </c>
      <c r="ED20" s="299">
        <v>7900054</v>
      </c>
      <c r="EE20" s="294">
        <v>0</v>
      </c>
      <c r="EF20" s="295">
        <v>0</v>
      </c>
      <c r="EG20" s="296">
        <v>0</v>
      </c>
      <c r="EH20" s="300"/>
      <c r="EI20" s="295">
        <v>1750</v>
      </c>
      <c r="EJ20" s="295">
        <v>29071</v>
      </c>
      <c r="EK20" s="295">
        <v>54442</v>
      </c>
      <c r="EL20" s="295">
        <v>27966</v>
      </c>
      <c r="EM20" s="295">
        <v>37499</v>
      </c>
      <c r="EN20" s="298">
        <v>150728</v>
      </c>
      <c r="EO20" s="299">
        <v>150728</v>
      </c>
      <c r="EP20" s="294">
        <v>0</v>
      </c>
      <c r="EQ20" s="295">
        <v>0</v>
      </c>
      <c r="ER20" s="296">
        <v>0</v>
      </c>
      <c r="ES20" s="300"/>
      <c r="ET20" s="295">
        <v>0</v>
      </c>
      <c r="EU20" s="295">
        <v>0</v>
      </c>
      <c r="EV20" s="295">
        <v>0</v>
      </c>
      <c r="EW20" s="295">
        <v>0</v>
      </c>
      <c r="EX20" s="295">
        <v>210</v>
      </c>
      <c r="EY20" s="298">
        <v>210</v>
      </c>
      <c r="EZ20" s="299">
        <v>210</v>
      </c>
      <c r="FA20" s="294">
        <v>0</v>
      </c>
      <c r="FB20" s="295">
        <v>0</v>
      </c>
      <c r="FC20" s="296">
        <v>0</v>
      </c>
      <c r="FD20" s="300"/>
      <c r="FE20" s="295">
        <v>0</v>
      </c>
      <c r="FF20" s="295">
        <v>0</v>
      </c>
      <c r="FG20" s="295">
        <v>0</v>
      </c>
      <c r="FH20" s="295">
        <v>210</v>
      </c>
      <c r="FI20" s="295">
        <v>840</v>
      </c>
      <c r="FJ20" s="298">
        <v>1050</v>
      </c>
      <c r="FK20" s="299">
        <v>1050</v>
      </c>
      <c r="FL20" s="294">
        <v>0</v>
      </c>
      <c r="FM20" s="295">
        <v>0</v>
      </c>
      <c r="FN20" s="296">
        <v>0</v>
      </c>
      <c r="FO20" s="300"/>
      <c r="FP20" s="295">
        <v>0</v>
      </c>
      <c r="FQ20" s="295">
        <v>10530</v>
      </c>
      <c r="FR20" s="295">
        <v>301056</v>
      </c>
      <c r="FS20" s="295">
        <v>284256</v>
      </c>
      <c r="FT20" s="295">
        <v>402120</v>
      </c>
      <c r="FU20" s="298">
        <v>997962</v>
      </c>
      <c r="FV20" s="299">
        <v>997962</v>
      </c>
      <c r="FW20" s="294">
        <v>0</v>
      </c>
      <c r="FX20" s="295">
        <v>0</v>
      </c>
      <c r="FY20" s="296">
        <v>0</v>
      </c>
      <c r="FZ20" s="297">
        <v>0</v>
      </c>
      <c r="GA20" s="295">
        <v>42089</v>
      </c>
      <c r="GB20" s="295">
        <v>171365</v>
      </c>
      <c r="GC20" s="295">
        <v>261733</v>
      </c>
      <c r="GD20" s="295">
        <v>248054</v>
      </c>
      <c r="GE20" s="295">
        <v>135882</v>
      </c>
      <c r="GF20" s="298">
        <v>859123</v>
      </c>
      <c r="GG20" s="299">
        <v>859123</v>
      </c>
      <c r="GH20" s="294">
        <v>0</v>
      </c>
      <c r="GI20" s="295">
        <v>0</v>
      </c>
      <c r="GJ20" s="296">
        <v>0</v>
      </c>
      <c r="GK20" s="297">
        <v>0</v>
      </c>
      <c r="GL20" s="295">
        <v>77</v>
      </c>
      <c r="GM20" s="295">
        <v>2102</v>
      </c>
      <c r="GN20" s="295">
        <v>70</v>
      </c>
      <c r="GO20" s="295">
        <v>0</v>
      </c>
      <c r="GP20" s="295">
        <v>19737</v>
      </c>
      <c r="GQ20" s="298">
        <v>21986</v>
      </c>
      <c r="GR20" s="299">
        <v>21986</v>
      </c>
      <c r="GS20" s="294">
        <v>0</v>
      </c>
      <c r="GT20" s="295">
        <v>0</v>
      </c>
      <c r="GU20" s="296">
        <v>0</v>
      </c>
      <c r="GV20" s="297">
        <v>0</v>
      </c>
      <c r="GW20" s="295">
        <v>0</v>
      </c>
      <c r="GX20" s="295">
        <v>0</v>
      </c>
      <c r="GY20" s="295">
        <v>0</v>
      </c>
      <c r="GZ20" s="295">
        <v>0</v>
      </c>
      <c r="HA20" s="295">
        <v>0</v>
      </c>
      <c r="HB20" s="298">
        <v>0</v>
      </c>
      <c r="HC20" s="299">
        <v>0</v>
      </c>
      <c r="HD20" s="294">
        <v>0</v>
      </c>
      <c r="HE20" s="295">
        <v>0</v>
      </c>
      <c r="HF20" s="296">
        <v>0</v>
      </c>
      <c r="HG20" s="300"/>
      <c r="HH20" s="295">
        <v>0</v>
      </c>
      <c r="HI20" s="295">
        <v>0</v>
      </c>
      <c r="HJ20" s="295">
        <v>0</v>
      </c>
      <c r="HK20" s="295">
        <v>0</v>
      </c>
      <c r="HL20" s="295">
        <v>0</v>
      </c>
      <c r="HM20" s="298">
        <v>0</v>
      </c>
      <c r="HN20" s="299">
        <v>0</v>
      </c>
      <c r="HO20" s="294">
        <v>0</v>
      </c>
      <c r="HP20" s="295">
        <v>0</v>
      </c>
      <c r="HQ20" s="296">
        <v>0</v>
      </c>
      <c r="HR20" s="297">
        <v>0</v>
      </c>
      <c r="HS20" s="295">
        <v>295836</v>
      </c>
      <c r="HT20" s="295">
        <v>1315750</v>
      </c>
      <c r="HU20" s="295">
        <v>5746488</v>
      </c>
      <c r="HV20" s="295">
        <v>6626334</v>
      </c>
      <c r="HW20" s="295">
        <v>5533260</v>
      </c>
      <c r="HX20" s="298">
        <v>19517668</v>
      </c>
      <c r="HY20" s="299">
        <v>19517668</v>
      </c>
    </row>
    <row r="21" spans="2:233" ht="21" customHeight="1" x14ac:dyDescent="0.2">
      <c r="B21" s="292" t="s">
        <v>18</v>
      </c>
      <c r="C21" s="294">
        <v>100</v>
      </c>
      <c r="D21" s="295">
        <v>6870</v>
      </c>
      <c r="E21" s="296">
        <v>6970</v>
      </c>
      <c r="F21" s="297">
        <v>0</v>
      </c>
      <c r="G21" s="295">
        <v>242210</v>
      </c>
      <c r="H21" s="295">
        <v>440830</v>
      </c>
      <c r="I21" s="295">
        <v>2250350</v>
      </c>
      <c r="J21" s="295">
        <v>3177319</v>
      </c>
      <c r="K21" s="295">
        <v>2881370</v>
      </c>
      <c r="L21" s="298">
        <v>8992079</v>
      </c>
      <c r="M21" s="299">
        <v>8999049</v>
      </c>
      <c r="N21" s="294">
        <v>0</v>
      </c>
      <c r="O21" s="295">
        <v>0</v>
      </c>
      <c r="P21" s="296">
        <v>0</v>
      </c>
      <c r="Q21" s="300"/>
      <c r="R21" s="295">
        <v>27000</v>
      </c>
      <c r="S21" s="295">
        <v>56550</v>
      </c>
      <c r="T21" s="295">
        <v>1379205</v>
      </c>
      <c r="U21" s="295">
        <v>2203850</v>
      </c>
      <c r="V21" s="295">
        <v>2114040</v>
      </c>
      <c r="W21" s="298">
        <v>5780645</v>
      </c>
      <c r="X21" s="299">
        <v>5780645</v>
      </c>
      <c r="Y21" s="294">
        <v>0</v>
      </c>
      <c r="Z21" s="295">
        <v>0</v>
      </c>
      <c r="AA21" s="296">
        <v>0</v>
      </c>
      <c r="AB21" s="300"/>
      <c r="AC21" s="295">
        <v>173755</v>
      </c>
      <c r="AD21" s="295">
        <v>286440</v>
      </c>
      <c r="AE21" s="295">
        <v>456545</v>
      </c>
      <c r="AF21" s="295">
        <v>578295</v>
      </c>
      <c r="AG21" s="295">
        <v>393940</v>
      </c>
      <c r="AH21" s="298">
        <v>1888975</v>
      </c>
      <c r="AI21" s="299">
        <v>1888975</v>
      </c>
      <c r="AJ21" s="294">
        <v>0</v>
      </c>
      <c r="AK21" s="295">
        <v>0</v>
      </c>
      <c r="AL21" s="296">
        <v>0</v>
      </c>
      <c r="AM21" s="300"/>
      <c r="AN21" s="295">
        <v>0</v>
      </c>
      <c r="AO21" s="295">
        <v>0</v>
      </c>
      <c r="AP21" s="295">
        <v>0</v>
      </c>
      <c r="AQ21" s="295">
        <v>2550</v>
      </c>
      <c r="AR21" s="295">
        <v>38045</v>
      </c>
      <c r="AS21" s="298">
        <v>40595</v>
      </c>
      <c r="AT21" s="299">
        <v>40595</v>
      </c>
      <c r="AU21" s="294">
        <v>0</v>
      </c>
      <c r="AV21" s="295">
        <v>0</v>
      </c>
      <c r="AW21" s="296">
        <v>0</v>
      </c>
      <c r="AX21" s="300"/>
      <c r="AY21" s="295">
        <v>0</v>
      </c>
      <c r="AZ21" s="295">
        <v>0</v>
      </c>
      <c r="BA21" s="295">
        <v>0</v>
      </c>
      <c r="BB21" s="295">
        <v>23850</v>
      </c>
      <c r="BC21" s="295">
        <v>137225</v>
      </c>
      <c r="BD21" s="298">
        <v>161075</v>
      </c>
      <c r="BE21" s="299">
        <v>161075</v>
      </c>
      <c r="BF21" s="294">
        <v>0</v>
      </c>
      <c r="BG21" s="295">
        <v>0</v>
      </c>
      <c r="BH21" s="296">
        <v>0</v>
      </c>
      <c r="BI21" s="300"/>
      <c r="BJ21" s="295">
        <v>0</v>
      </c>
      <c r="BK21" s="295">
        <v>0</v>
      </c>
      <c r="BL21" s="295">
        <v>39300</v>
      </c>
      <c r="BM21" s="295">
        <v>77410</v>
      </c>
      <c r="BN21" s="295">
        <v>42105</v>
      </c>
      <c r="BO21" s="298">
        <v>158815</v>
      </c>
      <c r="BP21" s="299">
        <v>158815</v>
      </c>
      <c r="BQ21" s="294">
        <v>100</v>
      </c>
      <c r="BR21" s="295">
        <v>6870</v>
      </c>
      <c r="BS21" s="296">
        <v>6970</v>
      </c>
      <c r="BT21" s="297">
        <v>0</v>
      </c>
      <c r="BU21" s="295">
        <v>39765</v>
      </c>
      <c r="BV21" s="295">
        <v>97840</v>
      </c>
      <c r="BW21" s="295">
        <v>375300</v>
      </c>
      <c r="BX21" s="295">
        <v>280809</v>
      </c>
      <c r="BY21" s="295">
        <v>156015</v>
      </c>
      <c r="BZ21" s="298">
        <v>949729</v>
      </c>
      <c r="CA21" s="299">
        <v>956699</v>
      </c>
      <c r="CB21" s="294">
        <v>0</v>
      </c>
      <c r="CC21" s="295">
        <v>0</v>
      </c>
      <c r="CD21" s="296">
        <v>0</v>
      </c>
      <c r="CE21" s="297">
        <v>0</v>
      </c>
      <c r="CF21" s="295">
        <v>1690</v>
      </c>
      <c r="CG21" s="295">
        <v>0</v>
      </c>
      <c r="CH21" s="295">
        <v>0</v>
      </c>
      <c r="CI21" s="295">
        <v>10555</v>
      </c>
      <c r="CJ21" s="295">
        <v>0</v>
      </c>
      <c r="CK21" s="298">
        <v>12245</v>
      </c>
      <c r="CL21" s="299">
        <v>12245</v>
      </c>
      <c r="CM21" s="294">
        <v>0</v>
      </c>
      <c r="CN21" s="295">
        <v>0</v>
      </c>
      <c r="CO21" s="296">
        <v>0</v>
      </c>
      <c r="CP21" s="297">
        <v>0</v>
      </c>
      <c r="CQ21" s="295">
        <v>0</v>
      </c>
      <c r="CR21" s="295">
        <v>0</v>
      </c>
      <c r="CS21" s="295">
        <v>0</v>
      </c>
      <c r="CT21" s="295">
        <v>0</v>
      </c>
      <c r="CU21" s="295">
        <v>0</v>
      </c>
      <c r="CV21" s="298">
        <v>0</v>
      </c>
      <c r="CW21" s="299">
        <v>0</v>
      </c>
      <c r="CX21" s="294">
        <v>0</v>
      </c>
      <c r="CY21" s="295">
        <v>0</v>
      </c>
      <c r="CZ21" s="296">
        <v>0</v>
      </c>
      <c r="DA21" s="300"/>
      <c r="DB21" s="295">
        <v>0</v>
      </c>
      <c r="DC21" s="295">
        <v>0</v>
      </c>
      <c r="DD21" s="295">
        <v>0</v>
      </c>
      <c r="DE21" s="295">
        <v>0</v>
      </c>
      <c r="DF21" s="295">
        <v>0</v>
      </c>
      <c r="DG21" s="298">
        <v>0</v>
      </c>
      <c r="DH21" s="299">
        <v>0</v>
      </c>
      <c r="DI21" s="294">
        <v>702</v>
      </c>
      <c r="DJ21" s="295">
        <v>5130</v>
      </c>
      <c r="DK21" s="296">
        <v>5832</v>
      </c>
      <c r="DL21" s="297">
        <v>0</v>
      </c>
      <c r="DM21" s="295">
        <v>172934</v>
      </c>
      <c r="DN21" s="295">
        <v>382281</v>
      </c>
      <c r="DO21" s="295">
        <v>2833128</v>
      </c>
      <c r="DP21" s="295">
        <v>3908590</v>
      </c>
      <c r="DQ21" s="295">
        <v>3097632</v>
      </c>
      <c r="DR21" s="298">
        <v>10394565</v>
      </c>
      <c r="DS21" s="301">
        <v>10400397</v>
      </c>
      <c r="DT21" s="294">
        <v>0</v>
      </c>
      <c r="DU21" s="295">
        <v>0</v>
      </c>
      <c r="DV21" s="296">
        <v>0</v>
      </c>
      <c r="DW21" s="300"/>
      <c r="DX21" s="295">
        <v>61560</v>
      </c>
      <c r="DY21" s="295">
        <v>144000</v>
      </c>
      <c r="DZ21" s="295">
        <v>2039833</v>
      </c>
      <c r="EA21" s="295">
        <v>3242245</v>
      </c>
      <c r="EB21" s="295">
        <v>2627054</v>
      </c>
      <c r="EC21" s="298">
        <v>8114692</v>
      </c>
      <c r="ED21" s="299">
        <v>8114692</v>
      </c>
      <c r="EE21" s="294">
        <v>0</v>
      </c>
      <c r="EF21" s="295">
        <v>0</v>
      </c>
      <c r="EG21" s="296">
        <v>0</v>
      </c>
      <c r="EH21" s="300"/>
      <c r="EI21" s="295">
        <v>41232</v>
      </c>
      <c r="EJ21" s="295">
        <v>56258</v>
      </c>
      <c r="EK21" s="295">
        <v>125470</v>
      </c>
      <c r="EL21" s="295">
        <v>106299</v>
      </c>
      <c r="EM21" s="295">
        <v>107724</v>
      </c>
      <c r="EN21" s="298">
        <v>436983</v>
      </c>
      <c r="EO21" s="299">
        <v>436983</v>
      </c>
      <c r="EP21" s="294">
        <v>0</v>
      </c>
      <c r="EQ21" s="295">
        <v>0</v>
      </c>
      <c r="ER21" s="296">
        <v>0</v>
      </c>
      <c r="ES21" s="300"/>
      <c r="ET21" s="295">
        <v>0</v>
      </c>
      <c r="EU21" s="295">
        <v>0</v>
      </c>
      <c r="EV21" s="295">
        <v>0</v>
      </c>
      <c r="EW21" s="295">
        <v>210</v>
      </c>
      <c r="EX21" s="295">
        <v>12210</v>
      </c>
      <c r="EY21" s="298">
        <v>12420</v>
      </c>
      <c r="EZ21" s="299">
        <v>12420</v>
      </c>
      <c r="FA21" s="294">
        <v>0</v>
      </c>
      <c r="FB21" s="295">
        <v>0</v>
      </c>
      <c r="FC21" s="296">
        <v>0</v>
      </c>
      <c r="FD21" s="300"/>
      <c r="FE21" s="295">
        <v>0</v>
      </c>
      <c r="FF21" s="295">
        <v>0</v>
      </c>
      <c r="FG21" s="295">
        <v>0</v>
      </c>
      <c r="FH21" s="295">
        <v>210</v>
      </c>
      <c r="FI21" s="295">
        <v>1645</v>
      </c>
      <c r="FJ21" s="298">
        <v>1855</v>
      </c>
      <c r="FK21" s="299">
        <v>1855</v>
      </c>
      <c r="FL21" s="294">
        <v>0</v>
      </c>
      <c r="FM21" s="295">
        <v>0</v>
      </c>
      <c r="FN21" s="296">
        <v>0</v>
      </c>
      <c r="FO21" s="300"/>
      <c r="FP21" s="295">
        <v>0</v>
      </c>
      <c r="FQ21" s="295">
        <v>0</v>
      </c>
      <c r="FR21" s="295">
        <v>98220</v>
      </c>
      <c r="FS21" s="295">
        <v>191568</v>
      </c>
      <c r="FT21" s="295">
        <v>123276</v>
      </c>
      <c r="FU21" s="298">
        <v>413064</v>
      </c>
      <c r="FV21" s="299">
        <v>413064</v>
      </c>
      <c r="FW21" s="294">
        <v>702</v>
      </c>
      <c r="FX21" s="295">
        <v>5130</v>
      </c>
      <c r="FY21" s="296">
        <v>5832</v>
      </c>
      <c r="FZ21" s="297">
        <v>0</v>
      </c>
      <c r="GA21" s="295">
        <v>67786</v>
      </c>
      <c r="GB21" s="295">
        <v>182023</v>
      </c>
      <c r="GC21" s="295">
        <v>569605</v>
      </c>
      <c r="GD21" s="295">
        <v>364288</v>
      </c>
      <c r="GE21" s="295">
        <v>225723</v>
      </c>
      <c r="GF21" s="298">
        <v>1409425</v>
      </c>
      <c r="GG21" s="299">
        <v>1415257</v>
      </c>
      <c r="GH21" s="294">
        <v>0</v>
      </c>
      <c r="GI21" s="295">
        <v>0</v>
      </c>
      <c r="GJ21" s="296">
        <v>0</v>
      </c>
      <c r="GK21" s="297">
        <v>0</v>
      </c>
      <c r="GL21" s="295">
        <v>2356</v>
      </c>
      <c r="GM21" s="295">
        <v>0</v>
      </c>
      <c r="GN21" s="295">
        <v>0</v>
      </c>
      <c r="GO21" s="295">
        <v>3770</v>
      </c>
      <c r="GP21" s="295">
        <v>0</v>
      </c>
      <c r="GQ21" s="298">
        <v>6126</v>
      </c>
      <c r="GR21" s="299">
        <v>6126</v>
      </c>
      <c r="GS21" s="294">
        <v>0</v>
      </c>
      <c r="GT21" s="295">
        <v>0</v>
      </c>
      <c r="GU21" s="296">
        <v>0</v>
      </c>
      <c r="GV21" s="297">
        <v>0</v>
      </c>
      <c r="GW21" s="295">
        <v>0</v>
      </c>
      <c r="GX21" s="295">
        <v>0</v>
      </c>
      <c r="GY21" s="295">
        <v>0</v>
      </c>
      <c r="GZ21" s="295">
        <v>0</v>
      </c>
      <c r="HA21" s="295">
        <v>0</v>
      </c>
      <c r="HB21" s="298">
        <v>0</v>
      </c>
      <c r="HC21" s="299">
        <v>0</v>
      </c>
      <c r="HD21" s="294">
        <v>0</v>
      </c>
      <c r="HE21" s="295">
        <v>0</v>
      </c>
      <c r="HF21" s="296">
        <v>0</v>
      </c>
      <c r="HG21" s="300"/>
      <c r="HH21" s="295">
        <v>0</v>
      </c>
      <c r="HI21" s="295">
        <v>0</v>
      </c>
      <c r="HJ21" s="295">
        <v>0</v>
      </c>
      <c r="HK21" s="295">
        <v>0</v>
      </c>
      <c r="HL21" s="295">
        <v>0</v>
      </c>
      <c r="HM21" s="298">
        <v>0</v>
      </c>
      <c r="HN21" s="299">
        <v>0</v>
      </c>
      <c r="HO21" s="294">
        <v>802</v>
      </c>
      <c r="HP21" s="295">
        <v>12000</v>
      </c>
      <c r="HQ21" s="296">
        <v>12802</v>
      </c>
      <c r="HR21" s="297">
        <v>0</v>
      </c>
      <c r="HS21" s="295">
        <v>415144</v>
      </c>
      <c r="HT21" s="295">
        <v>823111</v>
      </c>
      <c r="HU21" s="295">
        <v>5083478</v>
      </c>
      <c r="HV21" s="295">
        <v>7085909</v>
      </c>
      <c r="HW21" s="295">
        <v>5979002</v>
      </c>
      <c r="HX21" s="298">
        <v>19386644</v>
      </c>
      <c r="HY21" s="299">
        <v>19399446</v>
      </c>
    </row>
    <row r="22" spans="2:233" ht="21" customHeight="1" x14ac:dyDescent="0.2">
      <c r="B22" s="292" t="s">
        <v>19</v>
      </c>
      <c r="C22" s="294">
        <v>0</v>
      </c>
      <c r="D22" s="295">
        <v>0</v>
      </c>
      <c r="E22" s="296">
        <v>0</v>
      </c>
      <c r="F22" s="297">
        <v>0</v>
      </c>
      <c r="G22" s="295">
        <v>134290</v>
      </c>
      <c r="H22" s="295">
        <v>287030</v>
      </c>
      <c r="I22" s="295">
        <v>1423360</v>
      </c>
      <c r="J22" s="295">
        <v>1364653</v>
      </c>
      <c r="K22" s="295">
        <v>1044970</v>
      </c>
      <c r="L22" s="298">
        <v>4254303</v>
      </c>
      <c r="M22" s="299">
        <v>4254303</v>
      </c>
      <c r="N22" s="294">
        <v>0</v>
      </c>
      <c r="O22" s="295">
        <v>0</v>
      </c>
      <c r="P22" s="296">
        <v>0</v>
      </c>
      <c r="Q22" s="300"/>
      <c r="R22" s="295">
        <v>0</v>
      </c>
      <c r="S22" s="295">
        <v>76200</v>
      </c>
      <c r="T22" s="295">
        <v>1035285</v>
      </c>
      <c r="U22" s="295">
        <v>1068175</v>
      </c>
      <c r="V22" s="295">
        <v>868720</v>
      </c>
      <c r="W22" s="298">
        <v>3048380</v>
      </c>
      <c r="X22" s="299">
        <v>3048380</v>
      </c>
      <c r="Y22" s="294">
        <v>0</v>
      </c>
      <c r="Z22" s="295">
        <v>0</v>
      </c>
      <c r="AA22" s="296">
        <v>0</v>
      </c>
      <c r="AB22" s="300"/>
      <c r="AC22" s="295">
        <v>100220</v>
      </c>
      <c r="AD22" s="295">
        <v>180945</v>
      </c>
      <c r="AE22" s="295">
        <v>344025</v>
      </c>
      <c r="AF22" s="295">
        <v>198385</v>
      </c>
      <c r="AG22" s="295">
        <v>130830</v>
      </c>
      <c r="AH22" s="298">
        <v>954405</v>
      </c>
      <c r="AI22" s="299">
        <v>954405</v>
      </c>
      <c r="AJ22" s="294">
        <v>0</v>
      </c>
      <c r="AK22" s="295">
        <v>0</v>
      </c>
      <c r="AL22" s="296">
        <v>0</v>
      </c>
      <c r="AM22" s="300"/>
      <c r="AN22" s="295">
        <v>0</v>
      </c>
      <c r="AO22" s="295">
        <v>0</v>
      </c>
      <c r="AP22" s="295">
        <v>0</v>
      </c>
      <c r="AQ22" s="295">
        <v>0</v>
      </c>
      <c r="AR22" s="295">
        <v>0</v>
      </c>
      <c r="AS22" s="298">
        <v>0</v>
      </c>
      <c r="AT22" s="299">
        <v>0</v>
      </c>
      <c r="AU22" s="294">
        <v>0</v>
      </c>
      <c r="AV22" s="295">
        <v>0</v>
      </c>
      <c r="AW22" s="296">
        <v>0</v>
      </c>
      <c r="AX22" s="300"/>
      <c r="AY22" s="295">
        <v>0</v>
      </c>
      <c r="AZ22" s="295">
        <v>0</v>
      </c>
      <c r="BA22" s="295">
        <v>0</v>
      </c>
      <c r="BB22" s="295">
        <v>0</v>
      </c>
      <c r="BC22" s="295">
        <v>0</v>
      </c>
      <c r="BD22" s="298">
        <v>0</v>
      </c>
      <c r="BE22" s="299">
        <v>0</v>
      </c>
      <c r="BF22" s="294">
        <v>0</v>
      </c>
      <c r="BG22" s="295">
        <v>0</v>
      </c>
      <c r="BH22" s="296">
        <v>0</v>
      </c>
      <c r="BI22" s="300"/>
      <c r="BJ22" s="295">
        <v>0</v>
      </c>
      <c r="BK22" s="295">
        <v>0</v>
      </c>
      <c r="BL22" s="295">
        <v>0</v>
      </c>
      <c r="BM22" s="295">
        <v>0</v>
      </c>
      <c r="BN22" s="295">
        <v>0</v>
      </c>
      <c r="BO22" s="298">
        <v>0</v>
      </c>
      <c r="BP22" s="299">
        <v>0</v>
      </c>
      <c r="BQ22" s="294">
        <v>0</v>
      </c>
      <c r="BR22" s="295">
        <v>0</v>
      </c>
      <c r="BS22" s="296">
        <v>0</v>
      </c>
      <c r="BT22" s="297">
        <v>0</v>
      </c>
      <c r="BU22" s="295">
        <v>31785</v>
      </c>
      <c r="BV22" s="295">
        <v>29885</v>
      </c>
      <c r="BW22" s="295">
        <v>44050</v>
      </c>
      <c r="BX22" s="295">
        <v>96643</v>
      </c>
      <c r="BY22" s="295">
        <v>32165</v>
      </c>
      <c r="BZ22" s="298">
        <v>234528</v>
      </c>
      <c r="CA22" s="299">
        <v>234528</v>
      </c>
      <c r="CB22" s="294">
        <v>0</v>
      </c>
      <c r="CC22" s="295">
        <v>0</v>
      </c>
      <c r="CD22" s="296">
        <v>0</v>
      </c>
      <c r="CE22" s="297">
        <v>0</v>
      </c>
      <c r="CF22" s="295">
        <v>2285</v>
      </c>
      <c r="CG22" s="295">
        <v>0</v>
      </c>
      <c r="CH22" s="295">
        <v>0</v>
      </c>
      <c r="CI22" s="295">
        <v>1450</v>
      </c>
      <c r="CJ22" s="295">
        <v>13255</v>
      </c>
      <c r="CK22" s="298">
        <v>16990</v>
      </c>
      <c r="CL22" s="299">
        <v>16990</v>
      </c>
      <c r="CM22" s="294">
        <v>0</v>
      </c>
      <c r="CN22" s="295">
        <v>0</v>
      </c>
      <c r="CO22" s="296">
        <v>0</v>
      </c>
      <c r="CP22" s="297">
        <v>0</v>
      </c>
      <c r="CQ22" s="295">
        <v>0</v>
      </c>
      <c r="CR22" s="295">
        <v>0</v>
      </c>
      <c r="CS22" s="295">
        <v>0</v>
      </c>
      <c r="CT22" s="295">
        <v>0</v>
      </c>
      <c r="CU22" s="295">
        <v>0</v>
      </c>
      <c r="CV22" s="298">
        <v>0</v>
      </c>
      <c r="CW22" s="299">
        <v>0</v>
      </c>
      <c r="CX22" s="294">
        <v>0</v>
      </c>
      <c r="CY22" s="295">
        <v>0</v>
      </c>
      <c r="CZ22" s="296">
        <v>0</v>
      </c>
      <c r="DA22" s="300"/>
      <c r="DB22" s="295">
        <v>0</v>
      </c>
      <c r="DC22" s="295">
        <v>0</v>
      </c>
      <c r="DD22" s="295">
        <v>0</v>
      </c>
      <c r="DE22" s="295">
        <v>0</v>
      </c>
      <c r="DF22" s="295">
        <v>0</v>
      </c>
      <c r="DG22" s="298">
        <v>0</v>
      </c>
      <c r="DH22" s="299">
        <v>0</v>
      </c>
      <c r="DI22" s="294">
        <v>0</v>
      </c>
      <c r="DJ22" s="295">
        <v>0</v>
      </c>
      <c r="DK22" s="296">
        <v>0</v>
      </c>
      <c r="DL22" s="297">
        <v>0</v>
      </c>
      <c r="DM22" s="295">
        <v>44056</v>
      </c>
      <c r="DN22" s="295">
        <v>195252</v>
      </c>
      <c r="DO22" s="295">
        <v>1483998</v>
      </c>
      <c r="DP22" s="295">
        <v>1779166</v>
      </c>
      <c r="DQ22" s="295">
        <v>1078078</v>
      </c>
      <c r="DR22" s="298">
        <v>4580550</v>
      </c>
      <c r="DS22" s="301">
        <v>4580550</v>
      </c>
      <c r="DT22" s="294">
        <v>0</v>
      </c>
      <c r="DU22" s="295">
        <v>0</v>
      </c>
      <c r="DV22" s="296">
        <v>0</v>
      </c>
      <c r="DW22" s="300"/>
      <c r="DX22" s="295">
        <v>0</v>
      </c>
      <c r="DY22" s="295">
        <v>116940</v>
      </c>
      <c r="DZ22" s="295">
        <v>1340186</v>
      </c>
      <c r="EA22" s="295">
        <v>1610174</v>
      </c>
      <c r="EB22" s="295">
        <v>995499</v>
      </c>
      <c r="EC22" s="298">
        <v>4062799</v>
      </c>
      <c r="ED22" s="299">
        <v>4062799</v>
      </c>
      <c r="EE22" s="294">
        <v>0</v>
      </c>
      <c r="EF22" s="295">
        <v>0</v>
      </c>
      <c r="EG22" s="296">
        <v>0</v>
      </c>
      <c r="EH22" s="300"/>
      <c r="EI22" s="295">
        <v>12584</v>
      </c>
      <c r="EJ22" s="295">
        <v>35310</v>
      </c>
      <c r="EK22" s="295">
        <v>45922</v>
      </c>
      <c r="EL22" s="295">
        <v>24651</v>
      </c>
      <c r="EM22" s="295">
        <v>22680</v>
      </c>
      <c r="EN22" s="298">
        <v>141147</v>
      </c>
      <c r="EO22" s="299">
        <v>141147</v>
      </c>
      <c r="EP22" s="294">
        <v>0</v>
      </c>
      <c r="EQ22" s="295">
        <v>0</v>
      </c>
      <c r="ER22" s="296">
        <v>0</v>
      </c>
      <c r="ES22" s="300"/>
      <c r="ET22" s="295">
        <v>0</v>
      </c>
      <c r="EU22" s="295">
        <v>0</v>
      </c>
      <c r="EV22" s="295">
        <v>0</v>
      </c>
      <c r="EW22" s="295">
        <v>0</v>
      </c>
      <c r="EX22" s="295">
        <v>0</v>
      </c>
      <c r="EY22" s="298">
        <v>0</v>
      </c>
      <c r="EZ22" s="299">
        <v>0</v>
      </c>
      <c r="FA22" s="294">
        <v>0</v>
      </c>
      <c r="FB22" s="295">
        <v>0</v>
      </c>
      <c r="FC22" s="296">
        <v>0</v>
      </c>
      <c r="FD22" s="300"/>
      <c r="FE22" s="295">
        <v>0</v>
      </c>
      <c r="FF22" s="295">
        <v>0</v>
      </c>
      <c r="FG22" s="295">
        <v>0</v>
      </c>
      <c r="FH22" s="295">
        <v>0</v>
      </c>
      <c r="FI22" s="295">
        <v>0</v>
      </c>
      <c r="FJ22" s="298">
        <v>0</v>
      </c>
      <c r="FK22" s="299">
        <v>0</v>
      </c>
      <c r="FL22" s="294">
        <v>0</v>
      </c>
      <c r="FM22" s="295">
        <v>0</v>
      </c>
      <c r="FN22" s="296">
        <v>0</v>
      </c>
      <c r="FO22" s="300"/>
      <c r="FP22" s="295">
        <v>0</v>
      </c>
      <c r="FQ22" s="295">
        <v>0</v>
      </c>
      <c r="FR22" s="295">
        <v>0</v>
      </c>
      <c r="FS22" s="295">
        <v>0</v>
      </c>
      <c r="FT22" s="295">
        <v>0</v>
      </c>
      <c r="FU22" s="298">
        <v>0</v>
      </c>
      <c r="FV22" s="299">
        <v>0</v>
      </c>
      <c r="FW22" s="294">
        <v>0</v>
      </c>
      <c r="FX22" s="295">
        <v>0</v>
      </c>
      <c r="FY22" s="296">
        <v>0</v>
      </c>
      <c r="FZ22" s="297">
        <v>0</v>
      </c>
      <c r="GA22" s="295">
        <v>28966</v>
      </c>
      <c r="GB22" s="295">
        <v>43002</v>
      </c>
      <c r="GC22" s="295">
        <v>97890</v>
      </c>
      <c r="GD22" s="295">
        <v>136465</v>
      </c>
      <c r="GE22" s="295">
        <v>59787</v>
      </c>
      <c r="GF22" s="298">
        <v>366110</v>
      </c>
      <c r="GG22" s="299">
        <v>366110</v>
      </c>
      <c r="GH22" s="294">
        <v>0</v>
      </c>
      <c r="GI22" s="295">
        <v>0</v>
      </c>
      <c r="GJ22" s="296">
        <v>0</v>
      </c>
      <c r="GK22" s="297">
        <v>0</v>
      </c>
      <c r="GL22" s="295">
        <v>2506</v>
      </c>
      <c r="GM22" s="295">
        <v>0</v>
      </c>
      <c r="GN22" s="295">
        <v>0</v>
      </c>
      <c r="GO22" s="295">
        <v>7876</v>
      </c>
      <c r="GP22" s="295">
        <v>112</v>
      </c>
      <c r="GQ22" s="298">
        <v>10494</v>
      </c>
      <c r="GR22" s="299">
        <v>10494</v>
      </c>
      <c r="GS22" s="294">
        <v>0</v>
      </c>
      <c r="GT22" s="295">
        <v>0</v>
      </c>
      <c r="GU22" s="296">
        <v>0</v>
      </c>
      <c r="GV22" s="297">
        <v>0</v>
      </c>
      <c r="GW22" s="295">
        <v>0</v>
      </c>
      <c r="GX22" s="295">
        <v>0</v>
      </c>
      <c r="GY22" s="295">
        <v>0</v>
      </c>
      <c r="GZ22" s="295">
        <v>0</v>
      </c>
      <c r="HA22" s="295">
        <v>0</v>
      </c>
      <c r="HB22" s="298">
        <v>0</v>
      </c>
      <c r="HC22" s="299">
        <v>0</v>
      </c>
      <c r="HD22" s="294">
        <v>0</v>
      </c>
      <c r="HE22" s="295">
        <v>0</v>
      </c>
      <c r="HF22" s="296">
        <v>0</v>
      </c>
      <c r="HG22" s="300"/>
      <c r="HH22" s="295">
        <v>0</v>
      </c>
      <c r="HI22" s="295">
        <v>0</v>
      </c>
      <c r="HJ22" s="295">
        <v>0</v>
      </c>
      <c r="HK22" s="295">
        <v>0</v>
      </c>
      <c r="HL22" s="295">
        <v>0</v>
      </c>
      <c r="HM22" s="298">
        <v>0</v>
      </c>
      <c r="HN22" s="299">
        <v>0</v>
      </c>
      <c r="HO22" s="294">
        <v>0</v>
      </c>
      <c r="HP22" s="295">
        <v>0</v>
      </c>
      <c r="HQ22" s="296">
        <v>0</v>
      </c>
      <c r="HR22" s="297">
        <v>0</v>
      </c>
      <c r="HS22" s="295">
        <v>178346</v>
      </c>
      <c r="HT22" s="295">
        <v>482282</v>
      </c>
      <c r="HU22" s="295">
        <v>2907358</v>
      </c>
      <c r="HV22" s="295">
        <v>3143819</v>
      </c>
      <c r="HW22" s="295">
        <v>2123048</v>
      </c>
      <c r="HX22" s="298">
        <v>8834853</v>
      </c>
      <c r="HY22" s="299">
        <v>8834853</v>
      </c>
    </row>
    <row r="23" spans="2:233" ht="21" customHeight="1" x14ac:dyDescent="0.2">
      <c r="B23" s="292" t="s">
        <v>20</v>
      </c>
      <c r="C23" s="294">
        <v>0</v>
      </c>
      <c r="D23" s="295">
        <v>0</v>
      </c>
      <c r="E23" s="296">
        <v>0</v>
      </c>
      <c r="F23" s="297">
        <v>0</v>
      </c>
      <c r="G23" s="295">
        <v>135095</v>
      </c>
      <c r="H23" s="295">
        <v>376935</v>
      </c>
      <c r="I23" s="295">
        <v>1261608</v>
      </c>
      <c r="J23" s="295">
        <v>1585010</v>
      </c>
      <c r="K23" s="295">
        <v>581655</v>
      </c>
      <c r="L23" s="298">
        <v>3940303</v>
      </c>
      <c r="M23" s="299">
        <v>3940303</v>
      </c>
      <c r="N23" s="294">
        <v>0</v>
      </c>
      <c r="O23" s="295">
        <v>0</v>
      </c>
      <c r="P23" s="296">
        <v>0</v>
      </c>
      <c r="Q23" s="300"/>
      <c r="R23" s="295">
        <v>7565</v>
      </c>
      <c r="S23" s="295">
        <v>151915</v>
      </c>
      <c r="T23" s="295">
        <v>971130</v>
      </c>
      <c r="U23" s="295">
        <v>1271585</v>
      </c>
      <c r="V23" s="295">
        <v>460610</v>
      </c>
      <c r="W23" s="298">
        <v>2862805</v>
      </c>
      <c r="X23" s="299">
        <v>2862805</v>
      </c>
      <c r="Y23" s="294">
        <v>0</v>
      </c>
      <c r="Z23" s="295">
        <v>0</v>
      </c>
      <c r="AA23" s="296">
        <v>0</v>
      </c>
      <c r="AB23" s="300"/>
      <c r="AC23" s="295">
        <v>76200</v>
      </c>
      <c r="AD23" s="295">
        <v>155570</v>
      </c>
      <c r="AE23" s="295">
        <v>187240</v>
      </c>
      <c r="AF23" s="295">
        <v>223800</v>
      </c>
      <c r="AG23" s="295">
        <v>88360</v>
      </c>
      <c r="AH23" s="298">
        <v>731170</v>
      </c>
      <c r="AI23" s="299">
        <v>731170</v>
      </c>
      <c r="AJ23" s="294">
        <v>0</v>
      </c>
      <c r="AK23" s="295">
        <v>0</v>
      </c>
      <c r="AL23" s="296">
        <v>0</v>
      </c>
      <c r="AM23" s="300"/>
      <c r="AN23" s="295">
        <v>0</v>
      </c>
      <c r="AO23" s="295">
        <v>0</v>
      </c>
      <c r="AP23" s="295">
        <v>0</v>
      </c>
      <c r="AQ23" s="295">
        <v>0</v>
      </c>
      <c r="AR23" s="295">
        <v>0</v>
      </c>
      <c r="AS23" s="298">
        <v>0</v>
      </c>
      <c r="AT23" s="299">
        <v>0</v>
      </c>
      <c r="AU23" s="294">
        <v>0</v>
      </c>
      <c r="AV23" s="295">
        <v>0</v>
      </c>
      <c r="AW23" s="296">
        <v>0</v>
      </c>
      <c r="AX23" s="300"/>
      <c r="AY23" s="295">
        <v>0</v>
      </c>
      <c r="AZ23" s="295">
        <v>0</v>
      </c>
      <c r="BA23" s="295">
        <v>0</v>
      </c>
      <c r="BB23" s="295">
        <v>0</v>
      </c>
      <c r="BC23" s="295">
        <v>1700</v>
      </c>
      <c r="BD23" s="298">
        <v>1700</v>
      </c>
      <c r="BE23" s="299">
        <v>1700</v>
      </c>
      <c r="BF23" s="294">
        <v>0</v>
      </c>
      <c r="BG23" s="295">
        <v>0</v>
      </c>
      <c r="BH23" s="296">
        <v>0</v>
      </c>
      <c r="BI23" s="300"/>
      <c r="BJ23" s="295">
        <v>0</v>
      </c>
      <c r="BK23" s="295">
        <v>0</v>
      </c>
      <c r="BL23" s="295">
        <v>0</v>
      </c>
      <c r="BM23" s="295">
        <v>0</v>
      </c>
      <c r="BN23" s="295">
        <v>0</v>
      </c>
      <c r="BO23" s="298">
        <v>0</v>
      </c>
      <c r="BP23" s="299">
        <v>0</v>
      </c>
      <c r="BQ23" s="294">
        <v>0</v>
      </c>
      <c r="BR23" s="295">
        <v>0</v>
      </c>
      <c r="BS23" s="296">
        <v>0</v>
      </c>
      <c r="BT23" s="297">
        <v>0</v>
      </c>
      <c r="BU23" s="295">
        <v>51330</v>
      </c>
      <c r="BV23" s="295">
        <v>66530</v>
      </c>
      <c r="BW23" s="295">
        <v>99903</v>
      </c>
      <c r="BX23" s="295">
        <v>89625</v>
      </c>
      <c r="BY23" s="295">
        <v>30985</v>
      </c>
      <c r="BZ23" s="298">
        <v>338373</v>
      </c>
      <c r="CA23" s="299">
        <v>338373</v>
      </c>
      <c r="CB23" s="294">
        <v>0</v>
      </c>
      <c r="CC23" s="295">
        <v>0</v>
      </c>
      <c r="CD23" s="296">
        <v>0</v>
      </c>
      <c r="CE23" s="297">
        <v>0</v>
      </c>
      <c r="CF23" s="295">
        <v>0</v>
      </c>
      <c r="CG23" s="295">
        <v>2920</v>
      </c>
      <c r="CH23" s="295">
        <v>3335</v>
      </c>
      <c r="CI23" s="295">
        <v>0</v>
      </c>
      <c r="CJ23" s="295">
        <v>0</v>
      </c>
      <c r="CK23" s="298">
        <v>6255</v>
      </c>
      <c r="CL23" s="299">
        <v>6255</v>
      </c>
      <c r="CM23" s="294">
        <v>0</v>
      </c>
      <c r="CN23" s="295">
        <v>0</v>
      </c>
      <c r="CO23" s="296">
        <v>0</v>
      </c>
      <c r="CP23" s="297">
        <v>0</v>
      </c>
      <c r="CQ23" s="295">
        <v>0</v>
      </c>
      <c r="CR23" s="295">
        <v>0</v>
      </c>
      <c r="CS23" s="295">
        <v>0</v>
      </c>
      <c r="CT23" s="295">
        <v>0</v>
      </c>
      <c r="CU23" s="295">
        <v>0</v>
      </c>
      <c r="CV23" s="298">
        <v>0</v>
      </c>
      <c r="CW23" s="299">
        <v>0</v>
      </c>
      <c r="CX23" s="294">
        <v>0</v>
      </c>
      <c r="CY23" s="295">
        <v>0</v>
      </c>
      <c r="CZ23" s="296">
        <v>0</v>
      </c>
      <c r="DA23" s="300"/>
      <c r="DB23" s="295">
        <v>0</v>
      </c>
      <c r="DC23" s="295">
        <v>0</v>
      </c>
      <c r="DD23" s="295">
        <v>0</v>
      </c>
      <c r="DE23" s="295">
        <v>0</v>
      </c>
      <c r="DF23" s="295">
        <v>0</v>
      </c>
      <c r="DG23" s="298">
        <v>0</v>
      </c>
      <c r="DH23" s="299">
        <v>0</v>
      </c>
      <c r="DI23" s="294">
        <v>0</v>
      </c>
      <c r="DJ23" s="295">
        <v>0</v>
      </c>
      <c r="DK23" s="296">
        <v>0</v>
      </c>
      <c r="DL23" s="297">
        <v>0</v>
      </c>
      <c r="DM23" s="295">
        <v>148092</v>
      </c>
      <c r="DN23" s="295">
        <v>427842</v>
      </c>
      <c r="DO23" s="295">
        <v>1877003</v>
      </c>
      <c r="DP23" s="295">
        <v>2072620</v>
      </c>
      <c r="DQ23" s="295">
        <v>969573</v>
      </c>
      <c r="DR23" s="298">
        <v>5495130</v>
      </c>
      <c r="DS23" s="301">
        <v>5495130</v>
      </c>
      <c r="DT23" s="294">
        <v>0</v>
      </c>
      <c r="DU23" s="295">
        <v>0</v>
      </c>
      <c r="DV23" s="296">
        <v>0</v>
      </c>
      <c r="DW23" s="300"/>
      <c r="DX23" s="295">
        <v>39630</v>
      </c>
      <c r="DY23" s="295">
        <v>249270</v>
      </c>
      <c r="DZ23" s="295">
        <v>1535472</v>
      </c>
      <c r="EA23" s="295">
        <v>1894415</v>
      </c>
      <c r="EB23" s="295">
        <v>881212</v>
      </c>
      <c r="EC23" s="298">
        <v>4599999</v>
      </c>
      <c r="ED23" s="299">
        <v>4599999</v>
      </c>
      <c r="EE23" s="294">
        <v>0</v>
      </c>
      <c r="EF23" s="295">
        <v>0</v>
      </c>
      <c r="EG23" s="296">
        <v>0</v>
      </c>
      <c r="EH23" s="300"/>
      <c r="EI23" s="295">
        <v>22890</v>
      </c>
      <c r="EJ23" s="295">
        <v>25014</v>
      </c>
      <c r="EK23" s="295">
        <v>15267</v>
      </c>
      <c r="EL23" s="295">
        <v>2940</v>
      </c>
      <c r="EM23" s="295">
        <v>1372</v>
      </c>
      <c r="EN23" s="298">
        <v>67483</v>
      </c>
      <c r="EO23" s="299">
        <v>67483</v>
      </c>
      <c r="EP23" s="294">
        <v>0</v>
      </c>
      <c r="EQ23" s="295">
        <v>0</v>
      </c>
      <c r="ER23" s="296">
        <v>0</v>
      </c>
      <c r="ES23" s="300"/>
      <c r="ET23" s="295">
        <v>0</v>
      </c>
      <c r="EU23" s="295">
        <v>0</v>
      </c>
      <c r="EV23" s="295">
        <v>0</v>
      </c>
      <c r="EW23" s="295">
        <v>0</v>
      </c>
      <c r="EX23" s="295">
        <v>0</v>
      </c>
      <c r="EY23" s="298">
        <v>0</v>
      </c>
      <c r="EZ23" s="299">
        <v>0</v>
      </c>
      <c r="FA23" s="294">
        <v>0</v>
      </c>
      <c r="FB23" s="295">
        <v>0</v>
      </c>
      <c r="FC23" s="296">
        <v>0</v>
      </c>
      <c r="FD23" s="300"/>
      <c r="FE23" s="295">
        <v>0</v>
      </c>
      <c r="FF23" s="295">
        <v>0</v>
      </c>
      <c r="FG23" s="295">
        <v>0</v>
      </c>
      <c r="FH23" s="295">
        <v>0</v>
      </c>
      <c r="FI23" s="295">
        <v>189</v>
      </c>
      <c r="FJ23" s="298">
        <v>189</v>
      </c>
      <c r="FK23" s="299">
        <v>189</v>
      </c>
      <c r="FL23" s="294">
        <v>0</v>
      </c>
      <c r="FM23" s="295">
        <v>0</v>
      </c>
      <c r="FN23" s="296">
        <v>0</v>
      </c>
      <c r="FO23" s="300"/>
      <c r="FP23" s="295">
        <v>0</v>
      </c>
      <c r="FQ23" s="295">
        <v>0</v>
      </c>
      <c r="FR23" s="295">
        <v>0</v>
      </c>
      <c r="FS23" s="295">
        <v>0</v>
      </c>
      <c r="FT23" s="295">
        <v>0</v>
      </c>
      <c r="FU23" s="298">
        <v>0</v>
      </c>
      <c r="FV23" s="299">
        <v>0</v>
      </c>
      <c r="FW23" s="294">
        <v>0</v>
      </c>
      <c r="FX23" s="295">
        <v>0</v>
      </c>
      <c r="FY23" s="296">
        <v>0</v>
      </c>
      <c r="FZ23" s="297">
        <v>0</v>
      </c>
      <c r="GA23" s="295">
        <v>85572</v>
      </c>
      <c r="GB23" s="295">
        <v>151403</v>
      </c>
      <c r="GC23" s="295">
        <v>317658</v>
      </c>
      <c r="GD23" s="295">
        <v>175265</v>
      </c>
      <c r="GE23" s="295">
        <v>86800</v>
      </c>
      <c r="GF23" s="298">
        <v>816698</v>
      </c>
      <c r="GG23" s="299">
        <v>816698</v>
      </c>
      <c r="GH23" s="294">
        <v>0</v>
      </c>
      <c r="GI23" s="295">
        <v>0</v>
      </c>
      <c r="GJ23" s="296">
        <v>0</v>
      </c>
      <c r="GK23" s="297">
        <v>0</v>
      </c>
      <c r="GL23" s="295">
        <v>0</v>
      </c>
      <c r="GM23" s="295">
        <v>2155</v>
      </c>
      <c r="GN23" s="295">
        <v>8606</v>
      </c>
      <c r="GO23" s="295">
        <v>0</v>
      </c>
      <c r="GP23" s="295">
        <v>0</v>
      </c>
      <c r="GQ23" s="298">
        <v>10761</v>
      </c>
      <c r="GR23" s="299">
        <v>10761</v>
      </c>
      <c r="GS23" s="294">
        <v>0</v>
      </c>
      <c r="GT23" s="295">
        <v>0</v>
      </c>
      <c r="GU23" s="296">
        <v>0</v>
      </c>
      <c r="GV23" s="297">
        <v>0</v>
      </c>
      <c r="GW23" s="295">
        <v>0</v>
      </c>
      <c r="GX23" s="295">
        <v>0</v>
      </c>
      <c r="GY23" s="295">
        <v>0</v>
      </c>
      <c r="GZ23" s="295">
        <v>0</v>
      </c>
      <c r="HA23" s="295">
        <v>0</v>
      </c>
      <c r="HB23" s="298">
        <v>0</v>
      </c>
      <c r="HC23" s="299">
        <v>0</v>
      </c>
      <c r="HD23" s="294">
        <v>0</v>
      </c>
      <c r="HE23" s="295">
        <v>0</v>
      </c>
      <c r="HF23" s="296">
        <v>0</v>
      </c>
      <c r="HG23" s="300"/>
      <c r="HH23" s="295">
        <v>0</v>
      </c>
      <c r="HI23" s="295">
        <v>0</v>
      </c>
      <c r="HJ23" s="295">
        <v>0</v>
      </c>
      <c r="HK23" s="295">
        <v>0</v>
      </c>
      <c r="HL23" s="295">
        <v>0</v>
      </c>
      <c r="HM23" s="298">
        <v>0</v>
      </c>
      <c r="HN23" s="299">
        <v>0</v>
      </c>
      <c r="HO23" s="294">
        <v>0</v>
      </c>
      <c r="HP23" s="295">
        <v>0</v>
      </c>
      <c r="HQ23" s="296">
        <v>0</v>
      </c>
      <c r="HR23" s="297">
        <v>0</v>
      </c>
      <c r="HS23" s="295">
        <v>283187</v>
      </c>
      <c r="HT23" s="295">
        <v>804777</v>
      </c>
      <c r="HU23" s="295">
        <v>3138611</v>
      </c>
      <c r="HV23" s="295">
        <v>3657630</v>
      </c>
      <c r="HW23" s="295">
        <v>1551228</v>
      </c>
      <c r="HX23" s="298">
        <v>9435433</v>
      </c>
      <c r="HY23" s="299">
        <v>9435433</v>
      </c>
    </row>
    <row r="24" spans="2:233" ht="21" customHeight="1" x14ac:dyDescent="0.2">
      <c r="B24" s="292" t="s">
        <v>21</v>
      </c>
      <c r="C24" s="294">
        <v>0</v>
      </c>
      <c r="D24" s="295">
        <v>0</v>
      </c>
      <c r="E24" s="296">
        <v>0</v>
      </c>
      <c r="F24" s="297">
        <v>0</v>
      </c>
      <c r="G24" s="295">
        <v>106175</v>
      </c>
      <c r="H24" s="295">
        <v>336142</v>
      </c>
      <c r="I24" s="295">
        <v>1982482</v>
      </c>
      <c r="J24" s="295">
        <v>1473266</v>
      </c>
      <c r="K24" s="295">
        <v>1185375</v>
      </c>
      <c r="L24" s="298">
        <v>5083440</v>
      </c>
      <c r="M24" s="299">
        <v>5083440</v>
      </c>
      <c r="N24" s="294">
        <v>0</v>
      </c>
      <c r="O24" s="295">
        <v>0</v>
      </c>
      <c r="P24" s="296">
        <v>0</v>
      </c>
      <c r="Q24" s="300"/>
      <c r="R24" s="295">
        <v>2465</v>
      </c>
      <c r="S24" s="295">
        <v>178803</v>
      </c>
      <c r="T24" s="295">
        <v>1705449</v>
      </c>
      <c r="U24" s="295">
        <v>1188531</v>
      </c>
      <c r="V24" s="295">
        <v>963495</v>
      </c>
      <c r="W24" s="298">
        <v>4038743</v>
      </c>
      <c r="X24" s="299">
        <v>4038743</v>
      </c>
      <c r="Y24" s="294">
        <v>0</v>
      </c>
      <c r="Z24" s="295">
        <v>0</v>
      </c>
      <c r="AA24" s="296">
        <v>0</v>
      </c>
      <c r="AB24" s="300"/>
      <c r="AC24" s="295">
        <v>92600</v>
      </c>
      <c r="AD24" s="295">
        <v>101620</v>
      </c>
      <c r="AE24" s="295">
        <v>91585</v>
      </c>
      <c r="AF24" s="295">
        <v>108400</v>
      </c>
      <c r="AG24" s="295">
        <v>150250</v>
      </c>
      <c r="AH24" s="298">
        <v>544455</v>
      </c>
      <c r="AI24" s="299">
        <v>544455</v>
      </c>
      <c r="AJ24" s="294">
        <v>0</v>
      </c>
      <c r="AK24" s="295">
        <v>0</v>
      </c>
      <c r="AL24" s="296">
        <v>0</v>
      </c>
      <c r="AM24" s="300"/>
      <c r="AN24" s="295">
        <v>0</v>
      </c>
      <c r="AO24" s="295">
        <v>0</v>
      </c>
      <c r="AP24" s="295">
        <v>2550</v>
      </c>
      <c r="AQ24" s="295">
        <v>31650</v>
      </c>
      <c r="AR24" s="295">
        <v>2550</v>
      </c>
      <c r="AS24" s="298">
        <v>36750</v>
      </c>
      <c r="AT24" s="299">
        <v>36750</v>
      </c>
      <c r="AU24" s="294">
        <v>0</v>
      </c>
      <c r="AV24" s="295">
        <v>0</v>
      </c>
      <c r="AW24" s="296">
        <v>0</v>
      </c>
      <c r="AX24" s="300"/>
      <c r="AY24" s="295">
        <v>0</v>
      </c>
      <c r="AZ24" s="295">
        <v>0</v>
      </c>
      <c r="BA24" s="295">
        <v>34350</v>
      </c>
      <c r="BB24" s="295">
        <v>5100</v>
      </c>
      <c r="BC24" s="295">
        <v>50850</v>
      </c>
      <c r="BD24" s="298">
        <v>90300</v>
      </c>
      <c r="BE24" s="299">
        <v>90300</v>
      </c>
      <c r="BF24" s="294">
        <v>0</v>
      </c>
      <c r="BG24" s="295">
        <v>0</v>
      </c>
      <c r="BH24" s="296">
        <v>0</v>
      </c>
      <c r="BI24" s="300"/>
      <c r="BJ24" s="295">
        <v>0</v>
      </c>
      <c r="BK24" s="295">
        <v>0</v>
      </c>
      <c r="BL24" s="295">
        <v>0</v>
      </c>
      <c r="BM24" s="295">
        <v>0</v>
      </c>
      <c r="BN24" s="295">
        <v>0</v>
      </c>
      <c r="BO24" s="298">
        <v>0</v>
      </c>
      <c r="BP24" s="299">
        <v>0</v>
      </c>
      <c r="BQ24" s="294">
        <v>0</v>
      </c>
      <c r="BR24" s="295">
        <v>0</v>
      </c>
      <c r="BS24" s="296">
        <v>0</v>
      </c>
      <c r="BT24" s="297">
        <v>0</v>
      </c>
      <c r="BU24" s="295">
        <v>11110</v>
      </c>
      <c r="BV24" s="295">
        <v>55719</v>
      </c>
      <c r="BW24" s="295">
        <v>148548</v>
      </c>
      <c r="BX24" s="295">
        <v>134981</v>
      </c>
      <c r="BY24" s="295">
        <v>18230</v>
      </c>
      <c r="BZ24" s="298">
        <v>368588</v>
      </c>
      <c r="CA24" s="299">
        <v>368588</v>
      </c>
      <c r="CB24" s="294">
        <v>0</v>
      </c>
      <c r="CC24" s="295">
        <v>0</v>
      </c>
      <c r="CD24" s="296">
        <v>0</v>
      </c>
      <c r="CE24" s="297">
        <v>0</v>
      </c>
      <c r="CF24" s="295">
        <v>0</v>
      </c>
      <c r="CG24" s="295">
        <v>0</v>
      </c>
      <c r="CH24" s="295">
        <v>0</v>
      </c>
      <c r="CI24" s="295">
        <v>4604</v>
      </c>
      <c r="CJ24" s="295">
        <v>0</v>
      </c>
      <c r="CK24" s="298">
        <v>4604</v>
      </c>
      <c r="CL24" s="299">
        <v>4604</v>
      </c>
      <c r="CM24" s="294">
        <v>0</v>
      </c>
      <c r="CN24" s="295">
        <v>0</v>
      </c>
      <c r="CO24" s="296">
        <v>0</v>
      </c>
      <c r="CP24" s="297">
        <v>0</v>
      </c>
      <c r="CQ24" s="295">
        <v>0</v>
      </c>
      <c r="CR24" s="295">
        <v>0</v>
      </c>
      <c r="CS24" s="295">
        <v>0</v>
      </c>
      <c r="CT24" s="295">
        <v>0</v>
      </c>
      <c r="CU24" s="295">
        <v>0</v>
      </c>
      <c r="CV24" s="298">
        <v>0</v>
      </c>
      <c r="CW24" s="299">
        <v>0</v>
      </c>
      <c r="CX24" s="294">
        <v>0</v>
      </c>
      <c r="CY24" s="295">
        <v>0</v>
      </c>
      <c r="CZ24" s="296">
        <v>0</v>
      </c>
      <c r="DA24" s="300"/>
      <c r="DB24" s="295">
        <v>0</v>
      </c>
      <c r="DC24" s="295">
        <v>0</v>
      </c>
      <c r="DD24" s="295">
        <v>0</v>
      </c>
      <c r="DE24" s="295">
        <v>0</v>
      </c>
      <c r="DF24" s="295">
        <v>0</v>
      </c>
      <c r="DG24" s="298">
        <v>0</v>
      </c>
      <c r="DH24" s="299">
        <v>0</v>
      </c>
      <c r="DI24" s="294">
        <v>0</v>
      </c>
      <c r="DJ24" s="295">
        <v>0</v>
      </c>
      <c r="DK24" s="296">
        <v>0</v>
      </c>
      <c r="DL24" s="297">
        <v>0</v>
      </c>
      <c r="DM24" s="295">
        <v>46014</v>
      </c>
      <c r="DN24" s="295">
        <v>377419</v>
      </c>
      <c r="DO24" s="295">
        <v>2360753</v>
      </c>
      <c r="DP24" s="295">
        <v>1987557</v>
      </c>
      <c r="DQ24" s="295">
        <v>1255636</v>
      </c>
      <c r="DR24" s="298">
        <v>6027379</v>
      </c>
      <c r="DS24" s="301">
        <v>6027379</v>
      </c>
      <c r="DT24" s="294">
        <v>0</v>
      </c>
      <c r="DU24" s="295">
        <v>0</v>
      </c>
      <c r="DV24" s="296">
        <v>0</v>
      </c>
      <c r="DW24" s="300"/>
      <c r="DX24" s="295">
        <v>14550</v>
      </c>
      <c r="DY24" s="295">
        <v>226986</v>
      </c>
      <c r="DZ24" s="295">
        <v>2024591</v>
      </c>
      <c r="EA24" s="295">
        <v>1752987</v>
      </c>
      <c r="EB24" s="295">
        <v>1161116</v>
      </c>
      <c r="EC24" s="298">
        <v>5180230</v>
      </c>
      <c r="ED24" s="299">
        <v>5180230</v>
      </c>
      <c r="EE24" s="294">
        <v>0</v>
      </c>
      <c r="EF24" s="295">
        <v>0</v>
      </c>
      <c r="EG24" s="296">
        <v>0</v>
      </c>
      <c r="EH24" s="300"/>
      <c r="EI24" s="295">
        <v>2016</v>
      </c>
      <c r="EJ24" s="295">
        <v>33664</v>
      </c>
      <c r="EK24" s="295">
        <v>13627</v>
      </c>
      <c r="EL24" s="295">
        <v>5235</v>
      </c>
      <c r="EM24" s="295">
        <v>14528</v>
      </c>
      <c r="EN24" s="298">
        <v>69070</v>
      </c>
      <c r="EO24" s="299">
        <v>69070</v>
      </c>
      <c r="EP24" s="294">
        <v>0</v>
      </c>
      <c r="EQ24" s="295">
        <v>0</v>
      </c>
      <c r="ER24" s="296">
        <v>0</v>
      </c>
      <c r="ES24" s="300"/>
      <c r="ET24" s="295">
        <v>0</v>
      </c>
      <c r="EU24" s="295">
        <v>0</v>
      </c>
      <c r="EV24" s="295">
        <v>210</v>
      </c>
      <c r="EW24" s="295">
        <v>0</v>
      </c>
      <c r="EX24" s="295">
        <v>0</v>
      </c>
      <c r="EY24" s="298">
        <v>210</v>
      </c>
      <c r="EZ24" s="299">
        <v>210</v>
      </c>
      <c r="FA24" s="294">
        <v>0</v>
      </c>
      <c r="FB24" s="295">
        <v>0</v>
      </c>
      <c r="FC24" s="296">
        <v>0</v>
      </c>
      <c r="FD24" s="300"/>
      <c r="FE24" s="295">
        <v>0</v>
      </c>
      <c r="FF24" s="295">
        <v>0</v>
      </c>
      <c r="FG24" s="295">
        <v>11310</v>
      </c>
      <c r="FH24" s="295">
        <v>420</v>
      </c>
      <c r="FI24" s="295">
        <v>630</v>
      </c>
      <c r="FJ24" s="298">
        <v>12360</v>
      </c>
      <c r="FK24" s="299">
        <v>12360</v>
      </c>
      <c r="FL24" s="294">
        <v>0</v>
      </c>
      <c r="FM24" s="295">
        <v>0</v>
      </c>
      <c r="FN24" s="296">
        <v>0</v>
      </c>
      <c r="FO24" s="300"/>
      <c r="FP24" s="295">
        <v>0</v>
      </c>
      <c r="FQ24" s="295">
        <v>0</v>
      </c>
      <c r="FR24" s="295">
        <v>0</v>
      </c>
      <c r="FS24" s="295">
        <v>0</v>
      </c>
      <c r="FT24" s="295">
        <v>0</v>
      </c>
      <c r="FU24" s="298">
        <v>0</v>
      </c>
      <c r="FV24" s="299">
        <v>0</v>
      </c>
      <c r="FW24" s="294">
        <v>0</v>
      </c>
      <c r="FX24" s="295">
        <v>0</v>
      </c>
      <c r="FY24" s="296">
        <v>0</v>
      </c>
      <c r="FZ24" s="297">
        <v>0</v>
      </c>
      <c r="GA24" s="295">
        <v>29448</v>
      </c>
      <c r="GB24" s="295">
        <v>116769</v>
      </c>
      <c r="GC24" s="295">
        <v>311015</v>
      </c>
      <c r="GD24" s="295">
        <v>221847</v>
      </c>
      <c r="GE24" s="295">
        <v>79362</v>
      </c>
      <c r="GF24" s="298">
        <v>758441</v>
      </c>
      <c r="GG24" s="299">
        <v>758441</v>
      </c>
      <c r="GH24" s="294">
        <v>0</v>
      </c>
      <c r="GI24" s="295">
        <v>0</v>
      </c>
      <c r="GJ24" s="296">
        <v>0</v>
      </c>
      <c r="GK24" s="297">
        <v>0</v>
      </c>
      <c r="GL24" s="295">
        <v>0</v>
      </c>
      <c r="GM24" s="295">
        <v>0</v>
      </c>
      <c r="GN24" s="295">
        <v>0</v>
      </c>
      <c r="GO24" s="295">
        <v>7068</v>
      </c>
      <c r="GP24" s="295">
        <v>0</v>
      </c>
      <c r="GQ24" s="298">
        <v>7068</v>
      </c>
      <c r="GR24" s="299">
        <v>7068</v>
      </c>
      <c r="GS24" s="294">
        <v>0</v>
      </c>
      <c r="GT24" s="295">
        <v>0</v>
      </c>
      <c r="GU24" s="296">
        <v>0</v>
      </c>
      <c r="GV24" s="297">
        <v>0</v>
      </c>
      <c r="GW24" s="295">
        <v>0</v>
      </c>
      <c r="GX24" s="295">
        <v>0</v>
      </c>
      <c r="GY24" s="295">
        <v>0</v>
      </c>
      <c r="GZ24" s="295">
        <v>0</v>
      </c>
      <c r="HA24" s="295">
        <v>0</v>
      </c>
      <c r="HB24" s="298">
        <v>0</v>
      </c>
      <c r="HC24" s="299">
        <v>0</v>
      </c>
      <c r="HD24" s="294">
        <v>0</v>
      </c>
      <c r="HE24" s="295">
        <v>0</v>
      </c>
      <c r="HF24" s="296">
        <v>0</v>
      </c>
      <c r="HG24" s="300"/>
      <c r="HH24" s="295">
        <v>0</v>
      </c>
      <c r="HI24" s="295">
        <v>0</v>
      </c>
      <c r="HJ24" s="295">
        <v>0</v>
      </c>
      <c r="HK24" s="295">
        <v>0</v>
      </c>
      <c r="HL24" s="295">
        <v>0</v>
      </c>
      <c r="HM24" s="298">
        <v>0</v>
      </c>
      <c r="HN24" s="299">
        <v>0</v>
      </c>
      <c r="HO24" s="294">
        <v>0</v>
      </c>
      <c r="HP24" s="295">
        <v>0</v>
      </c>
      <c r="HQ24" s="296">
        <v>0</v>
      </c>
      <c r="HR24" s="297">
        <v>0</v>
      </c>
      <c r="HS24" s="295">
        <v>152189</v>
      </c>
      <c r="HT24" s="295">
        <v>713561</v>
      </c>
      <c r="HU24" s="295">
        <v>4343235</v>
      </c>
      <c r="HV24" s="295">
        <v>3460823</v>
      </c>
      <c r="HW24" s="295">
        <v>2441011</v>
      </c>
      <c r="HX24" s="298">
        <v>11110819</v>
      </c>
      <c r="HY24" s="299">
        <v>11110819</v>
      </c>
    </row>
    <row r="25" spans="2:233" ht="21" customHeight="1" x14ac:dyDescent="0.2">
      <c r="B25" s="292" t="s">
        <v>22</v>
      </c>
      <c r="C25" s="294">
        <v>0</v>
      </c>
      <c r="D25" s="295">
        <v>0</v>
      </c>
      <c r="E25" s="296">
        <v>0</v>
      </c>
      <c r="F25" s="297">
        <v>0</v>
      </c>
      <c r="G25" s="295">
        <v>89670</v>
      </c>
      <c r="H25" s="295">
        <v>345255</v>
      </c>
      <c r="I25" s="295">
        <v>760220</v>
      </c>
      <c r="J25" s="295">
        <v>1020910</v>
      </c>
      <c r="K25" s="295">
        <v>539420</v>
      </c>
      <c r="L25" s="298">
        <v>2755475</v>
      </c>
      <c r="M25" s="299">
        <v>2755475</v>
      </c>
      <c r="N25" s="294">
        <v>0</v>
      </c>
      <c r="O25" s="295">
        <v>0</v>
      </c>
      <c r="P25" s="296">
        <v>0</v>
      </c>
      <c r="Q25" s="300"/>
      <c r="R25" s="295">
        <v>0</v>
      </c>
      <c r="S25" s="295">
        <v>31650</v>
      </c>
      <c r="T25" s="295">
        <v>510207</v>
      </c>
      <c r="U25" s="295">
        <v>508980</v>
      </c>
      <c r="V25" s="295">
        <v>254955</v>
      </c>
      <c r="W25" s="298">
        <v>1305792</v>
      </c>
      <c r="X25" s="299">
        <v>1305792</v>
      </c>
      <c r="Y25" s="294">
        <v>0</v>
      </c>
      <c r="Z25" s="295">
        <v>0</v>
      </c>
      <c r="AA25" s="296">
        <v>0</v>
      </c>
      <c r="AB25" s="300"/>
      <c r="AC25" s="295">
        <v>85245</v>
      </c>
      <c r="AD25" s="295">
        <v>274370</v>
      </c>
      <c r="AE25" s="295">
        <v>159005</v>
      </c>
      <c r="AF25" s="295">
        <v>384565</v>
      </c>
      <c r="AG25" s="295">
        <v>252760</v>
      </c>
      <c r="AH25" s="298">
        <v>1155945</v>
      </c>
      <c r="AI25" s="299">
        <v>1155945</v>
      </c>
      <c r="AJ25" s="294">
        <v>0</v>
      </c>
      <c r="AK25" s="295">
        <v>0</v>
      </c>
      <c r="AL25" s="296">
        <v>0</v>
      </c>
      <c r="AM25" s="300"/>
      <c r="AN25" s="295">
        <v>0</v>
      </c>
      <c r="AO25" s="295">
        <v>0</v>
      </c>
      <c r="AP25" s="295">
        <v>0</v>
      </c>
      <c r="AQ25" s="295">
        <v>0</v>
      </c>
      <c r="AR25" s="295">
        <v>0</v>
      </c>
      <c r="AS25" s="298">
        <v>0</v>
      </c>
      <c r="AT25" s="299">
        <v>0</v>
      </c>
      <c r="AU25" s="294">
        <v>0</v>
      </c>
      <c r="AV25" s="295">
        <v>0</v>
      </c>
      <c r="AW25" s="296">
        <v>0</v>
      </c>
      <c r="AX25" s="300"/>
      <c r="AY25" s="295">
        <v>0</v>
      </c>
      <c r="AZ25" s="295">
        <v>0</v>
      </c>
      <c r="BA25" s="295">
        <v>0</v>
      </c>
      <c r="BB25" s="295">
        <v>2550</v>
      </c>
      <c r="BC25" s="295">
        <v>23850</v>
      </c>
      <c r="BD25" s="298">
        <v>26400</v>
      </c>
      <c r="BE25" s="299">
        <v>26400</v>
      </c>
      <c r="BF25" s="294">
        <v>0</v>
      </c>
      <c r="BG25" s="295">
        <v>0</v>
      </c>
      <c r="BH25" s="296">
        <v>0</v>
      </c>
      <c r="BI25" s="300"/>
      <c r="BJ25" s="295">
        <v>0</v>
      </c>
      <c r="BK25" s="295">
        <v>0</v>
      </c>
      <c r="BL25" s="295">
        <v>23850</v>
      </c>
      <c r="BM25" s="295">
        <v>94800</v>
      </c>
      <c r="BN25" s="295">
        <v>5100</v>
      </c>
      <c r="BO25" s="298">
        <v>123750</v>
      </c>
      <c r="BP25" s="299">
        <v>123750</v>
      </c>
      <c r="BQ25" s="294">
        <v>0</v>
      </c>
      <c r="BR25" s="295">
        <v>0</v>
      </c>
      <c r="BS25" s="296">
        <v>0</v>
      </c>
      <c r="BT25" s="297">
        <v>0</v>
      </c>
      <c r="BU25" s="295">
        <v>4425</v>
      </c>
      <c r="BV25" s="295">
        <v>38945</v>
      </c>
      <c r="BW25" s="295">
        <v>67158</v>
      </c>
      <c r="BX25" s="295">
        <v>30015</v>
      </c>
      <c r="BY25" s="295">
        <v>2755</v>
      </c>
      <c r="BZ25" s="298">
        <v>143298</v>
      </c>
      <c r="CA25" s="299">
        <v>143298</v>
      </c>
      <c r="CB25" s="294">
        <v>0</v>
      </c>
      <c r="CC25" s="295">
        <v>0</v>
      </c>
      <c r="CD25" s="296">
        <v>0</v>
      </c>
      <c r="CE25" s="297">
        <v>0</v>
      </c>
      <c r="CF25" s="295">
        <v>0</v>
      </c>
      <c r="CG25" s="295">
        <v>290</v>
      </c>
      <c r="CH25" s="295">
        <v>0</v>
      </c>
      <c r="CI25" s="295">
        <v>0</v>
      </c>
      <c r="CJ25" s="295">
        <v>0</v>
      </c>
      <c r="CK25" s="298">
        <v>290</v>
      </c>
      <c r="CL25" s="299">
        <v>290</v>
      </c>
      <c r="CM25" s="294">
        <v>0</v>
      </c>
      <c r="CN25" s="295">
        <v>0</v>
      </c>
      <c r="CO25" s="296">
        <v>0</v>
      </c>
      <c r="CP25" s="297">
        <v>0</v>
      </c>
      <c r="CQ25" s="295">
        <v>0</v>
      </c>
      <c r="CR25" s="295">
        <v>0</v>
      </c>
      <c r="CS25" s="295">
        <v>0</v>
      </c>
      <c r="CT25" s="295">
        <v>0</v>
      </c>
      <c r="CU25" s="295">
        <v>0</v>
      </c>
      <c r="CV25" s="298">
        <v>0</v>
      </c>
      <c r="CW25" s="299">
        <v>0</v>
      </c>
      <c r="CX25" s="294">
        <v>0</v>
      </c>
      <c r="CY25" s="295">
        <v>0</v>
      </c>
      <c r="CZ25" s="296">
        <v>0</v>
      </c>
      <c r="DA25" s="300"/>
      <c r="DB25" s="295">
        <v>0</v>
      </c>
      <c r="DC25" s="295">
        <v>0</v>
      </c>
      <c r="DD25" s="295">
        <v>0</v>
      </c>
      <c r="DE25" s="295">
        <v>0</v>
      </c>
      <c r="DF25" s="295">
        <v>0</v>
      </c>
      <c r="DG25" s="298">
        <v>0</v>
      </c>
      <c r="DH25" s="299">
        <v>0</v>
      </c>
      <c r="DI25" s="294">
        <v>0</v>
      </c>
      <c r="DJ25" s="295">
        <v>0</v>
      </c>
      <c r="DK25" s="296">
        <v>0</v>
      </c>
      <c r="DL25" s="297">
        <v>0</v>
      </c>
      <c r="DM25" s="295">
        <v>4996</v>
      </c>
      <c r="DN25" s="295">
        <v>118955</v>
      </c>
      <c r="DO25" s="295">
        <v>712177</v>
      </c>
      <c r="DP25" s="295">
        <v>931470</v>
      </c>
      <c r="DQ25" s="295">
        <v>351502</v>
      </c>
      <c r="DR25" s="298">
        <v>2119100</v>
      </c>
      <c r="DS25" s="301">
        <v>2119100</v>
      </c>
      <c r="DT25" s="294">
        <v>0</v>
      </c>
      <c r="DU25" s="295">
        <v>0</v>
      </c>
      <c r="DV25" s="296">
        <v>0</v>
      </c>
      <c r="DW25" s="300"/>
      <c r="DX25" s="295">
        <v>0</v>
      </c>
      <c r="DY25" s="295">
        <v>14550</v>
      </c>
      <c r="DZ25" s="295">
        <v>563205</v>
      </c>
      <c r="EA25" s="295">
        <v>700686</v>
      </c>
      <c r="EB25" s="295">
        <v>276441</v>
      </c>
      <c r="EC25" s="298">
        <v>1554882</v>
      </c>
      <c r="ED25" s="299">
        <v>1554882</v>
      </c>
      <c r="EE25" s="294">
        <v>0</v>
      </c>
      <c r="EF25" s="295">
        <v>0</v>
      </c>
      <c r="EG25" s="296">
        <v>0</v>
      </c>
      <c r="EH25" s="300"/>
      <c r="EI25" s="295">
        <v>1027</v>
      </c>
      <c r="EJ25" s="295">
        <v>55784</v>
      </c>
      <c r="EK25" s="295">
        <v>2317</v>
      </c>
      <c r="EL25" s="295">
        <v>37496</v>
      </c>
      <c r="EM25" s="295">
        <v>13004</v>
      </c>
      <c r="EN25" s="298">
        <v>109628</v>
      </c>
      <c r="EO25" s="299">
        <v>109628</v>
      </c>
      <c r="EP25" s="294">
        <v>0</v>
      </c>
      <c r="EQ25" s="295">
        <v>0</v>
      </c>
      <c r="ER25" s="296">
        <v>0</v>
      </c>
      <c r="ES25" s="300"/>
      <c r="ET25" s="295">
        <v>0</v>
      </c>
      <c r="EU25" s="295">
        <v>0</v>
      </c>
      <c r="EV25" s="295">
        <v>0</v>
      </c>
      <c r="EW25" s="295">
        <v>0</v>
      </c>
      <c r="EX25" s="295">
        <v>0</v>
      </c>
      <c r="EY25" s="298">
        <v>0</v>
      </c>
      <c r="EZ25" s="299">
        <v>0</v>
      </c>
      <c r="FA25" s="294">
        <v>0</v>
      </c>
      <c r="FB25" s="295">
        <v>0</v>
      </c>
      <c r="FC25" s="296">
        <v>0</v>
      </c>
      <c r="FD25" s="300"/>
      <c r="FE25" s="295">
        <v>0</v>
      </c>
      <c r="FF25" s="295">
        <v>0</v>
      </c>
      <c r="FG25" s="295">
        <v>0</v>
      </c>
      <c r="FH25" s="295">
        <v>210</v>
      </c>
      <c r="FI25" s="295">
        <v>10740</v>
      </c>
      <c r="FJ25" s="298">
        <v>10950</v>
      </c>
      <c r="FK25" s="299">
        <v>10950</v>
      </c>
      <c r="FL25" s="294">
        <v>0</v>
      </c>
      <c r="FM25" s="295">
        <v>0</v>
      </c>
      <c r="FN25" s="296">
        <v>0</v>
      </c>
      <c r="FO25" s="300"/>
      <c r="FP25" s="295">
        <v>0</v>
      </c>
      <c r="FQ25" s="295">
        <v>0</v>
      </c>
      <c r="FR25" s="295">
        <v>20700</v>
      </c>
      <c r="FS25" s="295">
        <v>153600</v>
      </c>
      <c r="FT25" s="295">
        <v>41400</v>
      </c>
      <c r="FU25" s="298">
        <v>215700</v>
      </c>
      <c r="FV25" s="299">
        <v>215700</v>
      </c>
      <c r="FW25" s="294">
        <v>0</v>
      </c>
      <c r="FX25" s="295">
        <v>0</v>
      </c>
      <c r="FY25" s="296">
        <v>0</v>
      </c>
      <c r="FZ25" s="297">
        <v>0</v>
      </c>
      <c r="GA25" s="295">
        <v>3969</v>
      </c>
      <c r="GB25" s="295">
        <v>47905</v>
      </c>
      <c r="GC25" s="295">
        <v>125955</v>
      </c>
      <c r="GD25" s="295">
        <v>39478</v>
      </c>
      <c r="GE25" s="295">
        <v>9917</v>
      </c>
      <c r="GF25" s="298">
        <v>227224</v>
      </c>
      <c r="GG25" s="299">
        <v>227224</v>
      </c>
      <c r="GH25" s="294">
        <v>0</v>
      </c>
      <c r="GI25" s="295">
        <v>0</v>
      </c>
      <c r="GJ25" s="296">
        <v>0</v>
      </c>
      <c r="GK25" s="297">
        <v>0</v>
      </c>
      <c r="GL25" s="295">
        <v>0</v>
      </c>
      <c r="GM25" s="295">
        <v>716</v>
      </c>
      <c r="GN25" s="295">
        <v>0</v>
      </c>
      <c r="GO25" s="295">
        <v>0</v>
      </c>
      <c r="GP25" s="295">
        <v>0</v>
      </c>
      <c r="GQ25" s="298">
        <v>716</v>
      </c>
      <c r="GR25" s="299">
        <v>716</v>
      </c>
      <c r="GS25" s="294">
        <v>0</v>
      </c>
      <c r="GT25" s="295">
        <v>0</v>
      </c>
      <c r="GU25" s="296">
        <v>0</v>
      </c>
      <c r="GV25" s="297">
        <v>0</v>
      </c>
      <c r="GW25" s="295">
        <v>0</v>
      </c>
      <c r="GX25" s="295">
        <v>0</v>
      </c>
      <c r="GY25" s="295">
        <v>0</v>
      </c>
      <c r="GZ25" s="295">
        <v>0</v>
      </c>
      <c r="HA25" s="295">
        <v>0</v>
      </c>
      <c r="HB25" s="298">
        <v>0</v>
      </c>
      <c r="HC25" s="299">
        <v>0</v>
      </c>
      <c r="HD25" s="294">
        <v>0</v>
      </c>
      <c r="HE25" s="295">
        <v>0</v>
      </c>
      <c r="HF25" s="296">
        <v>0</v>
      </c>
      <c r="HG25" s="300"/>
      <c r="HH25" s="295">
        <v>0</v>
      </c>
      <c r="HI25" s="295">
        <v>0</v>
      </c>
      <c r="HJ25" s="295">
        <v>0</v>
      </c>
      <c r="HK25" s="295">
        <v>0</v>
      </c>
      <c r="HL25" s="295">
        <v>0</v>
      </c>
      <c r="HM25" s="298">
        <v>0</v>
      </c>
      <c r="HN25" s="299">
        <v>0</v>
      </c>
      <c r="HO25" s="294">
        <v>0</v>
      </c>
      <c r="HP25" s="295">
        <v>0</v>
      </c>
      <c r="HQ25" s="296">
        <v>0</v>
      </c>
      <c r="HR25" s="297">
        <v>0</v>
      </c>
      <c r="HS25" s="295">
        <v>94666</v>
      </c>
      <c r="HT25" s="295">
        <v>464210</v>
      </c>
      <c r="HU25" s="295">
        <v>1472397</v>
      </c>
      <c r="HV25" s="295">
        <v>1952380</v>
      </c>
      <c r="HW25" s="295">
        <v>890922</v>
      </c>
      <c r="HX25" s="298">
        <v>4874575</v>
      </c>
      <c r="HY25" s="299">
        <v>4874575</v>
      </c>
    </row>
    <row r="26" spans="2:233" ht="21" customHeight="1" x14ac:dyDescent="0.2">
      <c r="B26" s="292" t="s">
        <v>23</v>
      </c>
      <c r="C26" s="294">
        <v>0</v>
      </c>
      <c r="D26" s="295">
        <v>580</v>
      </c>
      <c r="E26" s="296">
        <v>580</v>
      </c>
      <c r="F26" s="297">
        <v>0</v>
      </c>
      <c r="G26" s="295">
        <v>143665</v>
      </c>
      <c r="H26" s="295">
        <v>360210</v>
      </c>
      <c r="I26" s="295">
        <v>1067276</v>
      </c>
      <c r="J26" s="295">
        <v>1366358</v>
      </c>
      <c r="K26" s="295">
        <v>1108175</v>
      </c>
      <c r="L26" s="298">
        <v>4045684</v>
      </c>
      <c r="M26" s="299">
        <v>4046264</v>
      </c>
      <c r="N26" s="294">
        <v>0</v>
      </c>
      <c r="O26" s="295">
        <v>0</v>
      </c>
      <c r="P26" s="296">
        <v>0</v>
      </c>
      <c r="Q26" s="300"/>
      <c r="R26" s="295">
        <v>55500</v>
      </c>
      <c r="S26" s="295">
        <v>195895</v>
      </c>
      <c r="T26" s="295">
        <v>732850</v>
      </c>
      <c r="U26" s="295">
        <v>1060380</v>
      </c>
      <c r="V26" s="295">
        <v>722430</v>
      </c>
      <c r="W26" s="298">
        <v>2767055</v>
      </c>
      <c r="X26" s="299">
        <v>2767055</v>
      </c>
      <c r="Y26" s="294">
        <v>0</v>
      </c>
      <c r="Z26" s="295">
        <v>0</v>
      </c>
      <c r="AA26" s="296">
        <v>0</v>
      </c>
      <c r="AB26" s="300"/>
      <c r="AC26" s="295">
        <v>44465</v>
      </c>
      <c r="AD26" s="295">
        <v>131400</v>
      </c>
      <c r="AE26" s="295">
        <v>210216</v>
      </c>
      <c r="AF26" s="295">
        <v>247150</v>
      </c>
      <c r="AG26" s="295">
        <v>301570</v>
      </c>
      <c r="AH26" s="298">
        <v>934801</v>
      </c>
      <c r="AI26" s="299">
        <v>934801</v>
      </c>
      <c r="AJ26" s="294">
        <v>0</v>
      </c>
      <c r="AK26" s="295">
        <v>0</v>
      </c>
      <c r="AL26" s="296">
        <v>0</v>
      </c>
      <c r="AM26" s="300"/>
      <c r="AN26" s="295">
        <v>0</v>
      </c>
      <c r="AO26" s="295">
        <v>0</v>
      </c>
      <c r="AP26" s="295">
        <v>0</v>
      </c>
      <c r="AQ26" s="295">
        <v>0</v>
      </c>
      <c r="AR26" s="295">
        <v>31650</v>
      </c>
      <c r="AS26" s="298">
        <v>31650</v>
      </c>
      <c r="AT26" s="299">
        <v>31650</v>
      </c>
      <c r="AU26" s="294">
        <v>0</v>
      </c>
      <c r="AV26" s="295">
        <v>0</v>
      </c>
      <c r="AW26" s="296">
        <v>0</v>
      </c>
      <c r="AX26" s="300"/>
      <c r="AY26" s="295">
        <v>0</v>
      </c>
      <c r="AZ26" s="295">
        <v>0</v>
      </c>
      <c r="BA26" s="295">
        <v>0</v>
      </c>
      <c r="BB26" s="295">
        <v>25960</v>
      </c>
      <c r="BC26" s="295">
        <v>26400</v>
      </c>
      <c r="BD26" s="298">
        <v>52360</v>
      </c>
      <c r="BE26" s="299">
        <v>52360</v>
      </c>
      <c r="BF26" s="294">
        <v>0</v>
      </c>
      <c r="BG26" s="295">
        <v>0</v>
      </c>
      <c r="BH26" s="296">
        <v>0</v>
      </c>
      <c r="BI26" s="300"/>
      <c r="BJ26" s="295">
        <v>0</v>
      </c>
      <c r="BK26" s="295">
        <v>0</v>
      </c>
      <c r="BL26" s="295">
        <v>0</v>
      </c>
      <c r="BM26" s="295">
        <v>0</v>
      </c>
      <c r="BN26" s="295">
        <v>0</v>
      </c>
      <c r="BO26" s="298">
        <v>0</v>
      </c>
      <c r="BP26" s="299">
        <v>0</v>
      </c>
      <c r="BQ26" s="294">
        <v>0</v>
      </c>
      <c r="BR26" s="295">
        <v>580</v>
      </c>
      <c r="BS26" s="296">
        <v>580</v>
      </c>
      <c r="BT26" s="297">
        <v>0</v>
      </c>
      <c r="BU26" s="295">
        <v>43700</v>
      </c>
      <c r="BV26" s="295">
        <v>32915</v>
      </c>
      <c r="BW26" s="295">
        <v>124210</v>
      </c>
      <c r="BX26" s="295">
        <v>32868</v>
      </c>
      <c r="BY26" s="295">
        <v>26125</v>
      </c>
      <c r="BZ26" s="298">
        <v>259818</v>
      </c>
      <c r="CA26" s="299">
        <v>260398</v>
      </c>
      <c r="CB26" s="294">
        <v>0</v>
      </c>
      <c r="CC26" s="295">
        <v>0</v>
      </c>
      <c r="CD26" s="296">
        <v>0</v>
      </c>
      <c r="CE26" s="297">
        <v>0</v>
      </c>
      <c r="CF26" s="295">
        <v>0</v>
      </c>
      <c r="CG26" s="295">
        <v>0</v>
      </c>
      <c r="CH26" s="295">
        <v>0</v>
      </c>
      <c r="CI26" s="295">
        <v>0</v>
      </c>
      <c r="CJ26" s="295">
        <v>0</v>
      </c>
      <c r="CK26" s="298">
        <v>0</v>
      </c>
      <c r="CL26" s="299">
        <v>0</v>
      </c>
      <c r="CM26" s="294">
        <v>0</v>
      </c>
      <c r="CN26" s="295">
        <v>0</v>
      </c>
      <c r="CO26" s="296">
        <v>0</v>
      </c>
      <c r="CP26" s="297">
        <v>0</v>
      </c>
      <c r="CQ26" s="295">
        <v>0</v>
      </c>
      <c r="CR26" s="295">
        <v>0</v>
      </c>
      <c r="CS26" s="295">
        <v>0</v>
      </c>
      <c r="CT26" s="295">
        <v>0</v>
      </c>
      <c r="CU26" s="295">
        <v>0</v>
      </c>
      <c r="CV26" s="298">
        <v>0</v>
      </c>
      <c r="CW26" s="299">
        <v>0</v>
      </c>
      <c r="CX26" s="294">
        <v>0</v>
      </c>
      <c r="CY26" s="295">
        <v>0</v>
      </c>
      <c r="CZ26" s="296">
        <v>0</v>
      </c>
      <c r="DA26" s="300"/>
      <c r="DB26" s="295">
        <v>0</v>
      </c>
      <c r="DC26" s="295">
        <v>0</v>
      </c>
      <c r="DD26" s="295">
        <v>0</v>
      </c>
      <c r="DE26" s="295">
        <v>0</v>
      </c>
      <c r="DF26" s="295">
        <v>0</v>
      </c>
      <c r="DG26" s="298">
        <v>0</v>
      </c>
      <c r="DH26" s="299">
        <v>0</v>
      </c>
      <c r="DI26" s="294">
        <v>0</v>
      </c>
      <c r="DJ26" s="295">
        <v>2784</v>
      </c>
      <c r="DK26" s="296">
        <v>2784</v>
      </c>
      <c r="DL26" s="297">
        <v>0</v>
      </c>
      <c r="DM26" s="295">
        <v>107746</v>
      </c>
      <c r="DN26" s="295">
        <v>232574</v>
      </c>
      <c r="DO26" s="295">
        <v>939552</v>
      </c>
      <c r="DP26" s="295">
        <v>1339166</v>
      </c>
      <c r="DQ26" s="295">
        <v>899661</v>
      </c>
      <c r="DR26" s="298">
        <v>3518699</v>
      </c>
      <c r="DS26" s="301">
        <v>3521483</v>
      </c>
      <c r="DT26" s="294">
        <v>0</v>
      </c>
      <c r="DU26" s="295">
        <v>0</v>
      </c>
      <c r="DV26" s="296">
        <v>0</v>
      </c>
      <c r="DW26" s="300"/>
      <c r="DX26" s="295">
        <v>31980</v>
      </c>
      <c r="DY26" s="295">
        <v>173687</v>
      </c>
      <c r="DZ26" s="295">
        <v>777788</v>
      </c>
      <c r="EA26" s="295">
        <v>1165500</v>
      </c>
      <c r="EB26" s="295">
        <v>765203</v>
      </c>
      <c r="EC26" s="298">
        <v>2914158</v>
      </c>
      <c r="ED26" s="299">
        <v>2914158</v>
      </c>
      <c r="EE26" s="294">
        <v>0</v>
      </c>
      <c r="EF26" s="295">
        <v>0</v>
      </c>
      <c r="EG26" s="296">
        <v>0</v>
      </c>
      <c r="EH26" s="300"/>
      <c r="EI26" s="295">
        <v>22680</v>
      </c>
      <c r="EJ26" s="295">
        <v>2520</v>
      </c>
      <c r="EK26" s="295">
        <v>1897</v>
      </c>
      <c r="EL26" s="295">
        <v>88429</v>
      </c>
      <c r="EM26" s="295">
        <v>110136</v>
      </c>
      <c r="EN26" s="298">
        <v>225662</v>
      </c>
      <c r="EO26" s="299">
        <v>225662</v>
      </c>
      <c r="EP26" s="294">
        <v>0</v>
      </c>
      <c r="EQ26" s="295">
        <v>0</v>
      </c>
      <c r="ER26" s="296">
        <v>0</v>
      </c>
      <c r="ES26" s="300"/>
      <c r="ET26" s="295">
        <v>0</v>
      </c>
      <c r="EU26" s="295">
        <v>0</v>
      </c>
      <c r="EV26" s="295">
        <v>0</v>
      </c>
      <c r="EW26" s="295">
        <v>0</v>
      </c>
      <c r="EX26" s="295">
        <v>210</v>
      </c>
      <c r="EY26" s="298">
        <v>210</v>
      </c>
      <c r="EZ26" s="299">
        <v>210</v>
      </c>
      <c r="FA26" s="294">
        <v>0</v>
      </c>
      <c r="FB26" s="295">
        <v>0</v>
      </c>
      <c r="FC26" s="296">
        <v>0</v>
      </c>
      <c r="FD26" s="300"/>
      <c r="FE26" s="295">
        <v>0</v>
      </c>
      <c r="FF26" s="295">
        <v>0</v>
      </c>
      <c r="FG26" s="295">
        <v>0</v>
      </c>
      <c r="FH26" s="295">
        <v>224</v>
      </c>
      <c r="FI26" s="295">
        <v>420</v>
      </c>
      <c r="FJ26" s="298">
        <v>644</v>
      </c>
      <c r="FK26" s="299">
        <v>644</v>
      </c>
      <c r="FL26" s="294">
        <v>0</v>
      </c>
      <c r="FM26" s="295">
        <v>0</v>
      </c>
      <c r="FN26" s="296">
        <v>0</v>
      </c>
      <c r="FO26" s="300"/>
      <c r="FP26" s="295">
        <v>0</v>
      </c>
      <c r="FQ26" s="295">
        <v>0</v>
      </c>
      <c r="FR26" s="295">
        <v>0</v>
      </c>
      <c r="FS26" s="295">
        <v>0</v>
      </c>
      <c r="FT26" s="295">
        <v>0</v>
      </c>
      <c r="FU26" s="298">
        <v>0</v>
      </c>
      <c r="FV26" s="299">
        <v>0</v>
      </c>
      <c r="FW26" s="294">
        <v>0</v>
      </c>
      <c r="FX26" s="295">
        <v>2784</v>
      </c>
      <c r="FY26" s="296">
        <v>2784</v>
      </c>
      <c r="FZ26" s="297">
        <v>0</v>
      </c>
      <c r="GA26" s="295">
        <v>53086</v>
      </c>
      <c r="GB26" s="295">
        <v>56367</v>
      </c>
      <c r="GC26" s="295">
        <v>159867</v>
      </c>
      <c r="GD26" s="295">
        <v>85013</v>
      </c>
      <c r="GE26" s="295">
        <v>23692</v>
      </c>
      <c r="GF26" s="298">
        <v>378025</v>
      </c>
      <c r="GG26" s="299">
        <v>380809</v>
      </c>
      <c r="GH26" s="294">
        <v>0</v>
      </c>
      <c r="GI26" s="295">
        <v>0</v>
      </c>
      <c r="GJ26" s="296">
        <v>0</v>
      </c>
      <c r="GK26" s="297">
        <v>0</v>
      </c>
      <c r="GL26" s="295">
        <v>0</v>
      </c>
      <c r="GM26" s="295">
        <v>0</v>
      </c>
      <c r="GN26" s="295">
        <v>0</v>
      </c>
      <c r="GO26" s="295">
        <v>0</v>
      </c>
      <c r="GP26" s="295">
        <v>0</v>
      </c>
      <c r="GQ26" s="298">
        <v>0</v>
      </c>
      <c r="GR26" s="299">
        <v>0</v>
      </c>
      <c r="GS26" s="294">
        <v>0</v>
      </c>
      <c r="GT26" s="295">
        <v>0</v>
      </c>
      <c r="GU26" s="296">
        <v>0</v>
      </c>
      <c r="GV26" s="297">
        <v>0</v>
      </c>
      <c r="GW26" s="295">
        <v>0</v>
      </c>
      <c r="GX26" s="295">
        <v>0</v>
      </c>
      <c r="GY26" s="295">
        <v>0</v>
      </c>
      <c r="GZ26" s="295">
        <v>0</v>
      </c>
      <c r="HA26" s="295">
        <v>0</v>
      </c>
      <c r="HB26" s="298">
        <v>0</v>
      </c>
      <c r="HC26" s="299">
        <v>0</v>
      </c>
      <c r="HD26" s="294">
        <v>0</v>
      </c>
      <c r="HE26" s="295">
        <v>0</v>
      </c>
      <c r="HF26" s="296">
        <v>0</v>
      </c>
      <c r="HG26" s="300"/>
      <c r="HH26" s="295">
        <v>0</v>
      </c>
      <c r="HI26" s="295">
        <v>0</v>
      </c>
      <c r="HJ26" s="295">
        <v>0</v>
      </c>
      <c r="HK26" s="295">
        <v>0</v>
      </c>
      <c r="HL26" s="295">
        <v>0</v>
      </c>
      <c r="HM26" s="298">
        <v>0</v>
      </c>
      <c r="HN26" s="299">
        <v>0</v>
      </c>
      <c r="HO26" s="294">
        <v>0</v>
      </c>
      <c r="HP26" s="295">
        <v>3364</v>
      </c>
      <c r="HQ26" s="296">
        <v>3364</v>
      </c>
      <c r="HR26" s="297">
        <v>0</v>
      </c>
      <c r="HS26" s="295">
        <v>251411</v>
      </c>
      <c r="HT26" s="295">
        <v>592784</v>
      </c>
      <c r="HU26" s="295">
        <v>2006828</v>
      </c>
      <c r="HV26" s="295">
        <v>2705524</v>
      </c>
      <c r="HW26" s="295">
        <v>2007836</v>
      </c>
      <c r="HX26" s="298">
        <v>7564383</v>
      </c>
      <c r="HY26" s="299">
        <v>7567747</v>
      </c>
    </row>
    <row r="27" spans="2:233" ht="21" customHeight="1" x14ac:dyDescent="0.2">
      <c r="B27" s="292" t="s">
        <v>24</v>
      </c>
      <c r="C27" s="294">
        <v>0</v>
      </c>
      <c r="D27" s="295">
        <v>0</v>
      </c>
      <c r="E27" s="296">
        <v>0</v>
      </c>
      <c r="F27" s="297">
        <v>0</v>
      </c>
      <c r="G27" s="295">
        <v>67625</v>
      </c>
      <c r="H27" s="295">
        <v>99260</v>
      </c>
      <c r="I27" s="295">
        <v>378471</v>
      </c>
      <c r="J27" s="295">
        <v>496670</v>
      </c>
      <c r="K27" s="295">
        <v>491225</v>
      </c>
      <c r="L27" s="298">
        <v>1533251</v>
      </c>
      <c r="M27" s="299">
        <v>1533251</v>
      </c>
      <c r="N27" s="294">
        <v>0</v>
      </c>
      <c r="O27" s="295">
        <v>0</v>
      </c>
      <c r="P27" s="296">
        <v>0</v>
      </c>
      <c r="Q27" s="300"/>
      <c r="R27" s="295">
        <v>0</v>
      </c>
      <c r="S27" s="295">
        <v>0</v>
      </c>
      <c r="T27" s="295">
        <v>287720</v>
      </c>
      <c r="U27" s="295">
        <v>373380</v>
      </c>
      <c r="V27" s="295">
        <v>416250</v>
      </c>
      <c r="W27" s="298">
        <v>1077350</v>
      </c>
      <c r="X27" s="299">
        <v>1077350</v>
      </c>
      <c r="Y27" s="294">
        <v>0</v>
      </c>
      <c r="Z27" s="295">
        <v>0</v>
      </c>
      <c r="AA27" s="296">
        <v>0</v>
      </c>
      <c r="AB27" s="300"/>
      <c r="AC27" s="295">
        <v>63150</v>
      </c>
      <c r="AD27" s="295">
        <v>70860</v>
      </c>
      <c r="AE27" s="295">
        <v>73500</v>
      </c>
      <c r="AF27" s="295">
        <v>86400</v>
      </c>
      <c r="AG27" s="295">
        <v>61780</v>
      </c>
      <c r="AH27" s="298">
        <v>355690</v>
      </c>
      <c r="AI27" s="299">
        <v>355690</v>
      </c>
      <c r="AJ27" s="294">
        <v>0</v>
      </c>
      <c r="AK27" s="295">
        <v>0</v>
      </c>
      <c r="AL27" s="296">
        <v>0</v>
      </c>
      <c r="AM27" s="300"/>
      <c r="AN27" s="295">
        <v>0</v>
      </c>
      <c r="AO27" s="295">
        <v>0</v>
      </c>
      <c r="AP27" s="295">
        <v>0</v>
      </c>
      <c r="AQ27" s="295">
        <v>0</v>
      </c>
      <c r="AR27" s="295">
        <v>0</v>
      </c>
      <c r="AS27" s="298">
        <v>0</v>
      </c>
      <c r="AT27" s="299">
        <v>0</v>
      </c>
      <c r="AU27" s="294">
        <v>0</v>
      </c>
      <c r="AV27" s="295">
        <v>0</v>
      </c>
      <c r="AW27" s="296">
        <v>0</v>
      </c>
      <c r="AX27" s="300"/>
      <c r="AY27" s="295">
        <v>0</v>
      </c>
      <c r="AZ27" s="295">
        <v>0</v>
      </c>
      <c r="BA27" s="295">
        <v>0</v>
      </c>
      <c r="BB27" s="295">
        <v>0</v>
      </c>
      <c r="BC27" s="295">
        <v>0</v>
      </c>
      <c r="BD27" s="298">
        <v>0</v>
      </c>
      <c r="BE27" s="299">
        <v>0</v>
      </c>
      <c r="BF27" s="294">
        <v>0</v>
      </c>
      <c r="BG27" s="295">
        <v>0</v>
      </c>
      <c r="BH27" s="296">
        <v>0</v>
      </c>
      <c r="BI27" s="300"/>
      <c r="BJ27" s="295">
        <v>0</v>
      </c>
      <c r="BK27" s="295">
        <v>0</v>
      </c>
      <c r="BL27" s="295">
        <v>0</v>
      </c>
      <c r="BM27" s="295">
        <v>0</v>
      </c>
      <c r="BN27" s="295">
        <v>0</v>
      </c>
      <c r="BO27" s="298">
        <v>0</v>
      </c>
      <c r="BP27" s="299">
        <v>0</v>
      </c>
      <c r="BQ27" s="294">
        <v>0</v>
      </c>
      <c r="BR27" s="295">
        <v>0</v>
      </c>
      <c r="BS27" s="296">
        <v>0</v>
      </c>
      <c r="BT27" s="297">
        <v>0</v>
      </c>
      <c r="BU27" s="295">
        <v>3920</v>
      </c>
      <c r="BV27" s="295">
        <v>28400</v>
      </c>
      <c r="BW27" s="295">
        <v>17251</v>
      </c>
      <c r="BX27" s="295">
        <v>36890</v>
      </c>
      <c r="BY27" s="295">
        <v>13195</v>
      </c>
      <c r="BZ27" s="298">
        <v>99656</v>
      </c>
      <c r="CA27" s="299">
        <v>99656</v>
      </c>
      <c r="CB27" s="294">
        <v>0</v>
      </c>
      <c r="CC27" s="295">
        <v>0</v>
      </c>
      <c r="CD27" s="296">
        <v>0</v>
      </c>
      <c r="CE27" s="297">
        <v>0</v>
      </c>
      <c r="CF27" s="295">
        <v>555</v>
      </c>
      <c r="CG27" s="295">
        <v>0</v>
      </c>
      <c r="CH27" s="295">
        <v>0</v>
      </c>
      <c r="CI27" s="295">
        <v>0</v>
      </c>
      <c r="CJ27" s="295">
        <v>0</v>
      </c>
      <c r="CK27" s="298">
        <v>555</v>
      </c>
      <c r="CL27" s="299">
        <v>555</v>
      </c>
      <c r="CM27" s="294">
        <v>0</v>
      </c>
      <c r="CN27" s="295">
        <v>0</v>
      </c>
      <c r="CO27" s="296">
        <v>0</v>
      </c>
      <c r="CP27" s="297">
        <v>0</v>
      </c>
      <c r="CQ27" s="295">
        <v>0</v>
      </c>
      <c r="CR27" s="295">
        <v>0</v>
      </c>
      <c r="CS27" s="295">
        <v>0</v>
      </c>
      <c r="CT27" s="295">
        <v>0</v>
      </c>
      <c r="CU27" s="295">
        <v>0</v>
      </c>
      <c r="CV27" s="298">
        <v>0</v>
      </c>
      <c r="CW27" s="299">
        <v>0</v>
      </c>
      <c r="CX27" s="294">
        <v>0</v>
      </c>
      <c r="CY27" s="295">
        <v>0</v>
      </c>
      <c r="CZ27" s="296">
        <v>0</v>
      </c>
      <c r="DA27" s="300"/>
      <c r="DB27" s="295">
        <v>0</v>
      </c>
      <c r="DC27" s="295">
        <v>0</v>
      </c>
      <c r="DD27" s="295">
        <v>0</v>
      </c>
      <c r="DE27" s="295">
        <v>0</v>
      </c>
      <c r="DF27" s="295">
        <v>0</v>
      </c>
      <c r="DG27" s="298">
        <v>0</v>
      </c>
      <c r="DH27" s="299">
        <v>0</v>
      </c>
      <c r="DI27" s="294">
        <v>0</v>
      </c>
      <c r="DJ27" s="295">
        <v>0</v>
      </c>
      <c r="DK27" s="296">
        <v>0</v>
      </c>
      <c r="DL27" s="297">
        <v>0</v>
      </c>
      <c r="DM27" s="295">
        <v>45171</v>
      </c>
      <c r="DN27" s="295">
        <v>41450</v>
      </c>
      <c r="DO27" s="295">
        <v>414842</v>
      </c>
      <c r="DP27" s="295">
        <v>652457</v>
      </c>
      <c r="DQ27" s="295">
        <v>615516</v>
      </c>
      <c r="DR27" s="298">
        <v>1769436</v>
      </c>
      <c r="DS27" s="301">
        <v>1769436</v>
      </c>
      <c r="DT27" s="294">
        <v>0</v>
      </c>
      <c r="DU27" s="295">
        <v>0</v>
      </c>
      <c r="DV27" s="296">
        <v>0</v>
      </c>
      <c r="DW27" s="300"/>
      <c r="DX27" s="295">
        <v>0</v>
      </c>
      <c r="DY27" s="295">
        <v>0</v>
      </c>
      <c r="DZ27" s="295">
        <v>376907</v>
      </c>
      <c r="EA27" s="295">
        <v>565702</v>
      </c>
      <c r="EB27" s="295">
        <v>587871</v>
      </c>
      <c r="EC27" s="298">
        <v>1530480</v>
      </c>
      <c r="ED27" s="299">
        <v>1530480</v>
      </c>
      <c r="EE27" s="294">
        <v>0</v>
      </c>
      <c r="EF27" s="295">
        <v>0</v>
      </c>
      <c r="EG27" s="296">
        <v>0</v>
      </c>
      <c r="EH27" s="300"/>
      <c r="EI27" s="295">
        <v>36180</v>
      </c>
      <c r="EJ27" s="295">
        <v>22112</v>
      </c>
      <c r="EK27" s="295">
        <v>21930</v>
      </c>
      <c r="EL27" s="295">
        <v>33870</v>
      </c>
      <c r="EM27" s="295">
        <v>11492</v>
      </c>
      <c r="EN27" s="298">
        <v>125584</v>
      </c>
      <c r="EO27" s="299">
        <v>125584</v>
      </c>
      <c r="EP27" s="294">
        <v>0</v>
      </c>
      <c r="EQ27" s="295">
        <v>0</v>
      </c>
      <c r="ER27" s="296">
        <v>0</v>
      </c>
      <c r="ES27" s="300"/>
      <c r="ET27" s="295">
        <v>0</v>
      </c>
      <c r="EU27" s="295">
        <v>0</v>
      </c>
      <c r="EV27" s="295">
        <v>0</v>
      </c>
      <c r="EW27" s="295">
        <v>0</v>
      </c>
      <c r="EX27" s="295">
        <v>0</v>
      </c>
      <c r="EY27" s="298">
        <v>0</v>
      </c>
      <c r="EZ27" s="299">
        <v>0</v>
      </c>
      <c r="FA27" s="294">
        <v>0</v>
      </c>
      <c r="FB27" s="295">
        <v>0</v>
      </c>
      <c r="FC27" s="296">
        <v>0</v>
      </c>
      <c r="FD27" s="300"/>
      <c r="FE27" s="295">
        <v>0</v>
      </c>
      <c r="FF27" s="295">
        <v>0</v>
      </c>
      <c r="FG27" s="295">
        <v>0</v>
      </c>
      <c r="FH27" s="295">
        <v>0</v>
      </c>
      <c r="FI27" s="295">
        <v>0</v>
      </c>
      <c r="FJ27" s="298">
        <v>0</v>
      </c>
      <c r="FK27" s="299">
        <v>0</v>
      </c>
      <c r="FL27" s="294">
        <v>0</v>
      </c>
      <c r="FM27" s="295">
        <v>0</v>
      </c>
      <c r="FN27" s="296">
        <v>0</v>
      </c>
      <c r="FO27" s="300"/>
      <c r="FP27" s="295">
        <v>0</v>
      </c>
      <c r="FQ27" s="295">
        <v>0</v>
      </c>
      <c r="FR27" s="295">
        <v>0</v>
      </c>
      <c r="FS27" s="295">
        <v>0</v>
      </c>
      <c r="FT27" s="295">
        <v>0</v>
      </c>
      <c r="FU27" s="298">
        <v>0</v>
      </c>
      <c r="FV27" s="299">
        <v>0</v>
      </c>
      <c r="FW27" s="294">
        <v>0</v>
      </c>
      <c r="FX27" s="295">
        <v>0</v>
      </c>
      <c r="FY27" s="296">
        <v>0</v>
      </c>
      <c r="FZ27" s="297">
        <v>0</v>
      </c>
      <c r="GA27" s="295">
        <v>8956</v>
      </c>
      <c r="GB27" s="295">
        <v>19338</v>
      </c>
      <c r="GC27" s="295">
        <v>16005</v>
      </c>
      <c r="GD27" s="295">
        <v>52885</v>
      </c>
      <c r="GE27" s="295">
        <v>16153</v>
      </c>
      <c r="GF27" s="298">
        <v>113337</v>
      </c>
      <c r="GG27" s="299">
        <v>113337</v>
      </c>
      <c r="GH27" s="294">
        <v>0</v>
      </c>
      <c r="GI27" s="295">
        <v>0</v>
      </c>
      <c r="GJ27" s="296">
        <v>0</v>
      </c>
      <c r="GK27" s="297">
        <v>0</v>
      </c>
      <c r="GL27" s="295">
        <v>35</v>
      </c>
      <c r="GM27" s="295">
        <v>0</v>
      </c>
      <c r="GN27" s="295">
        <v>0</v>
      </c>
      <c r="GO27" s="295">
        <v>0</v>
      </c>
      <c r="GP27" s="295">
        <v>0</v>
      </c>
      <c r="GQ27" s="298">
        <v>35</v>
      </c>
      <c r="GR27" s="299">
        <v>35</v>
      </c>
      <c r="GS27" s="294">
        <v>0</v>
      </c>
      <c r="GT27" s="295">
        <v>0</v>
      </c>
      <c r="GU27" s="296">
        <v>0</v>
      </c>
      <c r="GV27" s="297">
        <v>0</v>
      </c>
      <c r="GW27" s="295">
        <v>0</v>
      </c>
      <c r="GX27" s="295">
        <v>0</v>
      </c>
      <c r="GY27" s="295">
        <v>0</v>
      </c>
      <c r="GZ27" s="295">
        <v>0</v>
      </c>
      <c r="HA27" s="295">
        <v>0</v>
      </c>
      <c r="HB27" s="298">
        <v>0</v>
      </c>
      <c r="HC27" s="299">
        <v>0</v>
      </c>
      <c r="HD27" s="294">
        <v>0</v>
      </c>
      <c r="HE27" s="295">
        <v>0</v>
      </c>
      <c r="HF27" s="296">
        <v>0</v>
      </c>
      <c r="HG27" s="300"/>
      <c r="HH27" s="295">
        <v>0</v>
      </c>
      <c r="HI27" s="295">
        <v>0</v>
      </c>
      <c r="HJ27" s="295">
        <v>0</v>
      </c>
      <c r="HK27" s="295">
        <v>0</v>
      </c>
      <c r="HL27" s="295">
        <v>0</v>
      </c>
      <c r="HM27" s="298">
        <v>0</v>
      </c>
      <c r="HN27" s="299">
        <v>0</v>
      </c>
      <c r="HO27" s="294">
        <v>0</v>
      </c>
      <c r="HP27" s="295">
        <v>0</v>
      </c>
      <c r="HQ27" s="296">
        <v>0</v>
      </c>
      <c r="HR27" s="297">
        <v>0</v>
      </c>
      <c r="HS27" s="295">
        <v>112796</v>
      </c>
      <c r="HT27" s="295">
        <v>140710</v>
      </c>
      <c r="HU27" s="295">
        <v>793313</v>
      </c>
      <c r="HV27" s="295">
        <v>1149127</v>
      </c>
      <c r="HW27" s="295">
        <v>1106741</v>
      </c>
      <c r="HX27" s="298">
        <v>3302687</v>
      </c>
      <c r="HY27" s="299">
        <v>3302687</v>
      </c>
    </row>
    <row r="28" spans="2:233" ht="21" customHeight="1" x14ac:dyDescent="0.2">
      <c r="B28" s="292" t="s">
        <v>25</v>
      </c>
      <c r="C28" s="294">
        <v>0</v>
      </c>
      <c r="D28" s="295">
        <v>0</v>
      </c>
      <c r="E28" s="296">
        <v>0</v>
      </c>
      <c r="F28" s="297">
        <v>0</v>
      </c>
      <c r="G28" s="295">
        <v>39365</v>
      </c>
      <c r="H28" s="295">
        <v>218833</v>
      </c>
      <c r="I28" s="295">
        <v>488100</v>
      </c>
      <c r="J28" s="295">
        <v>690690</v>
      </c>
      <c r="K28" s="295">
        <v>535010</v>
      </c>
      <c r="L28" s="298">
        <v>1971998</v>
      </c>
      <c r="M28" s="299">
        <v>1971998</v>
      </c>
      <c r="N28" s="294">
        <v>0</v>
      </c>
      <c r="O28" s="295">
        <v>0</v>
      </c>
      <c r="P28" s="296">
        <v>0</v>
      </c>
      <c r="Q28" s="300"/>
      <c r="R28" s="295">
        <v>2210</v>
      </c>
      <c r="S28" s="295">
        <v>10200</v>
      </c>
      <c r="T28" s="295">
        <v>410935</v>
      </c>
      <c r="U28" s="295">
        <v>550650</v>
      </c>
      <c r="V28" s="295">
        <v>409825</v>
      </c>
      <c r="W28" s="298">
        <v>1383820</v>
      </c>
      <c r="X28" s="299">
        <v>1383820</v>
      </c>
      <c r="Y28" s="294">
        <v>0</v>
      </c>
      <c r="Z28" s="295">
        <v>0</v>
      </c>
      <c r="AA28" s="296">
        <v>0</v>
      </c>
      <c r="AB28" s="300"/>
      <c r="AC28" s="295">
        <v>23850</v>
      </c>
      <c r="AD28" s="295">
        <v>195235</v>
      </c>
      <c r="AE28" s="295">
        <v>20700</v>
      </c>
      <c r="AF28" s="295">
        <v>136970</v>
      </c>
      <c r="AG28" s="295">
        <v>59815</v>
      </c>
      <c r="AH28" s="298">
        <v>436570</v>
      </c>
      <c r="AI28" s="299">
        <v>436570</v>
      </c>
      <c r="AJ28" s="294">
        <v>0</v>
      </c>
      <c r="AK28" s="295">
        <v>0</v>
      </c>
      <c r="AL28" s="296">
        <v>0</v>
      </c>
      <c r="AM28" s="300"/>
      <c r="AN28" s="295">
        <v>0</v>
      </c>
      <c r="AO28" s="295">
        <v>0</v>
      </c>
      <c r="AP28" s="295">
        <v>0</v>
      </c>
      <c r="AQ28" s="295">
        <v>0</v>
      </c>
      <c r="AR28" s="295">
        <v>0</v>
      </c>
      <c r="AS28" s="298">
        <v>0</v>
      </c>
      <c r="AT28" s="299">
        <v>0</v>
      </c>
      <c r="AU28" s="294">
        <v>0</v>
      </c>
      <c r="AV28" s="295">
        <v>0</v>
      </c>
      <c r="AW28" s="296">
        <v>0</v>
      </c>
      <c r="AX28" s="300"/>
      <c r="AY28" s="295">
        <v>0</v>
      </c>
      <c r="AZ28" s="295">
        <v>0</v>
      </c>
      <c r="BA28" s="295">
        <v>0</v>
      </c>
      <c r="BB28" s="295">
        <v>0</v>
      </c>
      <c r="BC28" s="295">
        <v>63300</v>
      </c>
      <c r="BD28" s="298">
        <v>63300</v>
      </c>
      <c r="BE28" s="299">
        <v>63300</v>
      </c>
      <c r="BF28" s="294">
        <v>0</v>
      </c>
      <c r="BG28" s="295">
        <v>0</v>
      </c>
      <c r="BH28" s="296">
        <v>0</v>
      </c>
      <c r="BI28" s="300"/>
      <c r="BJ28" s="295">
        <v>0</v>
      </c>
      <c r="BK28" s="295">
        <v>0</v>
      </c>
      <c r="BL28" s="295">
        <v>0</v>
      </c>
      <c r="BM28" s="295">
        <v>0</v>
      </c>
      <c r="BN28" s="295">
        <v>0</v>
      </c>
      <c r="BO28" s="298">
        <v>0</v>
      </c>
      <c r="BP28" s="299">
        <v>0</v>
      </c>
      <c r="BQ28" s="294">
        <v>0</v>
      </c>
      <c r="BR28" s="295">
        <v>0</v>
      </c>
      <c r="BS28" s="296">
        <v>0</v>
      </c>
      <c r="BT28" s="297">
        <v>0</v>
      </c>
      <c r="BU28" s="295">
        <v>13305</v>
      </c>
      <c r="BV28" s="295">
        <v>13398</v>
      </c>
      <c r="BW28" s="295">
        <v>56020</v>
      </c>
      <c r="BX28" s="295">
        <v>3070</v>
      </c>
      <c r="BY28" s="295">
        <v>2070</v>
      </c>
      <c r="BZ28" s="298">
        <v>87863</v>
      </c>
      <c r="CA28" s="299">
        <v>87863</v>
      </c>
      <c r="CB28" s="294">
        <v>0</v>
      </c>
      <c r="CC28" s="295">
        <v>0</v>
      </c>
      <c r="CD28" s="296">
        <v>0</v>
      </c>
      <c r="CE28" s="297">
        <v>0</v>
      </c>
      <c r="CF28" s="295">
        <v>0</v>
      </c>
      <c r="CG28" s="295">
        <v>0</v>
      </c>
      <c r="CH28" s="295">
        <v>445</v>
      </c>
      <c r="CI28" s="295">
        <v>0</v>
      </c>
      <c r="CJ28" s="295">
        <v>0</v>
      </c>
      <c r="CK28" s="298">
        <v>445</v>
      </c>
      <c r="CL28" s="299">
        <v>445</v>
      </c>
      <c r="CM28" s="294">
        <v>0</v>
      </c>
      <c r="CN28" s="295">
        <v>0</v>
      </c>
      <c r="CO28" s="296">
        <v>0</v>
      </c>
      <c r="CP28" s="297">
        <v>0</v>
      </c>
      <c r="CQ28" s="295">
        <v>0</v>
      </c>
      <c r="CR28" s="295">
        <v>0</v>
      </c>
      <c r="CS28" s="295">
        <v>0</v>
      </c>
      <c r="CT28" s="295">
        <v>0</v>
      </c>
      <c r="CU28" s="295">
        <v>0</v>
      </c>
      <c r="CV28" s="298">
        <v>0</v>
      </c>
      <c r="CW28" s="299">
        <v>0</v>
      </c>
      <c r="CX28" s="294">
        <v>0</v>
      </c>
      <c r="CY28" s="295">
        <v>0</v>
      </c>
      <c r="CZ28" s="296">
        <v>0</v>
      </c>
      <c r="DA28" s="300"/>
      <c r="DB28" s="295">
        <v>0</v>
      </c>
      <c r="DC28" s="295">
        <v>0</v>
      </c>
      <c r="DD28" s="295">
        <v>0</v>
      </c>
      <c r="DE28" s="295">
        <v>0</v>
      </c>
      <c r="DF28" s="295">
        <v>0</v>
      </c>
      <c r="DG28" s="298">
        <v>0</v>
      </c>
      <c r="DH28" s="299">
        <v>0</v>
      </c>
      <c r="DI28" s="294">
        <v>0</v>
      </c>
      <c r="DJ28" s="295">
        <v>0</v>
      </c>
      <c r="DK28" s="296">
        <v>0</v>
      </c>
      <c r="DL28" s="297">
        <v>0</v>
      </c>
      <c r="DM28" s="295">
        <v>36883</v>
      </c>
      <c r="DN28" s="295">
        <v>146135</v>
      </c>
      <c r="DO28" s="295">
        <v>671075</v>
      </c>
      <c r="DP28" s="295">
        <v>700817</v>
      </c>
      <c r="DQ28" s="295">
        <v>401888</v>
      </c>
      <c r="DR28" s="298">
        <v>1956798</v>
      </c>
      <c r="DS28" s="301">
        <v>1956798</v>
      </c>
      <c r="DT28" s="294">
        <v>0</v>
      </c>
      <c r="DU28" s="295">
        <v>0</v>
      </c>
      <c r="DV28" s="296">
        <v>0</v>
      </c>
      <c r="DW28" s="300"/>
      <c r="DX28" s="295">
        <v>20880</v>
      </c>
      <c r="DY28" s="295">
        <v>77190</v>
      </c>
      <c r="DZ28" s="295">
        <v>580356</v>
      </c>
      <c r="EA28" s="295">
        <v>680610</v>
      </c>
      <c r="EB28" s="295">
        <v>385351</v>
      </c>
      <c r="EC28" s="298">
        <v>1744387</v>
      </c>
      <c r="ED28" s="299">
        <v>1744387</v>
      </c>
      <c r="EE28" s="294">
        <v>0</v>
      </c>
      <c r="EF28" s="295">
        <v>0</v>
      </c>
      <c r="EG28" s="296">
        <v>0</v>
      </c>
      <c r="EH28" s="300"/>
      <c r="EI28" s="295">
        <v>210</v>
      </c>
      <c r="EJ28" s="295">
        <v>35197</v>
      </c>
      <c r="EK28" s="295">
        <v>840</v>
      </c>
      <c r="EL28" s="295">
        <v>11940</v>
      </c>
      <c r="EM28" s="295">
        <v>11660</v>
      </c>
      <c r="EN28" s="298">
        <v>59847</v>
      </c>
      <c r="EO28" s="299">
        <v>59847</v>
      </c>
      <c r="EP28" s="294">
        <v>0</v>
      </c>
      <c r="EQ28" s="295">
        <v>0</v>
      </c>
      <c r="ER28" s="296">
        <v>0</v>
      </c>
      <c r="ES28" s="300"/>
      <c r="ET28" s="295">
        <v>0</v>
      </c>
      <c r="EU28" s="295">
        <v>0</v>
      </c>
      <c r="EV28" s="295">
        <v>0</v>
      </c>
      <c r="EW28" s="295">
        <v>0</v>
      </c>
      <c r="EX28" s="295">
        <v>0</v>
      </c>
      <c r="EY28" s="298">
        <v>0</v>
      </c>
      <c r="EZ28" s="299">
        <v>0</v>
      </c>
      <c r="FA28" s="294">
        <v>0</v>
      </c>
      <c r="FB28" s="295">
        <v>0</v>
      </c>
      <c r="FC28" s="296">
        <v>0</v>
      </c>
      <c r="FD28" s="300"/>
      <c r="FE28" s="295">
        <v>0</v>
      </c>
      <c r="FF28" s="295">
        <v>0</v>
      </c>
      <c r="FG28" s="295">
        <v>0</v>
      </c>
      <c r="FH28" s="295">
        <v>0</v>
      </c>
      <c r="FI28" s="295">
        <v>427</v>
      </c>
      <c r="FJ28" s="298">
        <v>427</v>
      </c>
      <c r="FK28" s="299">
        <v>427</v>
      </c>
      <c r="FL28" s="294">
        <v>0</v>
      </c>
      <c r="FM28" s="295">
        <v>0</v>
      </c>
      <c r="FN28" s="296">
        <v>0</v>
      </c>
      <c r="FO28" s="300"/>
      <c r="FP28" s="295">
        <v>0</v>
      </c>
      <c r="FQ28" s="295">
        <v>0</v>
      </c>
      <c r="FR28" s="295">
        <v>0</v>
      </c>
      <c r="FS28" s="295">
        <v>0</v>
      </c>
      <c r="FT28" s="295">
        <v>0</v>
      </c>
      <c r="FU28" s="298">
        <v>0</v>
      </c>
      <c r="FV28" s="299">
        <v>0</v>
      </c>
      <c r="FW28" s="294">
        <v>0</v>
      </c>
      <c r="FX28" s="295">
        <v>0</v>
      </c>
      <c r="FY28" s="296">
        <v>0</v>
      </c>
      <c r="FZ28" s="297">
        <v>0</v>
      </c>
      <c r="GA28" s="295">
        <v>15793</v>
      </c>
      <c r="GB28" s="295">
        <v>33748</v>
      </c>
      <c r="GC28" s="295">
        <v>89858</v>
      </c>
      <c r="GD28" s="295">
        <v>8267</v>
      </c>
      <c r="GE28" s="295">
        <v>4450</v>
      </c>
      <c r="GF28" s="298">
        <v>152116</v>
      </c>
      <c r="GG28" s="299">
        <v>152116</v>
      </c>
      <c r="GH28" s="294">
        <v>0</v>
      </c>
      <c r="GI28" s="295">
        <v>0</v>
      </c>
      <c r="GJ28" s="296">
        <v>0</v>
      </c>
      <c r="GK28" s="297">
        <v>0</v>
      </c>
      <c r="GL28" s="295">
        <v>0</v>
      </c>
      <c r="GM28" s="295">
        <v>0</v>
      </c>
      <c r="GN28" s="295">
        <v>21</v>
      </c>
      <c r="GO28" s="295">
        <v>0</v>
      </c>
      <c r="GP28" s="295">
        <v>0</v>
      </c>
      <c r="GQ28" s="298">
        <v>21</v>
      </c>
      <c r="GR28" s="299">
        <v>21</v>
      </c>
      <c r="GS28" s="294">
        <v>0</v>
      </c>
      <c r="GT28" s="295">
        <v>0</v>
      </c>
      <c r="GU28" s="296">
        <v>0</v>
      </c>
      <c r="GV28" s="297">
        <v>0</v>
      </c>
      <c r="GW28" s="295">
        <v>0</v>
      </c>
      <c r="GX28" s="295">
        <v>0</v>
      </c>
      <c r="GY28" s="295">
        <v>0</v>
      </c>
      <c r="GZ28" s="295">
        <v>0</v>
      </c>
      <c r="HA28" s="295">
        <v>0</v>
      </c>
      <c r="HB28" s="298">
        <v>0</v>
      </c>
      <c r="HC28" s="299">
        <v>0</v>
      </c>
      <c r="HD28" s="294">
        <v>0</v>
      </c>
      <c r="HE28" s="295">
        <v>0</v>
      </c>
      <c r="HF28" s="296">
        <v>0</v>
      </c>
      <c r="HG28" s="300"/>
      <c r="HH28" s="295">
        <v>0</v>
      </c>
      <c r="HI28" s="295">
        <v>0</v>
      </c>
      <c r="HJ28" s="295">
        <v>0</v>
      </c>
      <c r="HK28" s="295">
        <v>0</v>
      </c>
      <c r="HL28" s="295">
        <v>0</v>
      </c>
      <c r="HM28" s="298">
        <v>0</v>
      </c>
      <c r="HN28" s="299">
        <v>0</v>
      </c>
      <c r="HO28" s="294">
        <v>0</v>
      </c>
      <c r="HP28" s="295">
        <v>0</v>
      </c>
      <c r="HQ28" s="296">
        <v>0</v>
      </c>
      <c r="HR28" s="297">
        <v>0</v>
      </c>
      <c r="HS28" s="295">
        <v>76248</v>
      </c>
      <c r="HT28" s="295">
        <v>364968</v>
      </c>
      <c r="HU28" s="295">
        <v>1159175</v>
      </c>
      <c r="HV28" s="295">
        <v>1391507</v>
      </c>
      <c r="HW28" s="295">
        <v>936898</v>
      </c>
      <c r="HX28" s="298">
        <v>3928796</v>
      </c>
      <c r="HY28" s="299">
        <v>3928796</v>
      </c>
    </row>
    <row r="29" spans="2:233" ht="21" customHeight="1" x14ac:dyDescent="0.2">
      <c r="B29" s="292" t="s">
        <v>26</v>
      </c>
      <c r="C29" s="294">
        <v>0</v>
      </c>
      <c r="D29" s="295">
        <v>2030</v>
      </c>
      <c r="E29" s="296">
        <v>2030</v>
      </c>
      <c r="F29" s="297">
        <v>0</v>
      </c>
      <c r="G29" s="295">
        <v>42289</v>
      </c>
      <c r="H29" s="295">
        <v>167390</v>
      </c>
      <c r="I29" s="295">
        <v>446760</v>
      </c>
      <c r="J29" s="295">
        <v>811315</v>
      </c>
      <c r="K29" s="295">
        <v>303405</v>
      </c>
      <c r="L29" s="298">
        <v>1771159</v>
      </c>
      <c r="M29" s="299">
        <v>1773189</v>
      </c>
      <c r="N29" s="294">
        <v>0</v>
      </c>
      <c r="O29" s="295">
        <v>0</v>
      </c>
      <c r="P29" s="296">
        <v>0</v>
      </c>
      <c r="Q29" s="300"/>
      <c r="R29" s="295">
        <v>0</v>
      </c>
      <c r="S29" s="295">
        <v>79930</v>
      </c>
      <c r="T29" s="295">
        <v>239490</v>
      </c>
      <c r="U29" s="295">
        <v>676015</v>
      </c>
      <c r="V29" s="295">
        <v>235480</v>
      </c>
      <c r="W29" s="298">
        <v>1230915</v>
      </c>
      <c r="X29" s="299">
        <v>1230915</v>
      </c>
      <c r="Y29" s="294">
        <v>0</v>
      </c>
      <c r="Z29" s="295">
        <v>0</v>
      </c>
      <c r="AA29" s="296">
        <v>0</v>
      </c>
      <c r="AB29" s="300"/>
      <c r="AC29" s="295">
        <v>34200</v>
      </c>
      <c r="AD29" s="295">
        <v>81065</v>
      </c>
      <c r="AE29" s="295">
        <v>192450</v>
      </c>
      <c r="AF29" s="295">
        <v>72155</v>
      </c>
      <c r="AG29" s="295">
        <v>34115</v>
      </c>
      <c r="AH29" s="298">
        <v>413985</v>
      </c>
      <c r="AI29" s="299">
        <v>413985</v>
      </c>
      <c r="AJ29" s="294">
        <v>0</v>
      </c>
      <c r="AK29" s="295">
        <v>0</v>
      </c>
      <c r="AL29" s="296">
        <v>0</v>
      </c>
      <c r="AM29" s="300"/>
      <c r="AN29" s="295">
        <v>0</v>
      </c>
      <c r="AO29" s="295">
        <v>0</v>
      </c>
      <c r="AP29" s="295">
        <v>0</v>
      </c>
      <c r="AQ29" s="295">
        <v>0</v>
      </c>
      <c r="AR29" s="295">
        <v>0</v>
      </c>
      <c r="AS29" s="298">
        <v>0</v>
      </c>
      <c r="AT29" s="299">
        <v>0</v>
      </c>
      <c r="AU29" s="294">
        <v>0</v>
      </c>
      <c r="AV29" s="295">
        <v>0</v>
      </c>
      <c r="AW29" s="296">
        <v>0</v>
      </c>
      <c r="AX29" s="300"/>
      <c r="AY29" s="295">
        <v>0</v>
      </c>
      <c r="AZ29" s="295">
        <v>0</v>
      </c>
      <c r="BA29" s="295">
        <v>0</v>
      </c>
      <c r="BB29" s="295">
        <v>44530</v>
      </c>
      <c r="BC29" s="295">
        <v>5100</v>
      </c>
      <c r="BD29" s="298">
        <v>49630</v>
      </c>
      <c r="BE29" s="299">
        <v>49630</v>
      </c>
      <c r="BF29" s="294">
        <v>0</v>
      </c>
      <c r="BG29" s="295">
        <v>0</v>
      </c>
      <c r="BH29" s="296">
        <v>0</v>
      </c>
      <c r="BI29" s="300"/>
      <c r="BJ29" s="295">
        <v>0</v>
      </c>
      <c r="BK29" s="295">
        <v>0</v>
      </c>
      <c r="BL29" s="295">
        <v>2550</v>
      </c>
      <c r="BM29" s="295">
        <v>0</v>
      </c>
      <c r="BN29" s="295">
        <v>0</v>
      </c>
      <c r="BO29" s="298">
        <v>2550</v>
      </c>
      <c r="BP29" s="299">
        <v>2550</v>
      </c>
      <c r="BQ29" s="294">
        <v>0</v>
      </c>
      <c r="BR29" s="295">
        <v>2030</v>
      </c>
      <c r="BS29" s="296">
        <v>2030</v>
      </c>
      <c r="BT29" s="297">
        <v>0</v>
      </c>
      <c r="BU29" s="295">
        <v>8089</v>
      </c>
      <c r="BV29" s="295">
        <v>5735</v>
      </c>
      <c r="BW29" s="295">
        <v>12270</v>
      </c>
      <c r="BX29" s="295">
        <v>17825</v>
      </c>
      <c r="BY29" s="295">
        <v>28710</v>
      </c>
      <c r="BZ29" s="298">
        <v>72629</v>
      </c>
      <c r="CA29" s="299">
        <v>74659</v>
      </c>
      <c r="CB29" s="294">
        <v>0</v>
      </c>
      <c r="CC29" s="295">
        <v>0</v>
      </c>
      <c r="CD29" s="296">
        <v>0</v>
      </c>
      <c r="CE29" s="297">
        <v>0</v>
      </c>
      <c r="CF29" s="295">
        <v>0</v>
      </c>
      <c r="CG29" s="295">
        <v>660</v>
      </c>
      <c r="CH29" s="295">
        <v>0</v>
      </c>
      <c r="CI29" s="295">
        <v>790</v>
      </c>
      <c r="CJ29" s="295">
        <v>0</v>
      </c>
      <c r="CK29" s="298">
        <v>1450</v>
      </c>
      <c r="CL29" s="299">
        <v>1450</v>
      </c>
      <c r="CM29" s="294">
        <v>0</v>
      </c>
      <c r="CN29" s="295">
        <v>0</v>
      </c>
      <c r="CO29" s="296">
        <v>0</v>
      </c>
      <c r="CP29" s="297">
        <v>0</v>
      </c>
      <c r="CQ29" s="295">
        <v>0</v>
      </c>
      <c r="CR29" s="295">
        <v>0</v>
      </c>
      <c r="CS29" s="295">
        <v>0</v>
      </c>
      <c r="CT29" s="295">
        <v>0</v>
      </c>
      <c r="CU29" s="295">
        <v>0</v>
      </c>
      <c r="CV29" s="298">
        <v>0</v>
      </c>
      <c r="CW29" s="299">
        <v>0</v>
      </c>
      <c r="CX29" s="294">
        <v>0</v>
      </c>
      <c r="CY29" s="295">
        <v>0</v>
      </c>
      <c r="CZ29" s="296">
        <v>0</v>
      </c>
      <c r="DA29" s="300"/>
      <c r="DB29" s="295">
        <v>0</v>
      </c>
      <c r="DC29" s="295">
        <v>0</v>
      </c>
      <c r="DD29" s="295">
        <v>0</v>
      </c>
      <c r="DE29" s="295">
        <v>0</v>
      </c>
      <c r="DF29" s="295">
        <v>0</v>
      </c>
      <c r="DG29" s="298">
        <v>0</v>
      </c>
      <c r="DH29" s="299">
        <v>0</v>
      </c>
      <c r="DI29" s="294">
        <v>0</v>
      </c>
      <c r="DJ29" s="295">
        <v>9744</v>
      </c>
      <c r="DK29" s="296">
        <v>9744</v>
      </c>
      <c r="DL29" s="297">
        <v>0</v>
      </c>
      <c r="DM29" s="295">
        <v>29715</v>
      </c>
      <c r="DN29" s="295">
        <v>177085</v>
      </c>
      <c r="DO29" s="295">
        <v>435824</v>
      </c>
      <c r="DP29" s="295">
        <v>831935</v>
      </c>
      <c r="DQ29" s="295">
        <v>391899</v>
      </c>
      <c r="DR29" s="298">
        <v>1866458</v>
      </c>
      <c r="DS29" s="301">
        <v>1876202</v>
      </c>
      <c r="DT29" s="294">
        <v>0</v>
      </c>
      <c r="DU29" s="295">
        <v>0</v>
      </c>
      <c r="DV29" s="296">
        <v>0</v>
      </c>
      <c r="DW29" s="300"/>
      <c r="DX29" s="295">
        <v>0</v>
      </c>
      <c r="DY29" s="295">
        <v>136320</v>
      </c>
      <c r="DZ29" s="295">
        <v>336130</v>
      </c>
      <c r="EA29" s="295">
        <v>783811</v>
      </c>
      <c r="EB29" s="295">
        <v>332070</v>
      </c>
      <c r="EC29" s="298">
        <v>1588331</v>
      </c>
      <c r="ED29" s="299">
        <v>1588331</v>
      </c>
      <c r="EE29" s="294">
        <v>0</v>
      </c>
      <c r="EF29" s="295">
        <v>0</v>
      </c>
      <c r="EG29" s="296">
        <v>0</v>
      </c>
      <c r="EH29" s="300"/>
      <c r="EI29" s="295">
        <v>420</v>
      </c>
      <c r="EJ29" s="295">
        <v>22553</v>
      </c>
      <c r="EK29" s="295">
        <v>48120</v>
      </c>
      <c r="EL29" s="295">
        <v>22477</v>
      </c>
      <c r="EM29" s="295">
        <v>420</v>
      </c>
      <c r="EN29" s="298">
        <v>93990</v>
      </c>
      <c r="EO29" s="299">
        <v>93990</v>
      </c>
      <c r="EP29" s="294">
        <v>0</v>
      </c>
      <c r="EQ29" s="295">
        <v>0</v>
      </c>
      <c r="ER29" s="296">
        <v>0</v>
      </c>
      <c r="ES29" s="300"/>
      <c r="ET29" s="295">
        <v>0</v>
      </c>
      <c r="EU29" s="295">
        <v>0</v>
      </c>
      <c r="EV29" s="295">
        <v>0</v>
      </c>
      <c r="EW29" s="295">
        <v>0</v>
      </c>
      <c r="EX29" s="295">
        <v>0</v>
      </c>
      <c r="EY29" s="298">
        <v>0</v>
      </c>
      <c r="EZ29" s="299">
        <v>0</v>
      </c>
      <c r="FA29" s="294">
        <v>0</v>
      </c>
      <c r="FB29" s="295">
        <v>0</v>
      </c>
      <c r="FC29" s="296">
        <v>0</v>
      </c>
      <c r="FD29" s="300"/>
      <c r="FE29" s="295">
        <v>0</v>
      </c>
      <c r="FF29" s="295">
        <v>0</v>
      </c>
      <c r="FG29" s="295">
        <v>0</v>
      </c>
      <c r="FH29" s="295">
        <v>0</v>
      </c>
      <c r="FI29" s="295">
        <v>420</v>
      </c>
      <c r="FJ29" s="298">
        <v>420</v>
      </c>
      <c r="FK29" s="299">
        <v>420</v>
      </c>
      <c r="FL29" s="294">
        <v>0</v>
      </c>
      <c r="FM29" s="295">
        <v>0</v>
      </c>
      <c r="FN29" s="296">
        <v>0</v>
      </c>
      <c r="FO29" s="300"/>
      <c r="FP29" s="295">
        <v>0</v>
      </c>
      <c r="FQ29" s="295">
        <v>0</v>
      </c>
      <c r="FR29" s="295">
        <v>20880</v>
      </c>
      <c r="FS29" s="295">
        <v>0</v>
      </c>
      <c r="FT29" s="295">
        <v>0</v>
      </c>
      <c r="FU29" s="298">
        <v>20880</v>
      </c>
      <c r="FV29" s="299">
        <v>20880</v>
      </c>
      <c r="FW29" s="294">
        <v>0</v>
      </c>
      <c r="FX29" s="295">
        <v>9744</v>
      </c>
      <c r="FY29" s="296">
        <v>9744</v>
      </c>
      <c r="FZ29" s="297">
        <v>0</v>
      </c>
      <c r="GA29" s="295">
        <v>29295</v>
      </c>
      <c r="GB29" s="295">
        <v>18198</v>
      </c>
      <c r="GC29" s="295">
        <v>30694</v>
      </c>
      <c r="GD29" s="295">
        <v>25556</v>
      </c>
      <c r="GE29" s="295">
        <v>58954</v>
      </c>
      <c r="GF29" s="298">
        <v>162697</v>
      </c>
      <c r="GG29" s="299">
        <v>172441</v>
      </c>
      <c r="GH29" s="294">
        <v>0</v>
      </c>
      <c r="GI29" s="295">
        <v>0</v>
      </c>
      <c r="GJ29" s="296">
        <v>0</v>
      </c>
      <c r="GK29" s="297">
        <v>0</v>
      </c>
      <c r="GL29" s="295">
        <v>0</v>
      </c>
      <c r="GM29" s="295">
        <v>14</v>
      </c>
      <c r="GN29" s="295">
        <v>0</v>
      </c>
      <c r="GO29" s="295">
        <v>91</v>
      </c>
      <c r="GP29" s="295">
        <v>35</v>
      </c>
      <c r="GQ29" s="298">
        <v>140</v>
      </c>
      <c r="GR29" s="299">
        <v>140</v>
      </c>
      <c r="GS29" s="294">
        <v>0</v>
      </c>
      <c r="GT29" s="295">
        <v>0</v>
      </c>
      <c r="GU29" s="296">
        <v>0</v>
      </c>
      <c r="GV29" s="297">
        <v>0</v>
      </c>
      <c r="GW29" s="295">
        <v>0</v>
      </c>
      <c r="GX29" s="295">
        <v>0</v>
      </c>
      <c r="GY29" s="295">
        <v>0</v>
      </c>
      <c r="GZ29" s="295">
        <v>0</v>
      </c>
      <c r="HA29" s="295">
        <v>0</v>
      </c>
      <c r="HB29" s="298">
        <v>0</v>
      </c>
      <c r="HC29" s="299">
        <v>0</v>
      </c>
      <c r="HD29" s="294">
        <v>0</v>
      </c>
      <c r="HE29" s="295">
        <v>0</v>
      </c>
      <c r="HF29" s="296">
        <v>0</v>
      </c>
      <c r="HG29" s="300"/>
      <c r="HH29" s="295">
        <v>0</v>
      </c>
      <c r="HI29" s="295">
        <v>0</v>
      </c>
      <c r="HJ29" s="295">
        <v>0</v>
      </c>
      <c r="HK29" s="295">
        <v>0</v>
      </c>
      <c r="HL29" s="295">
        <v>0</v>
      </c>
      <c r="HM29" s="298">
        <v>0</v>
      </c>
      <c r="HN29" s="299">
        <v>0</v>
      </c>
      <c r="HO29" s="294">
        <v>0</v>
      </c>
      <c r="HP29" s="295">
        <v>11774</v>
      </c>
      <c r="HQ29" s="296">
        <v>11774</v>
      </c>
      <c r="HR29" s="297">
        <v>0</v>
      </c>
      <c r="HS29" s="295">
        <v>72004</v>
      </c>
      <c r="HT29" s="295">
        <v>344475</v>
      </c>
      <c r="HU29" s="295">
        <v>882584</v>
      </c>
      <c r="HV29" s="295">
        <v>1643250</v>
      </c>
      <c r="HW29" s="295">
        <v>695304</v>
      </c>
      <c r="HX29" s="298">
        <v>3637617</v>
      </c>
      <c r="HY29" s="299">
        <v>3649391</v>
      </c>
    </row>
    <row r="30" spans="2:233" ht="21" customHeight="1" x14ac:dyDescent="0.2">
      <c r="B30" s="292" t="s">
        <v>27</v>
      </c>
      <c r="C30" s="294">
        <v>0</v>
      </c>
      <c r="D30" s="295">
        <v>0</v>
      </c>
      <c r="E30" s="296">
        <v>0</v>
      </c>
      <c r="F30" s="297">
        <v>0</v>
      </c>
      <c r="G30" s="295">
        <v>67440</v>
      </c>
      <c r="H30" s="295">
        <v>161820</v>
      </c>
      <c r="I30" s="295">
        <v>634340</v>
      </c>
      <c r="J30" s="295">
        <v>514890</v>
      </c>
      <c r="K30" s="295">
        <v>324227</v>
      </c>
      <c r="L30" s="298">
        <v>1702717</v>
      </c>
      <c r="M30" s="299">
        <v>1702717</v>
      </c>
      <c r="N30" s="294">
        <v>0</v>
      </c>
      <c r="O30" s="295">
        <v>0</v>
      </c>
      <c r="P30" s="296">
        <v>0</v>
      </c>
      <c r="Q30" s="300"/>
      <c r="R30" s="295">
        <v>34200</v>
      </c>
      <c r="S30" s="295">
        <v>31650</v>
      </c>
      <c r="T30" s="295">
        <v>397650</v>
      </c>
      <c r="U30" s="295">
        <v>379000</v>
      </c>
      <c r="V30" s="295">
        <v>274132</v>
      </c>
      <c r="W30" s="298">
        <v>1116632</v>
      </c>
      <c r="X30" s="299">
        <v>1116632</v>
      </c>
      <c r="Y30" s="294">
        <v>0</v>
      </c>
      <c r="Z30" s="295">
        <v>0</v>
      </c>
      <c r="AA30" s="296">
        <v>0</v>
      </c>
      <c r="AB30" s="300"/>
      <c r="AC30" s="295">
        <v>28950</v>
      </c>
      <c r="AD30" s="295">
        <v>128910</v>
      </c>
      <c r="AE30" s="295">
        <v>151680</v>
      </c>
      <c r="AF30" s="295">
        <v>125515</v>
      </c>
      <c r="AG30" s="295">
        <v>34200</v>
      </c>
      <c r="AH30" s="298">
        <v>469255</v>
      </c>
      <c r="AI30" s="299">
        <v>469255</v>
      </c>
      <c r="AJ30" s="294">
        <v>0</v>
      </c>
      <c r="AK30" s="295">
        <v>0</v>
      </c>
      <c r="AL30" s="296">
        <v>0</v>
      </c>
      <c r="AM30" s="300"/>
      <c r="AN30" s="295">
        <v>0</v>
      </c>
      <c r="AO30" s="295">
        <v>0</v>
      </c>
      <c r="AP30" s="295">
        <v>0</v>
      </c>
      <c r="AQ30" s="295">
        <v>0</v>
      </c>
      <c r="AR30" s="295">
        <v>0</v>
      </c>
      <c r="AS30" s="298">
        <v>0</v>
      </c>
      <c r="AT30" s="299">
        <v>0</v>
      </c>
      <c r="AU30" s="294">
        <v>0</v>
      </c>
      <c r="AV30" s="295">
        <v>0</v>
      </c>
      <c r="AW30" s="296">
        <v>0</v>
      </c>
      <c r="AX30" s="300"/>
      <c r="AY30" s="295">
        <v>0</v>
      </c>
      <c r="AZ30" s="295">
        <v>0</v>
      </c>
      <c r="BA30" s="295">
        <v>0</v>
      </c>
      <c r="BB30" s="295">
        <v>0</v>
      </c>
      <c r="BC30" s="295">
        <v>0</v>
      </c>
      <c r="BD30" s="298">
        <v>0</v>
      </c>
      <c r="BE30" s="299">
        <v>0</v>
      </c>
      <c r="BF30" s="294">
        <v>0</v>
      </c>
      <c r="BG30" s="295">
        <v>0</v>
      </c>
      <c r="BH30" s="296">
        <v>0</v>
      </c>
      <c r="BI30" s="300"/>
      <c r="BJ30" s="295">
        <v>0</v>
      </c>
      <c r="BK30" s="295">
        <v>0</v>
      </c>
      <c r="BL30" s="295">
        <v>61620</v>
      </c>
      <c r="BM30" s="295">
        <v>7650</v>
      </c>
      <c r="BN30" s="295">
        <v>0</v>
      </c>
      <c r="BO30" s="298">
        <v>69270</v>
      </c>
      <c r="BP30" s="299">
        <v>69270</v>
      </c>
      <c r="BQ30" s="294">
        <v>0</v>
      </c>
      <c r="BR30" s="295">
        <v>0</v>
      </c>
      <c r="BS30" s="296">
        <v>0</v>
      </c>
      <c r="BT30" s="297">
        <v>0</v>
      </c>
      <c r="BU30" s="295">
        <v>4290</v>
      </c>
      <c r="BV30" s="295">
        <v>1260</v>
      </c>
      <c r="BW30" s="295">
        <v>23390</v>
      </c>
      <c r="BX30" s="295">
        <v>2290</v>
      </c>
      <c r="BY30" s="295">
        <v>15895</v>
      </c>
      <c r="BZ30" s="298">
        <v>47125</v>
      </c>
      <c r="CA30" s="299">
        <v>47125</v>
      </c>
      <c r="CB30" s="294">
        <v>0</v>
      </c>
      <c r="CC30" s="295">
        <v>0</v>
      </c>
      <c r="CD30" s="296">
        <v>0</v>
      </c>
      <c r="CE30" s="297">
        <v>0</v>
      </c>
      <c r="CF30" s="295">
        <v>0</v>
      </c>
      <c r="CG30" s="295">
        <v>0</v>
      </c>
      <c r="CH30" s="295">
        <v>0</v>
      </c>
      <c r="CI30" s="295">
        <v>435</v>
      </c>
      <c r="CJ30" s="295">
        <v>0</v>
      </c>
      <c r="CK30" s="298">
        <v>435</v>
      </c>
      <c r="CL30" s="299">
        <v>435</v>
      </c>
      <c r="CM30" s="294">
        <v>0</v>
      </c>
      <c r="CN30" s="295">
        <v>0</v>
      </c>
      <c r="CO30" s="296">
        <v>0</v>
      </c>
      <c r="CP30" s="297">
        <v>0</v>
      </c>
      <c r="CQ30" s="295">
        <v>0</v>
      </c>
      <c r="CR30" s="295">
        <v>0</v>
      </c>
      <c r="CS30" s="295">
        <v>0</v>
      </c>
      <c r="CT30" s="295">
        <v>0</v>
      </c>
      <c r="CU30" s="295">
        <v>0</v>
      </c>
      <c r="CV30" s="298">
        <v>0</v>
      </c>
      <c r="CW30" s="299">
        <v>0</v>
      </c>
      <c r="CX30" s="294">
        <v>0</v>
      </c>
      <c r="CY30" s="295">
        <v>0</v>
      </c>
      <c r="CZ30" s="296">
        <v>0</v>
      </c>
      <c r="DA30" s="300"/>
      <c r="DB30" s="295">
        <v>0</v>
      </c>
      <c r="DC30" s="295">
        <v>0</v>
      </c>
      <c r="DD30" s="295">
        <v>0</v>
      </c>
      <c r="DE30" s="295">
        <v>0</v>
      </c>
      <c r="DF30" s="295">
        <v>0</v>
      </c>
      <c r="DG30" s="298">
        <v>0</v>
      </c>
      <c r="DH30" s="299">
        <v>0</v>
      </c>
      <c r="DI30" s="294">
        <v>0</v>
      </c>
      <c r="DJ30" s="295">
        <v>0</v>
      </c>
      <c r="DK30" s="296">
        <v>0</v>
      </c>
      <c r="DL30" s="297">
        <v>0</v>
      </c>
      <c r="DM30" s="295">
        <v>58698</v>
      </c>
      <c r="DN30" s="295">
        <v>98230</v>
      </c>
      <c r="DO30" s="295">
        <v>584893</v>
      </c>
      <c r="DP30" s="295">
        <v>556455</v>
      </c>
      <c r="DQ30" s="295">
        <v>331056</v>
      </c>
      <c r="DR30" s="298">
        <v>1629332</v>
      </c>
      <c r="DS30" s="301">
        <v>1629332</v>
      </c>
      <c r="DT30" s="294">
        <v>0</v>
      </c>
      <c r="DU30" s="295">
        <v>0</v>
      </c>
      <c r="DV30" s="296">
        <v>0</v>
      </c>
      <c r="DW30" s="300"/>
      <c r="DX30" s="295">
        <v>29100</v>
      </c>
      <c r="DY30" s="295">
        <v>14550</v>
      </c>
      <c r="DZ30" s="295">
        <v>369810</v>
      </c>
      <c r="EA30" s="295">
        <v>454150</v>
      </c>
      <c r="EB30" s="295">
        <v>317541</v>
      </c>
      <c r="EC30" s="298">
        <v>1185151</v>
      </c>
      <c r="ED30" s="299">
        <v>1185151</v>
      </c>
      <c r="EE30" s="294">
        <v>0</v>
      </c>
      <c r="EF30" s="295">
        <v>0</v>
      </c>
      <c r="EG30" s="296">
        <v>0</v>
      </c>
      <c r="EH30" s="300"/>
      <c r="EI30" s="295">
        <v>21300</v>
      </c>
      <c r="EJ30" s="295">
        <v>82710</v>
      </c>
      <c r="EK30" s="295">
        <v>79130</v>
      </c>
      <c r="EL30" s="295">
        <v>36523</v>
      </c>
      <c r="EM30" s="295">
        <v>420</v>
      </c>
      <c r="EN30" s="298">
        <v>220083</v>
      </c>
      <c r="EO30" s="299">
        <v>220083</v>
      </c>
      <c r="EP30" s="294">
        <v>0</v>
      </c>
      <c r="EQ30" s="295">
        <v>0</v>
      </c>
      <c r="ER30" s="296">
        <v>0</v>
      </c>
      <c r="ES30" s="300"/>
      <c r="ET30" s="295">
        <v>0</v>
      </c>
      <c r="EU30" s="295">
        <v>0</v>
      </c>
      <c r="EV30" s="295">
        <v>0</v>
      </c>
      <c r="EW30" s="295">
        <v>0</v>
      </c>
      <c r="EX30" s="295">
        <v>0</v>
      </c>
      <c r="EY30" s="298">
        <v>0</v>
      </c>
      <c r="EZ30" s="299">
        <v>0</v>
      </c>
      <c r="FA30" s="294">
        <v>0</v>
      </c>
      <c r="FB30" s="295">
        <v>0</v>
      </c>
      <c r="FC30" s="296">
        <v>0</v>
      </c>
      <c r="FD30" s="300"/>
      <c r="FE30" s="295">
        <v>0</v>
      </c>
      <c r="FF30" s="295">
        <v>0</v>
      </c>
      <c r="FG30" s="295">
        <v>0</v>
      </c>
      <c r="FH30" s="295">
        <v>0</v>
      </c>
      <c r="FI30" s="295">
        <v>0</v>
      </c>
      <c r="FJ30" s="298">
        <v>0</v>
      </c>
      <c r="FK30" s="299">
        <v>0</v>
      </c>
      <c r="FL30" s="294">
        <v>0</v>
      </c>
      <c r="FM30" s="295">
        <v>0</v>
      </c>
      <c r="FN30" s="296">
        <v>0</v>
      </c>
      <c r="FO30" s="300"/>
      <c r="FP30" s="295">
        <v>0</v>
      </c>
      <c r="FQ30" s="295">
        <v>0</v>
      </c>
      <c r="FR30" s="295">
        <v>106572</v>
      </c>
      <c r="FS30" s="295">
        <v>62640</v>
      </c>
      <c r="FT30" s="295">
        <v>0</v>
      </c>
      <c r="FU30" s="298">
        <v>169212</v>
      </c>
      <c r="FV30" s="299">
        <v>169212</v>
      </c>
      <c r="FW30" s="294">
        <v>0</v>
      </c>
      <c r="FX30" s="295">
        <v>0</v>
      </c>
      <c r="FY30" s="296">
        <v>0</v>
      </c>
      <c r="FZ30" s="297">
        <v>0</v>
      </c>
      <c r="GA30" s="295">
        <v>8298</v>
      </c>
      <c r="GB30" s="295">
        <v>970</v>
      </c>
      <c r="GC30" s="295">
        <v>29381</v>
      </c>
      <c r="GD30" s="295">
        <v>1710</v>
      </c>
      <c r="GE30" s="295">
        <v>13095</v>
      </c>
      <c r="GF30" s="298">
        <v>53454</v>
      </c>
      <c r="GG30" s="299">
        <v>53454</v>
      </c>
      <c r="GH30" s="294">
        <v>0</v>
      </c>
      <c r="GI30" s="295">
        <v>0</v>
      </c>
      <c r="GJ30" s="296">
        <v>0</v>
      </c>
      <c r="GK30" s="297">
        <v>0</v>
      </c>
      <c r="GL30" s="295">
        <v>0</v>
      </c>
      <c r="GM30" s="295">
        <v>0</v>
      </c>
      <c r="GN30" s="295">
        <v>0</v>
      </c>
      <c r="GO30" s="295">
        <v>1432</v>
      </c>
      <c r="GP30" s="295">
        <v>0</v>
      </c>
      <c r="GQ30" s="298">
        <v>1432</v>
      </c>
      <c r="GR30" s="299">
        <v>1432</v>
      </c>
      <c r="GS30" s="294">
        <v>0</v>
      </c>
      <c r="GT30" s="295">
        <v>0</v>
      </c>
      <c r="GU30" s="296">
        <v>0</v>
      </c>
      <c r="GV30" s="297">
        <v>0</v>
      </c>
      <c r="GW30" s="295">
        <v>0</v>
      </c>
      <c r="GX30" s="295">
        <v>0</v>
      </c>
      <c r="GY30" s="295">
        <v>0</v>
      </c>
      <c r="GZ30" s="295">
        <v>0</v>
      </c>
      <c r="HA30" s="295">
        <v>0</v>
      </c>
      <c r="HB30" s="298">
        <v>0</v>
      </c>
      <c r="HC30" s="299">
        <v>0</v>
      </c>
      <c r="HD30" s="294">
        <v>0</v>
      </c>
      <c r="HE30" s="295">
        <v>0</v>
      </c>
      <c r="HF30" s="296">
        <v>0</v>
      </c>
      <c r="HG30" s="300"/>
      <c r="HH30" s="295">
        <v>0</v>
      </c>
      <c r="HI30" s="295">
        <v>0</v>
      </c>
      <c r="HJ30" s="295">
        <v>0</v>
      </c>
      <c r="HK30" s="295">
        <v>0</v>
      </c>
      <c r="HL30" s="295">
        <v>0</v>
      </c>
      <c r="HM30" s="298">
        <v>0</v>
      </c>
      <c r="HN30" s="299">
        <v>0</v>
      </c>
      <c r="HO30" s="294">
        <v>0</v>
      </c>
      <c r="HP30" s="295">
        <v>0</v>
      </c>
      <c r="HQ30" s="296">
        <v>0</v>
      </c>
      <c r="HR30" s="297">
        <v>0</v>
      </c>
      <c r="HS30" s="295">
        <v>126138</v>
      </c>
      <c r="HT30" s="295">
        <v>260050</v>
      </c>
      <c r="HU30" s="295">
        <v>1219233</v>
      </c>
      <c r="HV30" s="295">
        <v>1071345</v>
      </c>
      <c r="HW30" s="295">
        <v>655283</v>
      </c>
      <c r="HX30" s="298">
        <v>3332049</v>
      </c>
      <c r="HY30" s="299">
        <v>3332049</v>
      </c>
    </row>
    <row r="31" spans="2:233" ht="21" customHeight="1" x14ac:dyDescent="0.2">
      <c r="B31" s="292" t="s">
        <v>28</v>
      </c>
      <c r="C31" s="294">
        <v>0</v>
      </c>
      <c r="D31" s="295">
        <v>0</v>
      </c>
      <c r="E31" s="296">
        <v>0</v>
      </c>
      <c r="F31" s="297">
        <v>0</v>
      </c>
      <c r="G31" s="295">
        <v>0</v>
      </c>
      <c r="H31" s="295">
        <v>32250</v>
      </c>
      <c r="I31" s="295">
        <v>216975</v>
      </c>
      <c r="J31" s="295">
        <v>138511</v>
      </c>
      <c r="K31" s="295">
        <v>118740</v>
      </c>
      <c r="L31" s="298">
        <v>506476</v>
      </c>
      <c r="M31" s="299">
        <v>506476</v>
      </c>
      <c r="N31" s="294">
        <v>0</v>
      </c>
      <c r="O31" s="295">
        <v>0</v>
      </c>
      <c r="P31" s="296">
        <v>0</v>
      </c>
      <c r="Q31" s="300"/>
      <c r="R31" s="295">
        <v>0</v>
      </c>
      <c r="S31" s="295">
        <v>29700</v>
      </c>
      <c r="T31" s="295">
        <v>157225</v>
      </c>
      <c r="U31" s="295">
        <v>94155</v>
      </c>
      <c r="V31" s="295">
        <v>93750</v>
      </c>
      <c r="W31" s="298">
        <v>374830</v>
      </c>
      <c r="X31" s="299">
        <v>374830</v>
      </c>
      <c r="Y31" s="294">
        <v>0</v>
      </c>
      <c r="Z31" s="295">
        <v>0</v>
      </c>
      <c r="AA31" s="296">
        <v>0</v>
      </c>
      <c r="AB31" s="300"/>
      <c r="AC31" s="295">
        <v>0</v>
      </c>
      <c r="AD31" s="295">
        <v>2550</v>
      </c>
      <c r="AE31" s="295">
        <v>55500</v>
      </c>
      <c r="AF31" s="295">
        <v>12598</v>
      </c>
      <c r="AG31" s="295">
        <v>23850</v>
      </c>
      <c r="AH31" s="298">
        <v>94498</v>
      </c>
      <c r="AI31" s="299">
        <v>94498</v>
      </c>
      <c r="AJ31" s="294">
        <v>0</v>
      </c>
      <c r="AK31" s="295">
        <v>0</v>
      </c>
      <c r="AL31" s="296">
        <v>0</v>
      </c>
      <c r="AM31" s="300"/>
      <c r="AN31" s="295">
        <v>0</v>
      </c>
      <c r="AO31" s="295">
        <v>0</v>
      </c>
      <c r="AP31" s="295">
        <v>0</v>
      </c>
      <c r="AQ31" s="295">
        <v>0</v>
      </c>
      <c r="AR31" s="295">
        <v>0</v>
      </c>
      <c r="AS31" s="298">
        <v>0</v>
      </c>
      <c r="AT31" s="299">
        <v>0</v>
      </c>
      <c r="AU31" s="294">
        <v>0</v>
      </c>
      <c r="AV31" s="295">
        <v>0</v>
      </c>
      <c r="AW31" s="296">
        <v>0</v>
      </c>
      <c r="AX31" s="300"/>
      <c r="AY31" s="295">
        <v>0</v>
      </c>
      <c r="AZ31" s="295">
        <v>0</v>
      </c>
      <c r="BA31" s="295">
        <v>0</v>
      </c>
      <c r="BB31" s="295">
        <v>0</v>
      </c>
      <c r="BC31" s="295">
        <v>0</v>
      </c>
      <c r="BD31" s="298">
        <v>0</v>
      </c>
      <c r="BE31" s="299">
        <v>0</v>
      </c>
      <c r="BF31" s="294">
        <v>0</v>
      </c>
      <c r="BG31" s="295">
        <v>0</v>
      </c>
      <c r="BH31" s="296">
        <v>0</v>
      </c>
      <c r="BI31" s="300"/>
      <c r="BJ31" s="295">
        <v>0</v>
      </c>
      <c r="BK31" s="295">
        <v>0</v>
      </c>
      <c r="BL31" s="295">
        <v>2550</v>
      </c>
      <c r="BM31" s="295">
        <v>0</v>
      </c>
      <c r="BN31" s="295">
        <v>0</v>
      </c>
      <c r="BO31" s="298">
        <v>2550</v>
      </c>
      <c r="BP31" s="299">
        <v>2550</v>
      </c>
      <c r="BQ31" s="294">
        <v>0</v>
      </c>
      <c r="BR31" s="295">
        <v>0</v>
      </c>
      <c r="BS31" s="296">
        <v>0</v>
      </c>
      <c r="BT31" s="297">
        <v>0</v>
      </c>
      <c r="BU31" s="295">
        <v>0</v>
      </c>
      <c r="BV31" s="295">
        <v>0</v>
      </c>
      <c r="BW31" s="295">
        <v>1700</v>
      </c>
      <c r="BX31" s="295">
        <v>31758</v>
      </c>
      <c r="BY31" s="295">
        <v>0</v>
      </c>
      <c r="BZ31" s="298">
        <v>33458</v>
      </c>
      <c r="CA31" s="299">
        <v>33458</v>
      </c>
      <c r="CB31" s="294">
        <v>0</v>
      </c>
      <c r="CC31" s="295">
        <v>0</v>
      </c>
      <c r="CD31" s="296">
        <v>0</v>
      </c>
      <c r="CE31" s="297">
        <v>0</v>
      </c>
      <c r="CF31" s="295">
        <v>0</v>
      </c>
      <c r="CG31" s="295">
        <v>0</v>
      </c>
      <c r="CH31" s="295">
        <v>0</v>
      </c>
      <c r="CI31" s="295">
        <v>0</v>
      </c>
      <c r="CJ31" s="295">
        <v>1140</v>
      </c>
      <c r="CK31" s="298">
        <v>1140</v>
      </c>
      <c r="CL31" s="299">
        <v>1140</v>
      </c>
      <c r="CM31" s="294">
        <v>0</v>
      </c>
      <c r="CN31" s="295">
        <v>0</v>
      </c>
      <c r="CO31" s="296">
        <v>0</v>
      </c>
      <c r="CP31" s="297">
        <v>0</v>
      </c>
      <c r="CQ31" s="295">
        <v>0</v>
      </c>
      <c r="CR31" s="295">
        <v>0</v>
      </c>
      <c r="CS31" s="295">
        <v>0</v>
      </c>
      <c r="CT31" s="295">
        <v>0</v>
      </c>
      <c r="CU31" s="295">
        <v>0</v>
      </c>
      <c r="CV31" s="298">
        <v>0</v>
      </c>
      <c r="CW31" s="299">
        <v>0</v>
      </c>
      <c r="CX31" s="294">
        <v>0</v>
      </c>
      <c r="CY31" s="295">
        <v>0</v>
      </c>
      <c r="CZ31" s="296">
        <v>0</v>
      </c>
      <c r="DA31" s="300"/>
      <c r="DB31" s="295">
        <v>0</v>
      </c>
      <c r="DC31" s="295">
        <v>0</v>
      </c>
      <c r="DD31" s="295">
        <v>0</v>
      </c>
      <c r="DE31" s="295">
        <v>0</v>
      </c>
      <c r="DF31" s="295">
        <v>0</v>
      </c>
      <c r="DG31" s="298">
        <v>0</v>
      </c>
      <c r="DH31" s="299">
        <v>0</v>
      </c>
      <c r="DI31" s="294">
        <v>0</v>
      </c>
      <c r="DJ31" s="295">
        <v>0</v>
      </c>
      <c r="DK31" s="296">
        <v>0</v>
      </c>
      <c r="DL31" s="297">
        <v>0</v>
      </c>
      <c r="DM31" s="295">
        <v>0</v>
      </c>
      <c r="DN31" s="295">
        <v>34980</v>
      </c>
      <c r="DO31" s="295">
        <v>148985</v>
      </c>
      <c r="DP31" s="295">
        <v>169795</v>
      </c>
      <c r="DQ31" s="295">
        <v>95334</v>
      </c>
      <c r="DR31" s="298">
        <v>449094</v>
      </c>
      <c r="DS31" s="301">
        <v>449094</v>
      </c>
      <c r="DT31" s="294">
        <v>0</v>
      </c>
      <c r="DU31" s="295">
        <v>0</v>
      </c>
      <c r="DV31" s="296">
        <v>0</v>
      </c>
      <c r="DW31" s="300"/>
      <c r="DX31" s="295">
        <v>0</v>
      </c>
      <c r="DY31" s="295">
        <v>14100</v>
      </c>
      <c r="DZ31" s="295">
        <v>123455</v>
      </c>
      <c r="EA31" s="295">
        <v>141774</v>
      </c>
      <c r="EB31" s="295">
        <v>94050</v>
      </c>
      <c r="EC31" s="298">
        <v>373379</v>
      </c>
      <c r="ED31" s="299">
        <v>373379</v>
      </c>
      <c r="EE31" s="294">
        <v>0</v>
      </c>
      <c r="EF31" s="295">
        <v>0</v>
      </c>
      <c r="EG31" s="296">
        <v>0</v>
      </c>
      <c r="EH31" s="300"/>
      <c r="EI31" s="295">
        <v>0</v>
      </c>
      <c r="EJ31" s="295">
        <v>20880</v>
      </c>
      <c r="EK31" s="295">
        <v>420</v>
      </c>
      <c r="EL31" s="295">
        <v>4317</v>
      </c>
      <c r="EM31" s="295">
        <v>210</v>
      </c>
      <c r="EN31" s="298">
        <v>25827</v>
      </c>
      <c r="EO31" s="299">
        <v>25827</v>
      </c>
      <c r="EP31" s="294">
        <v>0</v>
      </c>
      <c r="EQ31" s="295">
        <v>0</v>
      </c>
      <c r="ER31" s="296">
        <v>0</v>
      </c>
      <c r="ES31" s="300"/>
      <c r="ET31" s="295">
        <v>0</v>
      </c>
      <c r="EU31" s="295">
        <v>0</v>
      </c>
      <c r="EV31" s="295">
        <v>0</v>
      </c>
      <c r="EW31" s="295">
        <v>0</v>
      </c>
      <c r="EX31" s="295">
        <v>0</v>
      </c>
      <c r="EY31" s="298">
        <v>0</v>
      </c>
      <c r="EZ31" s="299">
        <v>0</v>
      </c>
      <c r="FA31" s="294">
        <v>0</v>
      </c>
      <c r="FB31" s="295">
        <v>0</v>
      </c>
      <c r="FC31" s="296">
        <v>0</v>
      </c>
      <c r="FD31" s="300"/>
      <c r="FE31" s="295">
        <v>0</v>
      </c>
      <c r="FF31" s="295">
        <v>0</v>
      </c>
      <c r="FG31" s="295">
        <v>0</v>
      </c>
      <c r="FH31" s="295">
        <v>0</v>
      </c>
      <c r="FI31" s="295">
        <v>0</v>
      </c>
      <c r="FJ31" s="298">
        <v>0</v>
      </c>
      <c r="FK31" s="299">
        <v>0</v>
      </c>
      <c r="FL31" s="294">
        <v>0</v>
      </c>
      <c r="FM31" s="295">
        <v>0</v>
      </c>
      <c r="FN31" s="296">
        <v>0</v>
      </c>
      <c r="FO31" s="300"/>
      <c r="FP31" s="295">
        <v>0</v>
      </c>
      <c r="FQ31" s="295">
        <v>0</v>
      </c>
      <c r="FR31" s="295">
        <v>20880</v>
      </c>
      <c r="FS31" s="295">
        <v>0</v>
      </c>
      <c r="FT31" s="295">
        <v>0</v>
      </c>
      <c r="FU31" s="298">
        <v>20880</v>
      </c>
      <c r="FV31" s="299">
        <v>20880</v>
      </c>
      <c r="FW31" s="294">
        <v>0</v>
      </c>
      <c r="FX31" s="295">
        <v>0</v>
      </c>
      <c r="FY31" s="296">
        <v>0</v>
      </c>
      <c r="FZ31" s="297">
        <v>0</v>
      </c>
      <c r="GA31" s="295">
        <v>0</v>
      </c>
      <c r="GB31" s="295">
        <v>0</v>
      </c>
      <c r="GC31" s="295">
        <v>4230</v>
      </c>
      <c r="GD31" s="295">
        <v>23704</v>
      </c>
      <c r="GE31" s="295">
        <v>0</v>
      </c>
      <c r="GF31" s="298">
        <v>27934</v>
      </c>
      <c r="GG31" s="299">
        <v>27934</v>
      </c>
      <c r="GH31" s="294">
        <v>0</v>
      </c>
      <c r="GI31" s="295">
        <v>0</v>
      </c>
      <c r="GJ31" s="296">
        <v>0</v>
      </c>
      <c r="GK31" s="297">
        <v>0</v>
      </c>
      <c r="GL31" s="295">
        <v>0</v>
      </c>
      <c r="GM31" s="295">
        <v>0</v>
      </c>
      <c r="GN31" s="295">
        <v>0</v>
      </c>
      <c r="GO31" s="295">
        <v>0</v>
      </c>
      <c r="GP31" s="295">
        <v>1074</v>
      </c>
      <c r="GQ31" s="298">
        <v>1074</v>
      </c>
      <c r="GR31" s="299">
        <v>1074</v>
      </c>
      <c r="GS31" s="294">
        <v>0</v>
      </c>
      <c r="GT31" s="295">
        <v>0</v>
      </c>
      <c r="GU31" s="296">
        <v>0</v>
      </c>
      <c r="GV31" s="297">
        <v>0</v>
      </c>
      <c r="GW31" s="295">
        <v>0</v>
      </c>
      <c r="GX31" s="295">
        <v>0</v>
      </c>
      <c r="GY31" s="295">
        <v>0</v>
      </c>
      <c r="GZ31" s="295">
        <v>0</v>
      </c>
      <c r="HA31" s="295">
        <v>0</v>
      </c>
      <c r="HB31" s="298">
        <v>0</v>
      </c>
      <c r="HC31" s="299">
        <v>0</v>
      </c>
      <c r="HD31" s="294">
        <v>0</v>
      </c>
      <c r="HE31" s="295">
        <v>0</v>
      </c>
      <c r="HF31" s="296">
        <v>0</v>
      </c>
      <c r="HG31" s="300"/>
      <c r="HH31" s="295">
        <v>0</v>
      </c>
      <c r="HI31" s="295">
        <v>0</v>
      </c>
      <c r="HJ31" s="295">
        <v>0</v>
      </c>
      <c r="HK31" s="295">
        <v>0</v>
      </c>
      <c r="HL31" s="295">
        <v>0</v>
      </c>
      <c r="HM31" s="298">
        <v>0</v>
      </c>
      <c r="HN31" s="299">
        <v>0</v>
      </c>
      <c r="HO31" s="294">
        <v>0</v>
      </c>
      <c r="HP31" s="295">
        <v>0</v>
      </c>
      <c r="HQ31" s="296">
        <v>0</v>
      </c>
      <c r="HR31" s="297">
        <v>0</v>
      </c>
      <c r="HS31" s="295">
        <v>0</v>
      </c>
      <c r="HT31" s="295">
        <v>67230</v>
      </c>
      <c r="HU31" s="295">
        <v>365960</v>
      </c>
      <c r="HV31" s="295">
        <v>308306</v>
      </c>
      <c r="HW31" s="295">
        <v>214074</v>
      </c>
      <c r="HX31" s="298">
        <v>955570</v>
      </c>
      <c r="HY31" s="299">
        <v>955570</v>
      </c>
    </row>
    <row r="32" spans="2:233" ht="21" customHeight="1" x14ac:dyDescent="0.2">
      <c r="B32" s="292" t="s">
        <v>29</v>
      </c>
      <c r="C32" s="294">
        <v>0</v>
      </c>
      <c r="D32" s="295">
        <v>0</v>
      </c>
      <c r="E32" s="296">
        <v>0</v>
      </c>
      <c r="F32" s="297">
        <v>0</v>
      </c>
      <c r="G32" s="295">
        <v>0</v>
      </c>
      <c r="H32" s="295">
        <v>241785</v>
      </c>
      <c r="I32" s="295">
        <v>241042</v>
      </c>
      <c r="J32" s="295">
        <v>470335</v>
      </c>
      <c r="K32" s="295">
        <v>311065</v>
      </c>
      <c r="L32" s="298">
        <v>1264227</v>
      </c>
      <c r="M32" s="299">
        <v>1264227</v>
      </c>
      <c r="N32" s="294">
        <v>0</v>
      </c>
      <c r="O32" s="295">
        <v>0</v>
      </c>
      <c r="P32" s="296">
        <v>0</v>
      </c>
      <c r="Q32" s="300"/>
      <c r="R32" s="295">
        <v>0</v>
      </c>
      <c r="S32" s="295">
        <v>34350</v>
      </c>
      <c r="T32" s="295">
        <v>155340</v>
      </c>
      <c r="U32" s="295">
        <v>290935</v>
      </c>
      <c r="V32" s="295">
        <v>158845</v>
      </c>
      <c r="W32" s="298">
        <v>639470</v>
      </c>
      <c r="X32" s="299">
        <v>639470</v>
      </c>
      <c r="Y32" s="294">
        <v>0</v>
      </c>
      <c r="Z32" s="295">
        <v>0</v>
      </c>
      <c r="AA32" s="296">
        <v>0</v>
      </c>
      <c r="AB32" s="300"/>
      <c r="AC32" s="295">
        <v>0</v>
      </c>
      <c r="AD32" s="295">
        <v>72405</v>
      </c>
      <c r="AE32" s="295">
        <v>43280</v>
      </c>
      <c r="AF32" s="295">
        <v>60600</v>
      </c>
      <c r="AG32" s="295">
        <v>5100</v>
      </c>
      <c r="AH32" s="298">
        <v>181385</v>
      </c>
      <c r="AI32" s="299">
        <v>181385</v>
      </c>
      <c r="AJ32" s="294">
        <v>0</v>
      </c>
      <c r="AK32" s="295">
        <v>0</v>
      </c>
      <c r="AL32" s="296">
        <v>0</v>
      </c>
      <c r="AM32" s="300"/>
      <c r="AN32" s="295">
        <v>0</v>
      </c>
      <c r="AO32" s="295">
        <v>0</v>
      </c>
      <c r="AP32" s="295">
        <v>0</v>
      </c>
      <c r="AQ32" s="295">
        <v>0</v>
      </c>
      <c r="AR32" s="295">
        <v>0</v>
      </c>
      <c r="AS32" s="298">
        <v>0</v>
      </c>
      <c r="AT32" s="299">
        <v>0</v>
      </c>
      <c r="AU32" s="294">
        <v>0</v>
      </c>
      <c r="AV32" s="295">
        <v>0</v>
      </c>
      <c r="AW32" s="296">
        <v>0</v>
      </c>
      <c r="AX32" s="300"/>
      <c r="AY32" s="295">
        <v>0</v>
      </c>
      <c r="AZ32" s="295">
        <v>0</v>
      </c>
      <c r="BA32" s="295">
        <v>0</v>
      </c>
      <c r="BB32" s="295">
        <v>0</v>
      </c>
      <c r="BC32" s="295">
        <v>0</v>
      </c>
      <c r="BD32" s="298">
        <v>0</v>
      </c>
      <c r="BE32" s="299">
        <v>0</v>
      </c>
      <c r="BF32" s="294">
        <v>0</v>
      </c>
      <c r="BG32" s="295">
        <v>0</v>
      </c>
      <c r="BH32" s="296">
        <v>0</v>
      </c>
      <c r="BI32" s="300"/>
      <c r="BJ32" s="295">
        <v>0</v>
      </c>
      <c r="BK32" s="295">
        <v>107890</v>
      </c>
      <c r="BL32" s="295">
        <v>7650</v>
      </c>
      <c r="BM32" s="295">
        <v>118800</v>
      </c>
      <c r="BN32" s="295">
        <v>106780</v>
      </c>
      <c r="BO32" s="298">
        <v>341120</v>
      </c>
      <c r="BP32" s="299">
        <v>341120</v>
      </c>
      <c r="BQ32" s="294">
        <v>0</v>
      </c>
      <c r="BR32" s="295">
        <v>0</v>
      </c>
      <c r="BS32" s="296">
        <v>0</v>
      </c>
      <c r="BT32" s="297">
        <v>0</v>
      </c>
      <c r="BU32" s="295">
        <v>0</v>
      </c>
      <c r="BV32" s="295">
        <v>24415</v>
      </c>
      <c r="BW32" s="295">
        <v>34627</v>
      </c>
      <c r="BX32" s="295">
        <v>0</v>
      </c>
      <c r="BY32" s="295">
        <v>40340</v>
      </c>
      <c r="BZ32" s="298">
        <v>99382</v>
      </c>
      <c r="CA32" s="299">
        <v>99382</v>
      </c>
      <c r="CB32" s="294">
        <v>0</v>
      </c>
      <c r="CC32" s="295">
        <v>0</v>
      </c>
      <c r="CD32" s="296">
        <v>0</v>
      </c>
      <c r="CE32" s="297">
        <v>0</v>
      </c>
      <c r="CF32" s="295">
        <v>0</v>
      </c>
      <c r="CG32" s="295">
        <v>2725</v>
      </c>
      <c r="CH32" s="295">
        <v>145</v>
      </c>
      <c r="CI32" s="295">
        <v>0</v>
      </c>
      <c r="CJ32" s="295">
        <v>0</v>
      </c>
      <c r="CK32" s="298">
        <v>2870</v>
      </c>
      <c r="CL32" s="299">
        <v>2870</v>
      </c>
      <c r="CM32" s="294">
        <v>0</v>
      </c>
      <c r="CN32" s="295">
        <v>0</v>
      </c>
      <c r="CO32" s="296">
        <v>0</v>
      </c>
      <c r="CP32" s="297">
        <v>0</v>
      </c>
      <c r="CQ32" s="295">
        <v>0</v>
      </c>
      <c r="CR32" s="295">
        <v>0</v>
      </c>
      <c r="CS32" s="295">
        <v>0</v>
      </c>
      <c r="CT32" s="295">
        <v>0</v>
      </c>
      <c r="CU32" s="295">
        <v>0</v>
      </c>
      <c r="CV32" s="298">
        <v>0</v>
      </c>
      <c r="CW32" s="299">
        <v>0</v>
      </c>
      <c r="CX32" s="294">
        <v>0</v>
      </c>
      <c r="CY32" s="295">
        <v>0</v>
      </c>
      <c r="CZ32" s="296">
        <v>0</v>
      </c>
      <c r="DA32" s="300"/>
      <c r="DB32" s="295">
        <v>0</v>
      </c>
      <c r="DC32" s="295">
        <v>0</v>
      </c>
      <c r="DD32" s="295">
        <v>0</v>
      </c>
      <c r="DE32" s="295">
        <v>0</v>
      </c>
      <c r="DF32" s="295">
        <v>0</v>
      </c>
      <c r="DG32" s="298">
        <v>0</v>
      </c>
      <c r="DH32" s="299">
        <v>0</v>
      </c>
      <c r="DI32" s="294">
        <v>0</v>
      </c>
      <c r="DJ32" s="295">
        <v>0</v>
      </c>
      <c r="DK32" s="296">
        <v>0</v>
      </c>
      <c r="DL32" s="297">
        <v>0</v>
      </c>
      <c r="DM32" s="295">
        <v>0</v>
      </c>
      <c r="DN32" s="295">
        <v>189372</v>
      </c>
      <c r="DO32" s="295">
        <v>205691</v>
      </c>
      <c r="DP32" s="295">
        <v>400235</v>
      </c>
      <c r="DQ32" s="295">
        <v>309545</v>
      </c>
      <c r="DR32" s="298">
        <v>1104843</v>
      </c>
      <c r="DS32" s="301">
        <v>1104843</v>
      </c>
      <c r="DT32" s="294">
        <v>0</v>
      </c>
      <c r="DU32" s="295">
        <v>0</v>
      </c>
      <c r="DV32" s="296">
        <v>0</v>
      </c>
      <c r="DW32" s="300"/>
      <c r="DX32" s="295">
        <v>0</v>
      </c>
      <c r="DY32" s="295">
        <v>25650</v>
      </c>
      <c r="DZ32" s="295">
        <v>114830</v>
      </c>
      <c r="EA32" s="295">
        <v>271775</v>
      </c>
      <c r="EB32" s="295">
        <v>150495</v>
      </c>
      <c r="EC32" s="298">
        <v>562750</v>
      </c>
      <c r="ED32" s="299">
        <v>562750</v>
      </c>
      <c r="EE32" s="294">
        <v>0</v>
      </c>
      <c r="EF32" s="295">
        <v>0</v>
      </c>
      <c r="EG32" s="296">
        <v>0</v>
      </c>
      <c r="EH32" s="300"/>
      <c r="EI32" s="295">
        <v>0</v>
      </c>
      <c r="EJ32" s="295">
        <v>11307</v>
      </c>
      <c r="EK32" s="295">
        <v>502</v>
      </c>
      <c r="EL32" s="295">
        <v>840</v>
      </c>
      <c r="EM32" s="295">
        <v>390</v>
      </c>
      <c r="EN32" s="298">
        <v>13039</v>
      </c>
      <c r="EO32" s="299">
        <v>13039</v>
      </c>
      <c r="EP32" s="294">
        <v>0</v>
      </c>
      <c r="EQ32" s="295">
        <v>0</v>
      </c>
      <c r="ER32" s="296">
        <v>0</v>
      </c>
      <c r="ES32" s="300"/>
      <c r="ET32" s="295">
        <v>0</v>
      </c>
      <c r="EU32" s="295">
        <v>0</v>
      </c>
      <c r="EV32" s="295">
        <v>0</v>
      </c>
      <c r="EW32" s="295">
        <v>0</v>
      </c>
      <c r="EX32" s="295">
        <v>0</v>
      </c>
      <c r="EY32" s="298">
        <v>0</v>
      </c>
      <c r="EZ32" s="299">
        <v>0</v>
      </c>
      <c r="FA32" s="294">
        <v>0</v>
      </c>
      <c r="FB32" s="295">
        <v>0</v>
      </c>
      <c r="FC32" s="296">
        <v>0</v>
      </c>
      <c r="FD32" s="300"/>
      <c r="FE32" s="295">
        <v>0</v>
      </c>
      <c r="FF32" s="295">
        <v>0</v>
      </c>
      <c r="FG32" s="295">
        <v>0</v>
      </c>
      <c r="FH32" s="295">
        <v>0</v>
      </c>
      <c r="FI32" s="295">
        <v>0</v>
      </c>
      <c r="FJ32" s="298">
        <v>0</v>
      </c>
      <c r="FK32" s="299">
        <v>0</v>
      </c>
      <c r="FL32" s="294">
        <v>0</v>
      </c>
      <c r="FM32" s="295">
        <v>0</v>
      </c>
      <c r="FN32" s="296">
        <v>0</v>
      </c>
      <c r="FO32" s="300"/>
      <c r="FP32" s="295">
        <v>0</v>
      </c>
      <c r="FQ32" s="295">
        <v>129992</v>
      </c>
      <c r="FR32" s="295">
        <v>62640</v>
      </c>
      <c r="FS32" s="295">
        <v>127620</v>
      </c>
      <c r="FT32" s="295">
        <v>122408</v>
      </c>
      <c r="FU32" s="298">
        <v>442660</v>
      </c>
      <c r="FV32" s="299">
        <v>442660</v>
      </c>
      <c r="FW32" s="294">
        <v>0</v>
      </c>
      <c r="FX32" s="295">
        <v>0</v>
      </c>
      <c r="FY32" s="296">
        <v>0</v>
      </c>
      <c r="FZ32" s="297">
        <v>0</v>
      </c>
      <c r="GA32" s="295">
        <v>0</v>
      </c>
      <c r="GB32" s="295">
        <v>22374</v>
      </c>
      <c r="GC32" s="295">
        <v>27705</v>
      </c>
      <c r="GD32" s="295">
        <v>0</v>
      </c>
      <c r="GE32" s="295">
        <v>36252</v>
      </c>
      <c r="GF32" s="298">
        <v>86331</v>
      </c>
      <c r="GG32" s="299">
        <v>86331</v>
      </c>
      <c r="GH32" s="294">
        <v>0</v>
      </c>
      <c r="GI32" s="295">
        <v>0</v>
      </c>
      <c r="GJ32" s="296">
        <v>0</v>
      </c>
      <c r="GK32" s="297">
        <v>0</v>
      </c>
      <c r="GL32" s="295">
        <v>0</v>
      </c>
      <c r="GM32" s="295">
        <v>49</v>
      </c>
      <c r="GN32" s="295">
        <v>14</v>
      </c>
      <c r="GO32" s="295">
        <v>0</v>
      </c>
      <c r="GP32" s="295">
        <v>0</v>
      </c>
      <c r="GQ32" s="298">
        <v>63</v>
      </c>
      <c r="GR32" s="299">
        <v>63</v>
      </c>
      <c r="GS32" s="294">
        <v>0</v>
      </c>
      <c r="GT32" s="295">
        <v>0</v>
      </c>
      <c r="GU32" s="296">
        <v>0</v>
      </c>
      <c r="GV32" s="297">
        <v>0</v>
      </c>
      <c r="GW32" s="295">
        <v>0</v>
      </c>
      <c r="GX32" s="295">
        <v>0</v>
      </c>
      <c r="GY32" s="295">
        <v>0</v>
      </c>
      <c r="GZ32" s="295">
        <v>0</v>
      </c>
      <c r="HA32" s="295">
        <v>0</v>
      </c>
      <c r="HB32" s="298">
        <v>0</v>
      </c>
      <c r="HC32" s="299">
        <v>0</v>
      </c>
      <c r="HD32" s="294">
        <v>0</v>
      </c>
      <c r="HE32" s="295">
        <v>0</v>
      </c>
      <c r="HF32" s="296">
        <v>0</v>
      </c>
      <c r="HG32" s="300"/>
      <c r="HH32" s="295">
        <v>0</v>
      </c>
      <c r="HI32" s="295">
        <v>0</v>
      </c>
      <c r="HJ32" s="295">
        <v>0</v>
      </c>
      <c r="HK32" s="295">
        <v>0</v>
      </c>
      <c r="HL32" s="295">
        <v>0</v>
      </c>
      <c r="HM32" s="298">
        <v>0</v>
      </c>
      <c r="HN32" s="299">
        <v>0</v>
      </c>
      <c r="HO32" s="294">
        <v>0</v>
      </c>
      <c r="HP32" s="295">
        <v>0</v>
      </c>
      <c r="HQ32" s="296">
        <v>0</v>
      </c>
      <c r="HR32" s="297">
        <v>0</v>
      </c>
      <c r="HS32" s="295">
        <v>0</v>
      </c>
      <c r="HT32" s="295">
        <v>431157</v>
      </c>
      <c r="HU32" s="295">
        <v>446733</v>
      </c>
      <c r="HV32" s="295">
        <v>870570</v>
      </c>
      <c r="HW32" s="295">
        <v>620610</v>
      </c>
      <c r="HX32" s="298">
        <v>2369070</v>
      </c>
      <c r="HY32" s="299">
        <v>2369070</v>
      </c>
    </row>
    <row r="33" spans="2:233" ht="21" customHeight="1" x14ac:dyDescent="0.2">
      <c r="B33" s="292" t="s">
        <v>30</v>
      </c>
      <c r="C33" s="294">
        <v>0</v>
      </c>
      <c r="D33" s="295">
        <v>0</v>
      </c>
      <c r="E33" s="296">
        <v>0</v>
      </c>
      <c r="F33" s="297">
        <v>0</v>
      </c>
      <c r="G33" s="295">
        <v>84450</v>
      </c>
      <c r="H33" s="295">
        <v>27125</v>
      </c>
      <c r="I33" s="295">
        <v>216970</v>
      </c>
      <c r="J33" s="295">
        <v>221275</v>
      </c>
      <c r="K33" s="295">
        <v>223487</v>
      </c>
      <c r="L33" s="298">
        <v>773307</v>
      </c>
      <c r="M33" s="299">
        <v>773307</v>
      </c>
      <c r="N33" s="294">
        <v>0</v>
      </c>
      <c r="O33" s="295">
        <v>0</v>
      </c>
      <c r="P33" s="296">
        <v>0</v>
      </c>
      <c r="Q33" s="300"/>
      <c r="R33" s="295">
        <v>2550</v>
      </c>
      <c r="S33" s="295">
        <v>2550</v>
      </c>
      <c r="T33" s="295">
        <v>154605</v>
      </c>
      <c r="U33" s="295">
        <v>124860</v>
      </c>
      <c r="V33" s="295">
        <v>205937</v>
      </c>
      <c r="W33" s="298">
        <v>490502</v>
      </c>
      <c r="X33" s="299">
        <v>490502</v>
      </c>
      <c r="Y33" s="294">
        <v>0</v>
      </c>
      <c r="Z33" s="295">
        <v>0</v>
      </c>
      <c r="AA33" s="296">
        <v>0</v>
      </c>
      <c r="AB33" s="300"/>
      <c r="AC33" s="295">
        <v>81900</v>
      </c>
      <c r="AD33" s="295">
        <v>23850</v>
      </c>
      <c r="AE33" s="295">
        <v>44550</v>
      </c>
      <c r="AF33" s="295">
        <v>94385</v>
      </c>
      <c r="AG33" s="295">
        <v>0</v>
      </c>
      <c r="AH33" s="298">
        <v>244685</v>
      </c>
      <c r="AI33" s="299">
        <v>244685</v>
      </c>
      <c r="AJ33" s="294">
        <v>0</v>
      </c>
      <c r="AK33" s="295">
        <v>0</v>
      </c>
      <c r="AL33" s="296">
        <v>0</v>
      </c>
      <c r="AM33" s="300"/>
      <c r="AN33" s="295">
        <v>0</v>
      </c>
      <c r="AO33" s="295">
        <v>0</v>
      </c>
      <c r="AP33" s="295">
        <v>0</v>
      </c>
      <c r="AQ33" s="295">
        <v>0</v>
      </c>
      <c r="AR33" s="295">
        <v>0</v>
      </c>
      <c r="AS33" s="298">
        <v>0</v>
      </c>
      <c r="AT33" s="299">
        <v>0</v>
      </c>
      <c r="AU33" s="294">
        <v>0</v>
      </c>
      <c r="AV33" s="295">
        <v>0</v>
      </c>
      <c r="AW33" s="296">
        <v>0</v>
      </c>
      <c r="AX33" s="300"/>
      <c r="AY33" s="295">
        <v>0</v>
      </c>
      <c r="AZ33" s="295">
        <v>0</v>
      </c>
      <c r="BA33" s="295">
        <v>0</v>
      </c>
      <c r="BB33" s="295">
        <v>0</v>
      </c>
      <c r="BC33" s="295">
        <v>17550</v>
      </c>
      <c r="BD33" s="298">
        <v>17550</v>
      </c>
      <c r="BE33" s="299">
        <v>17550</v>
      </c>
      <c r="BF33" s="294">
        <v>0</v>
      </c>
      <c r="BG33" s="295">
        <v>0</v>
      </c>
      <c r="BH33" s="296">
        <v>0</v>
      </c>
      <c r="BI33" s="300"/>
      <c r="BJ33" s="295">
        <v>0</v>
      </c>
      <c r="BK33" s="295">
        <v>0</v>
      </c>
      <c r="BL33" s="295">
        <v>0</v>
      </c>
      <c r="BM33" s="295">
        <v>0</v>
      </c>
      <c r="BN33" s="295">
        <v>0</v>
      </c>
      <c r="BO33" s="298">
        <v>0</v>
      </c>
      <c r="BP33" s="299">
        <v>0</v>
      </c>
      <c r="BQ33" s="294">
        <v>0</v>
      </c>
      <c r="BR33" s="295">
        <v>0</v>
      </c>
      <c r="BS33" s="296">
        <v>0</v>
      </c>
      <c r="BT33" s="297">
        <v>0</v>
      </c>
      <c r="BU33" s="295">
        <v>0</v>
      </c>
      <c r="BV33" s="295">
        <v>725</v>
      </c>
      <c r="BW33" s="295">
        <v>17815</v>
      </c>
      <c r="BX33" s="295">
        <v>2030</v>
      </c>
      <c r="BY33" s="295">
        <v>0</v>
      </c>
      <c r="BZ33" s="298">
        <v>20570</v>
      </c>
      <c r="CA33" s="299">
        <v>20570</v>
      </c>
      <c r="CB33" s="294">
        <v>0</v>
      </c>
      <c r="CC33" s="295">
        <v>0</v>
      </c>
      <c r="CD33" s="296">
        <v>0</v>
      </c>
      <c r="CE33" s="297">
        <v>0</v>
      </c>
      <c r="CF33" s="295">
        <v>0</v>
      </c>
      <c r="CG33" s="295">
        <v>0</v>
      </c>
      <c r="CH33" s="295">
        <v>0</v>
      </c>
      <c r="CI33" s="295">
        <v>0</v>
      </c>
      <c r="CJ33" s="295">
        <v>0</v>
      </c>
      <c r="CK33" s="298">
        <v>0</v>
      </c>
      <c r="CL33" s="299">
        <v>0</v>
      </c>
      <c r="CM33" s="294">
        <v>0</v>
      </c>
      <c r="CN33" s="295">
        <v>0</v>
      </c>
      <c r="CO33" s="296">
        <v>0</v>
      </c>
      <c r="CP33" s="297">
        <v>0</v>
      </c>
      <c r="CQ33" s="295">
        <v>0</v>
      </c>
      <c r="CR33" s="295">
        <v>0</v>
      </c>
      <c r="CS33" s="295">
        <v>0</v>
      </c>
      <c r="CT33" s="295">
        <v>0</v>
      </c>
      <c r="CU33" s="295">
        <v>0</v>
      </c>
      <c r="CV33" s="298">
        <v>0</v>
      </c>
      <c r="CW33" s="299">
        <v>0</v>
      </c>
      <c r="CX33" s="294">
        <v>0</v>
      </c>
      <c r="CY33" s="295">
        <v>0</v>
      </c>
      <c r="CZ33" s="296">
        <v>0</v>
      </c>
      <c r="DA33" s="300"/>
      <c r="DB33" s="295">
        <v>0</v>
      </c>
      <c r="DC33" s="295">
        <v>0</v>
      </c>
      <c r="DD33" s="295">
        <v>0</v>
      </c>
      <c r="DE33" s="295">
        <v>0</v>
      </c>
      <c r="DF33" s="295">
        <v>0</v>
      </c>
      <c r="DG33" s="298">
        <v>0</v>
      </c>
      <c r="DH33" s="299">
        <v>0</v>
      </c>
      <c r="DI33" s="294">
        <v>0</v>
      </c>
      <c r="DJ33" s="295">
        <v>0</v>
      </c>
      <c r="DK33" s="296">
        <v>0</v>
      </c>
      <c r="DL33" s="297">
        <v>0</v>
      </c>
      <c r="DM33" s="295">
        <v>56850</v>
      </c>
      <c r="DN33" s="295">
        <v>20376</v>
      </c>
      <c r="DO33" s="295">
        <v>295290</v>
      </c>
      <c r="DP33" s="295">
        <v>199713</v>
      </c>
      <c r="DQ33" s="295">
        <v>220339</v>
      </c>
      <c r="DR33" s="298">
        <v>792568</v>
      </c>
      <c r="DS33" s="301">
        <v>792568</v>
      </c>
      <c r="DT33" s="294">
        <v>0</v>
      </c>
      <c r="DU33" s="295">
        <v>0</v>
      </c>
      <c r="DV33" s="296">
        <v>0</v>
      </c>
      <c r="DW33" s="300"/>
      <c r="DX33" s="295">
        <v>20880</v>
      </c>
      <c r="DY33" s="295">
        <v>14550</v>
      </c>
      <c r="DZ33" s="295">
        <v>234564</v>
      </c>
      <c r="EA33" s="295">
        <v>180480</v>
      </c>
      <c r="EB33" s="295">
        <v>220220</v>
      </c>
      <c r="EC33" s="298">
        <v>670694</v>
      </c>
      <c r="ED33" s="299">
        <v>670694</v>
      </c>
      <c r="EE33" s="294">
        <v>0</v>
      </c>
      <c r="EF33" s="295">
        <v>0</v>
      </c>
      <c r="EG33" s="296">
        <v>0</v>
      </c>
      <c r="EH33" s="300"/>
      <c r="EI33" s="295">
        <v>35970</v>
      </c>
      <c r="EJ33" s="295">
        <v>210</v>
      </c>
      <c r="EK33" s="295">
        <v>43350</v>
      </c>
      <c r="EL33" s="295">
        <v>11958</v>
      </c>
      <c r="EM33" s="295">
        <v>0</v>
      </c>
      <c r="EN33" s="298">
        <v>91488</v>
      </c>
      <c r="EO33" s="299">
        <v>91488</v>
      </c>
      <c r="EP33" s="294">
        <v>0</v>
      </c>
      <c r="EQ33" s="295">
        <v>0</v>
      </c>
      <c r="ER33" s="296">
        <v>0</v>
      </c>
      <c r="ES33" s="300"/>
      <c r="ET33" s="295">
        <v>0</v>
      </c>
      <c r="EU33" s="295">
        <v>0</v>
      </c>
      <c r="EV33" s="295">
        <v>0</v>
      </c>
      <c r="EW33" s="295">
        <v>0</v>
      </c>
      <c r="EX33" s="295">
        <v>0</v>
      </c>
      <c r="EY33" s="298">
        <v>0</v>
      </c>
      <c r="EZ33" s="299">
        <v>0</v>
      </c>
      <c r="FA33" s="294">
        <v>0</v>
      </c>
      <c r="FB33" s="295">
        <v>0</v>
      </c>
      <c r="FC33" s="296">
        <v>0</v>
      </c>
      <c r="FD33" s="300"/>
      <c r="FE33" s="295">
        <v>0</v>
      </c>
      <c r="FF33" s="295">
        <v>0</v>
      </c>
      <c r="FG33" s="295">
        <v>0</v>
      </c>
      <c r="FH33" s="295">
        <v>0</v>
      </c>
      <c r="FI33" s="295">
        <v>119</v>
      </c>
      <c r="FJ33" s="298">
        <v>119</v>
      </c>
      <c r="FK33" s="299">
        <v>119</v>
      </c>
      <c r="FL33" s="294">
        <v>0</v>
      </c>
      <c r="FM33" s="295">
        <v>0</v>
      </c>
      <c r="FN33" s="296">
        <v>0</v>
      </c>
      <c r="FO33" s="300"/>
      <c r="FP33" s="295">
        <v>0</v>
      </c>
      <c r="FQ33" s="295">
        <v>0</v>
      </c>
      <c r="FR33" s="295">
        <v>0</v>
      </c>
      <c r="FS33" s="295">
        <v>0</v>
      </c>
      <c r="FT33" s="295">
        <v>0</v>
      </c>
      <c r="FU33" s="298">
        <v>0</v>
      </c>
      <c r="FV33" s="299">
        <v>0</v>
      </c>
      <c r="FW33" s="294">
        <v>0</v>
      </c>
      <c r="FX33" s="295">
        <v>0</v>
      </c>
      <c r="FY33" s="296">
        <v>0</v>
      </c>
      <c r="FZ33" s="297">
        <v>0</v>
      </c>
      <c r="GA33" s="295">
        <v>0</v>
      </c>
      <c r="GB33" s="295">
        <v>5616</v>
      </c>
      <c r="GC33" s="295">
        <v>17376</v>
      </c>
      <c r="GD33" s="295">
        <v>7275</v>
      </c>
      <c r="GE33" s="295">
        <v>0</v>
      </c>
      <c r="GF33" s="298">
        <v>30267</v>
      </c>
      <c r="GG33" s="299">
        <v>30267</v>
      </c>
      <c r="GH33" s="294">
        <v>0</v>
      </c>
      <c r="GI33" s="295">
        <v>0</v>
      </c>
      <c r="GJ33" s="296">
        <v>0</v>
      </c>
      <c r="GK33" s="297">
        <v>0</v>
      </c>
      <c r="GL33" s="295">
        <v>0</v>
      </c>
      <c r="GM33" s="295">
        <v>0</v>
      </c>
      <c r="GN33" s="295">
        <v>0</v>
      </c>
      <c r="GO33" s="295">
        <v>0</v>
      </c>
      <c r="GP33" s="295">
        <v>0</v>
      </c>
      <c r="GQ33" s="298">
        <v>0</v>
      </c>
      <c r="GR33" s="299">
        <v>0</v>
      </c>
      <c r="GS33" s="294">
        <v>0</v>
      </c>
      <c r="GT33" s="295">
        <v>0</v>
      </c>
      <c r="GU33" s="296">
        <v>0</v>
      </c>
      <c r="GV33" s="297">
        <v>0</v>
      </c>
      <c r="GW33" s="295">
        <v>0</v>
      </c>
      <c r="GX33" s="295">
        <v>0</v>
      </c>
      <c r="GY33" s="295">
        <v>0</v>
      </c>
      <c r="GZ33" s="295">
        <v>0</v>
      </c>
      <c r="HA33" s="295">
        <v>0</v>
      </c>
      <c r="HB33" s="298">
        <v>0</v>
      </c>
      <c r="HC33" s="299">
        <v>0</v>
      </c>
      <c r="HD33" s="294">
        <v>0</v>
      </c>
      <c r="HE33" s="295">
        <v>0</v>
      </c>
      <c r="HF33" s="296">
        <v>0</v>
      </c>
      <c r="HG33" s="300"/>
      <c r="HH33" s="295">
        <v>0</v>
      </c>
      <c r="HI33" s="295">
        <v>0</v>
      </c>
      <c r="HJ33" s="295">
        <v>0</v>
      </c>
      <c r="HK33" s="295">
        <v>0</v>
      </c>
      <c r="HL33" s="295">
        <v>0</v>
      </c>
      <c r="HM33" s="298">
        <v>0</v>
      </c>
      <c r="HN33" s="299">
        <v>0</v>
      </c>
      <c r="HO33" s="294">
        <v>0</v>
      </c>
      <c r="HP33" s="295">
        <v>0</v>
      </c>
      <c r="HQ33" s="296">
        <v>0</v>
      </c>
      <c r="HR33" s="297">
        <v>0</v>
      </c>
      <c r="HS33" s="295">
        <v>141300</v>
      </c>
      <c r="HT33" s="295">
        <v>47501</v>
      </c>
      <c r="HU33" s="295">
        <v>512260</v>
      </c>
      <c r="HV33" s="295">
        <v>420988</v>
      </c>
      <c r="HW33" s="295">
        <v>443826</v>
      </c>
      <c r="HX33" s="298">
        <v>1565875</v>
      </c>
      <c r="HY33" s="299">
        <v>1565875</v>
      </c>
    </row>
    <row r="34" spans="2:233" ht="21" customHeight="1" x14ac:dyDescent="0.2">
      <c r="B34" s="292" t="s">
        <v>31</v>
      </c>
      <c r="C34" s="294">
        <v>0</v>
      </c>
      <c r="D34" s="295">
        <v>0</v>
      </c>
      <c r="E34" s="296">
        <v>0</v>
      </c>
      <c r="F34" s="297">
        <v>0</v>
      </c>
      <c r="G34" s="295">
        <v>1160</v>
      </c>
      <c r="H34" s="295">
        <v>128335</v>
      </c>
      <c r="I34" s="295">
        <v>296020</v>
      </c>
      <c r="J34" s="295">
        <v>161625</v>
      </c>
      <c r="K34" s="295">
        <v>172720</v>
      </c>
      <c r="L34" s="298">
        <v>759860</v>
      </c>
      <c r="M34" s="299">
        <v>759860</v>
      </c>
      <c r="N34" s="294">
        <v>0</v>
      </c>
      <c r="O34" s="295">
        <v>0</v>
      </c>
      <c r="P34" s="296">
        <v>0</v>
      </c>
      <c r="Q34" s="300"/>
      <c r="R34" s="295">
        <v>0</v>
      </c>
      <c r="S34" s="295">
        <v>31650</v>
      </c>
      <c r="T34" s="295">
        <v>242125</v>
      </c>
      <c r="U34" s="295">
        <v>116775</v>
      </c>
      <c r="V34" s="295">
        <v>172720</v>
      </c>
      <c r="W34" s="298">
        <v>563270</v>
      </c>
      <c r="X34" s="299">
        <v>563270</v>
      </c>
      <c r="Y34" s="294">
        <v>0</v>
      </c>
      <c r="Z34" s="295">
        <v>0</v>
      </c>
      <c r="AA34" s="296">
        <v>0</v>
      </c>
      <c r="AB34" s="300"/>
      <c r="AC34" s="295">
        <v>0</v>
      </c>
      <c r="AD34" s="295">
        <v>94800</v>
      </c>
      <c r="AE34" s="295">
        <v>36750</v>
      </c>
      <c r="AF34" s="295">
        <v>31500</v>
      </c>
      <c r="AG34" s="295">
        <v>0</v>
      </c>
      <c r="AH34" s="298">
        <v>163050</v>
      </c>
      <c r="AI34" s="299">
        <v>163050</v>
      </c>
      <c r="AJ34" s="294">
        <v>0</v>
      </c>
      <c r="AK34" s="295">
        <v>0</v>
      </c>
      <c r="AL34" s="296">
        <v>0</v>
      </c>
      <c r="AM34" s="300"/>
      <c r="AN34" s="295">
        <v>0</v>
      </c>
      <c r="AO34" s="295">
        <v>0</v>
      </c>
      <c r="AP34" s="295">
        <v>0</v>
      </c>
      <c r="AQ34" s="295">
        <v>0</v>
      </c>
      <c r="AR34" s="295">
        <v>0</v>
      </c>
      <c r="AS34" s="298">
        <v>0</v>
      </c>
      <c r="AT34" s="299">
        <v>0</v>
      </c>
      <c r="AU34" s="294">
        <v>0</v>
      </c>
      <c r="AV34" s="295">
        <v>0</v>
      </c>
      <c r="AW34" s="296">
        <v>0</v>
      </c>
      <c r="AX34" s="300"/>
      <c r="AY34" s="295">
        <v>0</v>
      </c>
      <c r="AZ34" s="295">
        <v>0</v>
      </c>
      <c r="BA34" s="295">
        <v>0</v>
      </c>
      <c r="BB34" s="295">
        <v>0</v>
      </c>
      <c r="BC34" s="295">
        <v>0</v>
      </c>
      <c r="BD34" s="298">
        <v>0</v>
      </c>
      <c r="BE34" s="299">
        <v>0</v>
      </c>
      <c r="BF34" s="294">
        <v>0</v>
      </c>
      <c r="BG34" s="295">
        <v>0</v>
      </c>
      <c r="BH34" s="296">
        <v>0</v>
      </c>
      <c r="BI34" s="300"/>
      <c r="BJ34" s="295">
        <v>0</v>
      </c>
      <c r="BK34" s="295">
        <v>0</v>
      </c>
      <c r="BL34" s="295">
        <v>0</v>
      </c>
      <c r="BM34" s="295">
        <v>0</v>
      </c>
      <c r="BN34" s="295">
        <v>0</v>
      </c>
      <c r="BO34" s="298">
        <v>0</v>
      </c>
      <c r="BP34" s="299">
        <v>0</v>
      </c>
      <c r="BQ34" s="294">
        <v>0</v>
      </c>
      <c r="BR34" s="295">
        <v>0</v>
      </c>
      <c r="BS34" s="296">
        <v>0</v>
      </c>
      <c r="BT34" s="297">
        <v>0</v>
      </c>
      <c r="BU34" s="295">
        <v>1160</v>
      </c>
      <c r="BV34" s="295">
        <v>1160</v>
      </c>
      <c r="BW34" s="295">
        <v>17145</v>
      </c>
      <c r="BX34" s="295">
        <v>13350</v>
      </c>
      <c r="BY34" s="295">
        <v>0</v>
      </c>
      <c r="BZ34" s="298">
        <v>32815</v>
      </c>
      <c r="CA34" s="299">
        <v>32815</v>
      </c>
      <c r="CB34" s="294">
        <v>0</v>
      </c>
      <c r="CC34" s="295">
        <v>0</v>
      </c>
      <c r="CD34" s="296">
        <v>0</v>
      </c>
      <c r="CE34" s="297">
        <v>0</v>
      </c>
      <c r="CF34" s="295">
        <v>0</v>
      </c>
      <c r="CG34" s="295">
        <v>725</v>
      </c>
      <c r="CH34" s="295">
        <v>0</v>
      </c>
      <c r="CI34" s="295">
        <v>0</v>
      </c>
      <c r="CJ34" s="295">
        <v>0</v>
      </c>
      <c r="CK34" s="298">
        <v>725</v>
      </c>
      <c r="CL34" s="299">
        <v>725</v>
      </c>
      <c r="CM34" s="294">
        <v>0</v>
      </c>
      <c r="CN34" s="295">
        <v>0</v>
      </c>
      <c r="CO34" s="296">
        <v>0</v>
      </c>
      <c r="CP34" s="297">
        <v>0</v>
      </c>
      <c r="CQ34" s="295">
        <v>0</v>
      </c>
      <c r="CR34" s="295">
        <v>0</v>
      </c>
      <c r="CS34" s="295">
        <v>0</v>
      </c>
      <c r="CT34" s="295">
        <v>0</v>
      </c>
      <c r="CU34" s="295">
        <v>0</v>
      </c>
      <c r="CV34" s="298">
        <v>0</v>
      </c>
      <c r="CW34" s="299">
        <v>0</v>
      </c>
      <c r="CX34" s="294">
        <v>0</v>
      </c>
      <c r="CY34" s="295">
        <v>0</v>
      </c>
      <c r="CZ34" s="296">
        <v>0</v>
      </c>
      <c r="DA34" s="300"/>
      <c r="DB34" s="295">
        <v>0</v>
      </c>
      <c r="DC34" s="295">
        <v>0</v>
      </c>
      <c r="DD34" s="295">
        <v>0</v>
      </c>
      <c r="DE34" s="295">
        <v>0</v>
      </c>
      <c r="DF34" s="295">
        <v>0</v>
      </c>
      <c r="DG34" s="298">
        <v>0</v>
      </c>
      <c r="DH34" s="299">
        <v>0</v>
      </c>
      <c r="DI34" s="294">
        <v>0</v>
      </c>
      <c r="DJ34" s="295">
        <v>0</v>
      </c>
      <c r="DK34" s="296">
        <v>0</v>
      </c>
      <c r="DL34" s="297">
        <v>0</v>
      </c>
      <c r="DM34" s="295">
        <v>3510</v>
      </c>
      <c r="DN34" s="295">
        <v>43177</v>
      </c>
      <c r="DO34" s="295">
        <v>336341</v>
      </c>
      <c r="DP34" s="295">
        <v>217395</v>
      </c>
      <c r="DQ34" s="295">
        <v>184870</v>
      </c>
      <c r="DR34" s="298">
        <v>785293</v>
      </c>
      <c r="DS34" s="301">
        <v>785293</v>
      </c>
      <c r="DT34" s="294">
        <v>0</v>
      </c>
      <c r="DU34" s="295">
        <v>0</v>
      </c>
      <c r="DV34" s="296">
        <v>0</v>
      </c>
      <c r="DW34" s="300"/>
      <c r="DX34" s="295">
        <v>0</v>
      </c>
      <c r="DY34" s="295">
        <v>35580</v>
      </c>
      <c r="DZ34" s="295">
        <v>299400</v>
      </c>
      <c r="EA34" s="295">
        <v>206025</v>
      </c>
      <c r="EB34" s="295">
        <v>184870</v>
      </c>
      <c r="EC34" s="298">
        <v>725875</v>
      </c>
      <c r="ED34" s="299">
        <v>725875</v>
      </c>
      <c r="EE34" s="294">
        <v>0</v>
      </c>
      <c r="EF34" s="295">
        <v>0</v>
      </c>
      <c r="EG34" s="296">
        <v>0</v>
      </c>
      <c r="EH34" s="300"/>
      <c r="EI34" s="295">
        <v>0</v>
      </c>
      <c r="EJ34" s="295">
        <v>1230</v>
      </c>
      <c r="EK34" s="295">
        <v>600</v>
      </c>
      <c r="EL34" s="295">
        <v>840</v>
      </c>
      <c r="EM34" s="295">
        <v>0</v>
      </c>
      <c r="EN34" s="298">
        <v>2670</v>
      </c>
      <c r="EO34" s="299">
        <v>2670</v>
      </c>
      <c r="EP34" s="294">
        <v>0</v>
      </c>
      <c r="EQ34" s="295">
        <v>0</v>
      </c>
      <c r="ER34" s="296">
        <v>0</v>
      </c>
      <c r="ES34" s="300"/>
      <c r="ET34" s="295">
        <v>0</v>
      </c>
      <c r="EU34" s="295">
        <v>0</v>
      </c>
      <c r="EV34" s="295">
        <v>0</v>
      </c>
      <c r="EW34" s="295">
        <v>0</v>
      </c>
      <c r="EX34" s="295">
        <v>0</v>
      </c>
      <c r="EY34" s="298">
        <v>0</v>
      </c>
      <c r="EZ34" s="299">
        <v>0</v>
      </c>
      <c r="FA34" s="294">
        <v>0</v>
      </c>
      <c r="FB34" s="295">
        <v>0</v>
      </c>
      <c r="FC34" s="296">
        <v>0</v>
      </c>
      <c r="FD34" s="300"/>
      <c r="FE34" s="295">
        <v>0</v>
      </c>
      <c r="FF34" s="295">
        <v>0</v>
      </c>
      <c r="FG34" s="295">
        <v>0</v>
      </c>
      <c r="FH34" s="295">
        <v>0</v>
      </c>
      <c r="FI34" s="295">
        <v>0</v>
      </c>
      <c r="FJ34" s="298">
        <v>0</v>
      </c>
      <c r="FK34" s="299">
        <v>0</v>
      </c>
      <c r="FL34" s="294">
        <v>0</v>
      </c>
      <c r="FM34" s="295">
        <v>0</v>
      </c>
      <c r="FN34" s="296">
        <v>0</v>
      </c>
      <c r="FO34" s="300"/>
      <c r="FP34" s="295">
        <v>0</v>
      </c>
      <c r="FQ34" s="295">
        <v>0</v>
      </c>
      <c r="FR34" s="295">
        <v>0</v>
      </c>
      <c r="FS34" s="295">
        <v>0</v>
      </c>
      <c r="FT34" s="295">
        <v>0</v>
      </c>
      <c r="FU34" s="298">
        <v>0</v>
      </c>
      <c r="FV34" s="299">
        <v>0</v>
      </c>
      <c r="FW34" s="294">
        <v>0</v>
      </c>
      <c r="FX34" s="295">
        <v>0</v>
      </c>
      <c r="FY34" s="296">
        <v>0</v>
      </c>
      <c r="FZ34" s="297">
        <v>0</v>
      </c>
      <c r="GA34" s="295">
        <v>3510</v>
      </c>
      <c r="GB34" s="295">
        <v>3861</v>
      </c>
      <c r="GC34" s="295">
        <v>36341</v>
      </c>
      <c r="GD34" s="295">
        <v>10530</v>
      </c>
      <c r="GE34" s="295">
        <v>0</v>
      </c>
      <c r="GF34" s="298">
        <v>54242</v>
      </c>
      <c r="GG34" s="299">
        <v>54242</v>
      </c>
      <c r="GH34" s="294">
        <v>0</v>
      </c>
      <c r="GI34" s="295">
        <v>0</v>
      </c>
      <c r="GJ34" s="296">
        <v>0</v>
      </c>
      <c r="GK34" s="297">
        <v>0</v>
      </c>
      <c r="GL34" s="295">
        <v>0</v>
      </c>
      <c r="GM34" s="295">
        <v>2506</v>
      </c>
      <c r="GN34" s="295">
        <v>0</v>
      </c>
      <c r="GO34" s="295">
        <v>0</v>
      </c>
      <c r="GP34" s="295">
        <v>0</v>
      </c>
      <c r="GQ34" s="298">
        <v>2506</v>
      </c>
      <c r="GR34" s="299">
        <v>2506</v>
      </c>
      <c r="GS34" s="294">
        <v>0</v>
      </c>
      <c r="GT34" s="295">
        <v>0</v>
      </c>
      <c r="GU34" s="296">
        <v>0</v>
      </c>
      <c r="GV34" s="297">
        <v>0</v>
      </c>
      <c r="GW34" s="295">
        <v>0</v>
      </c>
      <c r="GX34" s="295">
        <v>0</v>
      </c>
      <c r="GY34" s="295">
        <v>0</v>
      </c>
      <c r="GZ34" s="295">
        <v>0</v>
      </c>
      <c r="HA34" s="295">
        <v>0</v>
      </c>
      <c r="HB34" s="298">
        <v>0</v>
      </c>
      <c r="HC34" s="299">
        <v>0</v>
      </c>
      <c r="HD34" s="294">
        <v>0</v>
      </c>
      <c r="HE34" s="295">
        <v>0</v>
      </c>
      <c r="HF34" s="296">
        <v>0</v>
      </c>
      <c r="HG34" s="300"/>
      <c r="HH34" s="295">
        <v>0</v>
      </c>
      <c r="HI34" s="295">
        <v>0</v>
      </c>
      <c r="HJ34" s="295">
        <v>0</v>
      </c>
      <c r="HK34" s="295">
        <v>0</v>
      </c>
      <c r="HL34" s="295">
        <v>0</v>
      </c>
      <c r="HM34" s="298">
        <v>0</v>
      </c>
      <c r="HN34" s="299">
        <v>0</v>
      </c>
      <c r="HO34" s="294">
        <v>0</v>
      </c>
      <c r="HP34" s="295">
        <v>0</v>
      </c>
      <c r="HQ34" s="296">
        <v>0</v>
      </c>
      <c r="HR34" s="297">
        <v>0</v>
      </c>
      <c r="HS34" s="295">
        <v>4670</v>
      </c>
      <c r="HT34" s="295">
        <v>171512</v>
      </c>
      <c r="HU34" s="295">
        <v>632361</v>
      </c>
      <c r="HV34" s="295">
        <v>379020</v>
      </c>
      <c r="HW34" s="295">
        <v>357590</v>
      </c>
      <c r="HX34" s="298">
        <v>1545153</v>
      </c>
      <c r="HY34" s="299">
        <v>1545153</v>
      </c>
    </row>
    <row r="35" spans="2:233" ht="21" customHeight="1" x14ac:dyDescent="0.2">
      <c r="B35" s="292" t="s">
        <v>32</v>
      </c>
      <c r="C35" s="294">
        <v>0</v>
      </c>
      <c r="D35" s="295">
        <v>0</v>
      </c>
      <c r="E35" s="296">
        <v>0</v>
      </c>
      <c r="F35" s="297">
        <v>0</v>
      </c>
      <c r="G35" s="295">
        <v>71250</v>
      </c>
      <c r="H35" s="295">
        <v>22968</v>
      </c>
      <c r="I35" s="295">
        <v>448254</v>
      </c>
      <c r="J35" s="295">
        <v>323915</v>
      </c>
      <c r="K35" s="295">
        <v>127595</v>
      </c>
      <c r="L35" s="298">
        <v>993982</v>
      </c>
      <c r="M35" s="299">
        <v>993982</v>
      </c>
      <c r="N35" s="294">
        <v>0</v>
      </c>
      <c r="O35" s="295">
        <v>0</v>
      </c>
      <c r="P35" s="296">
        <v>0</v>
      </c>
      <c r="Q35" s="300"/>
      <c r="R35" s="295">
        <v>68700</v>
      </c>
      <c r="S35" s="295">
        <v>-35495</v>
      </c>
      <c r="T35" s="295">
        <v>104640</v>
      </c>
      <c r="U35" s="295">
        <v>211800</v>
      </c>
      <c r="V35" s="295">
        <v>9690</v>
      </c>
      <c r="W35" s="298">
        <v>359335</v>
      </c>
      <c r="X35" s="299">
        <v>359335</v>
      </c>
      <c r="Y35" s="294">
        <v>0</v>
      </c>
      <c r="Z35" s="295">
        <v>0</v>
      </c>
      <c r="AA35" s="296">
        <v>0</v>
      </c>
      <c r="AB35" s="300"/>
      <c r="AC35" s="295">
        <v>2550</v>
      </c>
      <c r="AD35" s="295">
        <v>51640</v>
      </c>
      <c r="AE35" s="295">
        <v>60600</v>
      </c>
      <c r="AF35" s="295">
        <v>98230</v>
      </c>
      <c r="AG35" s="295">
        <v>34350</v>
      </c>
      <c r="AH35" s="298">
        <v>247370</v>
      </c>
      <c r="AI35" s="299">
        <v>247370</v>
      </c>
      <c r="AJ35" s="294">
        <v>0</v>
      </c>
      <c r="AK35" s="295">
        <v>0</v>
      </c>
      <c r="AL35" s="296">
        <v>0</v>
      </c>
      <c r="AM35" s="300"/>
      <c r="AN35" s="295">
        <v>0</v>
      </c>
      <c r="AO35" s="295">
        <v>0</v>
      </c>
      <c r="AP35" s="295">
        <v>0</v>
      </c>
      <c r="AQ35" s="295">
        <v>0</v>
      </c>
      <c r="AR35" s="295">
        <v>0</v>
      </c>
      <c r="AS35" s="298">
        <v>0</v>
      </c>
      <c r="AT35" s="299">
        <v>0</v>
      </c>
      <c r="AU35" s="294">
        <v>0</v>
      </c>
      <c r="AV35" s="295">
        <v>0</v>
      </c>
      <c r="AW35" s="296">
        <v>0</v>
      </c>
      <c r="AX35" s="300"/>
      <c r="AY35" s="295">
        <v>0</v>
      </c>
      <c r="AZ35" s="295">
        <v>0</v>
      </c>
      <c r="BA35" s="295">
        <v>0</v>
      </c>
      <c r="BB35" s="295">
        <v>0</v>
      </c>
      <c r="BC35" s="295">
        <v>31650</v>
      </c>
      <c r="BD35" s="298">
        <v>31650</v>
      </c>
      <c r="BE35" s="299">
        <v>31650</v>
      </c>
      <c r="BF35" s="294">
        <v>0</v>
      </c>
      <c r="BG35" s="295">
        <v>0</v>
      </c>
      <c r="BH35" s="296">
        <v>0</v>
      </c>
      <c r="BI35" s="300"/>
      <c r="BJ35" s="295">
        <v>0</v>
      </c>
      <c r="BK35" s="295">
        <v>0</v>
      </c>
      <c r="BL35" s="295">
        <v>272215</v>
      </c>
      <c r="BM35" s="295">
        <v>7650</v>
      </c>
      <c r="BN35" s="295">
        <v>47700</v>
      </c>
      <c r="BO35" s="298">
        <v>327565</v>
      </c>
      <c r="BP35" s="299">
        <v>327565</v>
      </c>
      <c r="BQ35" s="294">
        <v>0</v>
      </c>
      <c r="BR35" s="295">
        <v>0</v>
      </c>
      <c r="BS35" s="296">
        <v>0</v>
      </c>
      <c r="BT35" s="297">
        <v>0</v>
      </c>
      <c r="BU35" s="295">
        <v>0</v>
      </c>
      <c r="BV35" s="295">
        <v>6823</v>
      </c>
      <c r="BW35" s="295">
        <v>10364</v>
      </c>
      <c r="BX35" s="295">
        <v>6235</v>
      </c>
      <c r="BY35" s="295">
        <v>4205</v>
      </c>
      <c r="BZ35" s="298">
        <v>27627</v>
      </c>
      <c r="CA35" s="299">
        <v>27627</v>
      </c>
      <c r="CB35" s="294">
        <v>0</v>
      </c>
      <c r="CC35" s="295">
        <v>0</v>
      </c>
      <c r="CD35" s="296">
        <v>0</v>
      </c>
      <c r="CE35" s="297">
        <v>0</v>
      </c>
      <c r="CF35" s="295">
        <v>0</v>
      </c>
      <c r="CG35" s="295">
        <v>0</v>
      </c>
      <c r="CH35" s="295">
        <v>435</v>
      </c>
      <c r="CI35" s="295">
        <v>0</v>
      </c>
      <c r="CJ35" s="295">
        <v>0</v>
      </c>
      <c r="CK35" s="298">
        <v>435</v>
      </c>
      <c r="CL35" s="299">
        <v>435</v>
      </c>
      <c r="CM35" s="294">
        <v>0</v>
      </c>
      <c r="CN35" s="295">
        <v>0</v>
      </c>
      <c r="CO35" s="296">
        <v>0</v>
      </c>
      <c r="CP35" s="297">
        <v>0</v>
      </c>
      <c r="CQ35" s="295">
        <v>0</v>
      </c>
      <c r="CR35" s="295">
        <v>0</v>
      </c>
      <c r="CS35" s="295">
        <v>0</v>
      </c>
      <c r="CT35" s="295">
        <v>0</v>
      </c>
      <c r="CU35" s="295">
        <v>0</v>
      </c>
      <c r="CV35" s="298">
        <v>0</v>
      </c>
      <c r="CW35" s="299">
        <v>0</v>
      </c>
      <c r="CX35" s="294">
        <v>0</v>
      </c>
      <c r="CY35" s="295">
        <v>0</v>
      </c>
      <c r="CZ35" s="296">
        <v>0</v>
      </c>
      <c r="DA35" s="300"/>
      <c r="DB35" s="295">
        <v>0</v>
      </c>
      <c r="DC35" s="295">
        <v>0</v>
      </c>
      <c r="DD35" s="295">
        <v>0</v>
      </c>
      <c r="DE35" s="295">
        <v>0</v>
      </c>
      <c r="DF35" s="295">
        <v>0</v>
      </c>
      <c r="DG35" s="298">
        <v>0</v>
      </c>
      <c r="DH35" s="299">
        <v>0</v>
      </c>
      <c r="DI35" s="294">
        <v>0</v>
      </c>
      <c r="DJ35" s="295">
        <v>0</v>
      </c>
      <c r="DK35" s="296">
        <v>0</v>
      </c>
      <c r="DL35" s="297">
        <v>0</v>
      </c>
      <c r="DM35" s="295">
        <v>52293</v>
      </c>
      <c r="DN35" s="295">
        <v>-20572</v>
      </c>
      <c r="DO35" s="295">
        <v>390628</v>
      </c>
      <c r="DP35" s="295">
        <v>299981</v>
      </c>
      <c r="DQ35" s="295">
        <v>120925</v>
      </c>
      <c r="DR35" s="298">
        <v>843255</v>
      </c>
      <c r="DS35" s="301">
        <v>843255</v>
      </c>
      <c r="DT35" s="294">
        <v>0</v>
      </c>
      <c r="DU35" s="295">
        <v>0</v>
      </c>
      <c r="DV35" s="296">
        <v>0</v>
      </c>
      <c r="DW35" s="300"/>
      <c r="DX35" s="295">
        <v>52083</v>
      </c>
      <c r="DY35" s="295">
        <v>-26505</v>
      </c>
      <c r="DZ35" s="295">
        <v>155200</v>
      </c>
      <c r="EA35" s="295">
        <v>232770</v>
      </c>
      <c r="EB35" s="295">
        <v>74280</v>
      </c>
      <c r="EC35" s="298">
        <v>487828</v>
      </c>
      <c r="ED35" s="299">
        <v>487828</v>
      </c>
      <c r="EE35" s="294">
        <v>0</v>
      </c>
      <c r="EF35" s="295">
        <v>0</v>
      </c>
      <c r="EG35" s="296">
        <v>0</v>
      </c>
      <c r="EH35" s="300"/>
      <c r="EI35" s="295">
        <v>210</v>
      </c>
      <c r="EJ35" s="295">
        <v>598</v>
      </c>
      <c r="EK35" s="295">
        <v>21870</v>
      </c>
      <c r="EL35" s="295">
        <v>12392</v>
      </c>
      <c r="EM35" s="295">
        <v>11310</v>
      </c>
      <c r="EN35" s="298">
        <v>46380</v>
      </c>
      <c r="EO35" s="299">
        <v>46380</v>
      </c>
      <c r="EP35" s="294">
        <v>0</v>
      </c>
      <c r="EQ35" s="295">
        <v>0</v>
      </c>
      <c r="ER35" s="296">
        <v>0</v>
      </c>
      <c r="ES35" s="300"/>
      <c r="ET35" s="295">
        <v>0</v>
      </c>
      <c r="EU35" s="295">
        <v>0</v>
      </c>
      <c r="EV35" s="295">
        <v>0</v>
      </c>
      <c r="EW35" s="295">
        <v>0</v>
      </c>
      <c r="EX35" s="295">
        <v>0</v>
      </c>
      <c r="EY35" s="298">
        <v>0</v>
      </c>
      <c r="EZ35" s="299">
        <v>0</v>
      </c>
      <c r="FA35" s="294">
        <v>0</v>
      </c>
      <c r="FB35" s="295">
        <v>0</v>
      </c>
      <c r="FC35" s="296">
        <v>0</v>
      </c>
      <c r="FD35" s="300"/>
      <c r="FE35" s="295">
        <v>0</v>
      </c>
      <c r="FF35" s="295">
        <v>0</v>
      </c>
      <c r="FG35" s="295">
        <v>0</v>
      </c>
      <c r="FH35" s="295">
        <v>0</v>
      </c>
      <c r="FI35" s="295">
        <v>210</v>
      </c>
      <c r="FJ35" s="298">
        <v>210</v>
      </c>
      <c r="FK35" s="299">
        <v>210</v>
      </c>
      <c r="FL35" s="294">
        <v>0</v>
      </c>
      <c r="FM35" s="295">
        <v>0</v>
      </c>
      <c r="FN35" s="296">
        <v>0</v>
      </c>
      <c r="FO35" s="300"/>
      <c r="FP35" s="295">
        <v>0</v>
      </c>
      <c r="FQ35" s="295">
        <v>0</v>
      </c>
      <c r="FR35" s="295">
        <v>197429</v>
      </c>
      <c r="FS35" s="295">
        <v>31590</v>
      </c>
      <c r="FT35" s="295">
        <v>21060</v>
      </c>
      <c r="FU35" s="298">
        <v>250079</v>
      </c>
      <c r="FV35" s="299">
        <v>250079</v>
      </c>
      <c r="FW35" s="294">
        <v>0</v>
      </c>
      <c r="FX35" s="295">
        <v>0</v>
      </c>
      <c r="FY35" s="296">
        <v>0</v>
      </c>
      <c r="FZ35" s="297">
        <v>0</v>
      </c>
      <c r="GA35" s="295">
        <v>0</v>
      </c>
      <c r="GB35" s="295">
        <v>5335</v>
      </c>
      <c r="GC35" s="295">
        <v>14339</v>
      </c>
      <c r="GD35" s="295">
        <v>23229</v>
      </c>
      <c r="GE35" s="295">
        <v>14065</v>
      </c>
      <c r="GF35" s="298">
        <v>56968</v>
      </c>
      <c r="GG35" s="299">
        <v>56968</v>
      </c>
      <c r="GH35" s="294">
        <v>0</v>
      </c>
      <c r="GI35" s="295">
        <v>0</v>
      </c>
      <c r="GJ35" s="296">
        <v>0</v>
      </c>
      <c r="GK35" s="297">
        <v>0</v>
      </c>
      <c r="GL35" s="295">
        <v>0</v>
      </c>
      <c r="GM35" s="295">
        <v>0</v>
      </c>
      <c r="GN35" s="295">
        <v>1790</v>
      </c>
      <c r="GO35" s="295">
        <v>0</v>
      </c>
      <c r="GP35" s="295">
        <v>0</v>
      </c>
      <c r="GQ35" s="298">
        <v>1790</v>
      </c>
      <c r="GR35" s="299">
        <v>1790</v>
      </c>
      <c r="GS35" s="294">
        <v>0</v>
      </c>
      <c r="GT35" s="295">
        <v>0</v>
      </c>
      <c r="GU35" s="296">
        <v>0</v>
      </c>
      <c r="GV35" s="297">
        <v>0</v>
      </c>
      <c r="GW35" s="295">
        <v>0</v>
      </c>
      <c r="GX35" s="295">
        <v>0</v>
      </c>
      <c r="GY35" s="295">
        <v>0</v>
      </c>
      <c r="GZ35" s="295">
        <v>0</v>
      </c>
      <c r="HA35" s="295">
        <v>0</v>
      </c>
      <c r="HB35" s="298">
        <v>0</v>
      </c>
      <c r="HC35" s="299">
        <v>0</v>
      </c>
      <c r="HD35" s="294">
        <v>0</v>
      </c>
      <c r="HE35" s="295">
        <v>0</v>
      </c>
      <c r="HF35" s="296">
        <v>0</v>
      </c>
      <c r="HG35" s="300"/>
      <c r="HH35" s="295">
        <v>0</v>
      </c>
      <c r="HI35" s="295">
        <v>0</v>
      </c>
      <c r="HJ35" s="295">
        <v>0</v>
      </c>
      <c r="HK35" s="295">
        <v>0</v>
      </c>
      <c r="HL35" s="295">
        <v>0</v>
      </c>
      <c r="HM35" s="298">
        <v>0</v>
      </c>
      <c r="HN35" s="299">
        <v>0</v>
      </c>
      <c r="HO35" s="294">
        <v>0</v>
      </c>
      <c r="HP35" s="295">
        <v>0</v>
      </c>
      <c r="HQ35" s="296">
        <v>0</v>
      </c>
      <c r="HR35" s="297">
        <v>0</v>
      </c>
      <c r="HS35" s="295">
        <v>123543</v>
      </c>
      <c r="HT35" s="295">
        <v>2396</v>
      </c>
      <c r="HU35" s="295">
        <v>838882</v>
      </c>
      <c r="HV35" s="295">
        <v>623896</v>
      </c>
      <c r="HW35" s="295">
        <v>248520</v>
      </c>
      <c r="HX35" s="298">
        <v>1837237</v>
      </c>
      <c r="HY35" s="299">
        <v>1837237</v>
      </c>
    </row>
    <row r="36" spans="2:233" ht="21" customHeight="1" x14ac:dyDescent="0.2">
      <c r="B36" s="292" t="s">
        <v>33</v>
      </c>
      <c r="C36" s="294">
        <v>0</v>
      </c>
      <c r="D36" s="295">
        <v>0</v>
      </c>
      <c r="E36" s="296">
        <v>0</v>
      </c>
      <c r="F36" s="297">
        <v>0</v>
      </c>
      <c r="G36" s="295">
        <v>76640</v>
      </c>
      <c r="H36" s="295">
        <v>133330</v>
      </c>
      <c r="I36" s="295">
        <v>383890</v>
      </c>
      <c r="J36" s="295">
        <v>611270</v>
      </c>
      <c r="K36" s="295">
        <v>315350</v>
      </c>
      <c r="L36" s="298">
        <v>1520480</v>
      </c>
      <c r="M36" s="299">
        <v>1520480</v>
      </c>
      <c r="N36" s="294">
        <v>0</v>
      </c>
      <c r="O36" s="295">
        <v>0</v>
      </c>
      <c r="P36" s="296">
        <v>0</v>
      </c>
      <c r="Q36" s="300"/>
      <c r="R36" s="295">
        <v>0</v>
      </c>
      <c r="S36" s="295">
        <v>26400</v>
      </c>
      <c r="T36" s="295">
        <v>202070</v>
      </c>
      <c r="U36" s="295">
        <v>406225</v>
      </c>
      <c r="V36" s="295">
        <v>225380</v>
      </c>
      <c r="W36" s="298">
        <v>860075</v>
      </c>
      <c r="X36" s="299">
        <v>860075</v>
      </c>
      <c r="Y36" s="294">
        <v>0</v>
      </c>
      <c r="Z36" s="295">
        <v>0</v>
      </c>
      <c r="AA36" s="296">
        <v>0</v>
      </c>
      <c r="AB36" s="300"/>
      <c r="AC36" s="295">
        <v>52790</v>
      </c>
      <c r="AD36" s="295">
        <v>61065</v>
      </c>
      <c r="AE36" s="295">
        <v>102515</v>
      </c>
      <c r="AF36" s="295">
        <v>128975</v>
      </c>
      <c r="AG36" s="295">
        <v>2550</v>
      </c>
      <c r="AH36" s="298">
        <v>347895</v>
      </c>
      <c r="AI36" s="299">
        <v>347895</v>
      </c>
      <c r="AJ36" s="294">
        <v>0</v>
      </c>
      <c r="AK36" s="295">
        <v>0</v>
      </c>
      <c r="AL36" s="296">
        <v>0</v>
      </c>
      <c r="AM36" s="300"/>
      <c r="AN36" s="295">
        <v>0</v>
      </c>
      <c r="AO36" s="295">
        <v>0</v>
      </c>
      <c r="AP36" s="295">
        <v>0</v>
      </c>
      <c r="AQ36" s="295">
        <v>0</v>
      </c>
      <c r="AR36" s="295">
        <v>0</v>
      </c>
      <c r="AS36" s="298">
        <v>0</v>
      </c>
      <c r="AT36" s="299">
        <v>0</v>
      </c>
      <c r="AU36" s="294">
        <v>0</v>
      </c>
      <c r="AV36" s="295">
        <v>0</v>
      </c>
      <c r="AW36" s="296">
        <v>0</v>
      </c>
      <c r="AX36" s="300"/>
      <c r="AY36" s="295">
        <v>23850</v>
      </c>
      <c r="AZ36" s="295">
        <v>36900</v>
      </c>
      <c r="BA36" s="295">
        <v>58795</v>
      </c>
      <c r="BB36" s="295">
        <v>68700</v>
      </c>
      <c r="BC36" s="295">
        <v>80230</v>
      </c>
      <c r="BD36" s="298">
        <v>268475</v>
      </c>
      <c r="BE36" s="299">
        <v>268475</v>
      </c>
      <c r="BF36" s="294">
        <v>0</v>
      </c>
      <c r="BG36" s="295">
        <v>0</v>
      </c>
      <c r="BH36" s="296">
        <v>0</v>
      </c>
      <c r="BI36" s="300"/>
      <c r="BJ36" s="295">
        <v>0</v>
      </c>
      <c r="BK36" s="295">
        <v>0</v>
      </c>
      <c r="BL36" s="295">
        <v>0</v>
      </c>
      <c r="BM36" s="295">
        <v>0</v>
      </c>
      <c r="BN36" s="295">
        <v>0</v>
      </c>
      <c r="BO36" s="298">
        <v>0</v>
      </c>
      <c r="BP36" s="299">
        <v>0</v>
      </c>
      <c r="BQ36" s="294">
        <v>0</v>
      </c>
      <c r="BR36" s="295">
        <v>0</v>
      </c>
      <c r="BS36" s="296">
        <v>0</v>
      </c>
      <c r="BT36" s="297">
        <v>0</v>
      </c>
      <c r="BU36" s="295">
        <v>0</v>
      </c>
      <c r="BV36" s="295">
        <v>8965</v>
      </c>
      <c r="BW36" s="295">
        <v>14800</v>
      </c>
      <c r="BX36" s="295">
        <v>7370</v>
      </c>
      <c r="BY36" s="295">
        <v>0</v>
      </c>
      <c r="BZ36" s="298">
        <v>31135</v>
      </c>
      <c r="CA36" s="299">
        <v>31135</v>
      </c>
      <c r="CB36" s="294">
        <v>0</v>
      </c>
      <c r="CC36" s="295">
        <v>0</v>
      </c>
      <c r="CD36" s="296">
        <v>0</v>
      </c>
      <c r="CE36" s="297">
        <v>0</v>
      </c>
      <c r="CF36" s="295">
        <v>0</v>
      </c>
      <c r="CG36" s="295">
        <v>0</v>
      </c>
      <c r="CH36" s="295">
        <v>5710</v>
      </c>
      <c r="CI36" s="295">
        <v>0</v>
      </c>
      <c r="CJ36" s="295">
        <v>7190</v>
      </c>
      <c r="CK36" s="298">
        <v>12900</v>
      </c>
      <c r="CL36" s="299">
        <v>12900</v>
      </c>
      <c r="CM36" s="294">
        <v>0</v>
      </c>
      <c r="CN36" s="295">
        <v>0</v>
      </c>
      <c r="CO36" s="296">
        <v>0</v>
      </c>
      <c r="CP36" s="297">
        <v>0</v>
      </c>
      <c r="CQ36" s="295">
        <v>0</v>
      </c>
      <c r="CR36" s="295">
        <v>0</v>
      </c>
      <c r="CS36" s="295">
        <v>0</v>
      </c>
      <c r="CT36" s="295">
        <v>0</v>
      </c>
      <c r="CU36" s="295">
        <v>0</v>
      </c>
      <c r="CV36" s="298">
        <v>0</v>
      </c>
      <c r="CW36" s="299">
        <v>0</v>
      </c>
      <c r="CX36" s="294">
        <v>0</v>
      </c>
      <c r="CY36" s="295">
        <v>0</v>
      </c>
      <c r="CZ36" s="296">
        <v>0</v>
      </c>
      <c r="DA36" s="300"/>
      <c r="DB36" s="295">
        <v>0</v>
      </c>
      <c r="DC36" s="295">
        <v>0</v>
      </c>
      <c r="DD36" s="295">
        <v>0</v>
      </c>
      <c r="DE36" s="295">
        <v>0</v>
      </c>
      <c r="DF36" s="295">
        <v>0</v>
      </c>
      <c r="DG36" s="298">
        <v>0</v>
      </c>
      <c r="DH36" s="299">
        <v>0</v>
      </c>
      <c r="DI36" s="294">
        <v>0</v>
      </c>
      <c r="DJ36" s="295">
        <v>0</v>
      </c>
      <c r="DK36" s="296">
        <v>0</v>
      </c>
      <c r="DL36" s="297">
        <v>0</v>
      </c>
      <c r="DM36" s="295">
        <v>1169</v>
      </c>
      <c r="DN36" s="295">
        <v>67789</v>
      </c>
      <c r="DO36" s="295">
        <v>285383</v>
      </c>
      <c r="DP36" s="295">
        <v>492125</v>
      </c>
      <c r="DQ36" s="295">
        <v>174657</v>
      </c>
      <c r="DR36" s="298">
        <v>1021123</v>
      </c>
      <c r="DS36" s="301">
        <v>1021123</v>
      </c>
      <c r="DT36" s="294">
        <v>0</v>
      </c>
      <c r="DU36" s="295">
        <v>0</v>
      </c>
      <c r="DV36" s="296">
        <v>0</v>
      </c>
      <c r="DW36" s="300"/>
      <c r="DX36" s="295">
        <v>0</v>
      </c>
      <c r="DY36" s="295">
        <v>35430</v>
      </c>
      <c r="DZ36" s="295">
        <v>235457</v>
      </c>
      <c r="EA36" s="295">
        <v>448333</v>
      </c>
      <c r="EB36" s="295">
        <v>173600</v>
      </c>
      <c r="EC36" s="298">
        <v>892820</v>
      </c>
      <c r="ED36" s="299">
        <v>892820</v>
      </c>
      <c r="EE36" s="294">
        <v>0</v>
      </c>
      <c r="EF36" s="295">
        <v>0</v>
      </c>
      <c r="EG36" s="296">
        <v>0</v>
      </c>
      <c r="EH36" s="300"/>
      <c r="EI36" s="295">
        <v>959</v>
      </c>
      <c r="EJ36" s="295">
        <v>11758</v>
      </c>
      <c r="EK36" s="295">
        <v>22830</v>
      </c>
      <c r="EL36" s="295">
        <v>1442</v>
      </c>
      <c r="EM36" s="295">
        <v>210</v>
      </c>
      <c r="EN36" s="298">
        <v>37199</v>
      </c>
      <c r="EO36" s="299">
        <v>37199</v>
      </c>
      <c r="EP36" s="294">
        <v>0</v>
      </c>
      <c r="EQ36" s="295">
        <v>0</v>
      </c>
      <c r="ER36" s="296">
        <v>0</v>
      </c>
      <c r="ES36" s="300"/>
      <c r="ET36" s="295">
        <v>0</v>
      </c>
      <c r="EU36" s="295">
        <v>0</v>
      </c>
      <c r="EV36" s="295">
        <v>0</v>
      </c>
      <c r="EW36" s="295">
        <v>0</v>
      </c>
      <c r="EX36" s="295">
        <v>0</v>
      </c>
      <c r="EY36" s="298">
        <v>0</v>
      </c>
      <c r="EZ36" s="299">
        <v>0</v>
      </c>
      <c r="FA36" s="294">
        <v>0</v>
      </c>
      <c r="FB36" s="295">
        <v>0</v>
      </c>
      <c r="FC36" s="296">
        <v>0</v>
      </c>
      <c r="FD36" s="300"/>
      <c r="FE36" s="295">
        <v>210</v>
      </c>
      <c r="FF36" s="295">
        <v>11520</v>
      </c>
      <c r="FG36" s="295">
        <v>11695</v>
      </c>
      <c r="FH36" s="295">
        <v>22620</v>
      </c>
      <c r="FI36" s="295">
        <v>847</v>
      </c>
      <c r="FJ36" s="298">
        <v>46892</v>
      </c>
      <c r="FK36" s="299">
        <v>46892</v>
      </c>
      <c r="FL36" s="294">
        <v>0</v>
      </c>
      <c r="FM36" s="295">
        <v>0</v>
      </c>
      <c r="FN36" s="296">
        <v>0</v>
      </c>
      <c r="FO36" s="300"/>
      <c r="FP36" s="295">
        <v>0</v>
      </c>
      <c r="FQ36" s="295">
        <v>0</v>
      </c>
      <c r="FR36" s="295">
        <v>0</v>
      </c>
      <c r="FS36" s="295">
        <v>0</v>
      </c>
      <c r="FT36" s="295">
        <v>0</v>
      </c>
      <c r="FU36" s="298">
        <v>0</v>
      </c>
      <c r="FV36" s="299">
        <v>0</v>
      </c>
      <c r="FW36" s="294">
        <v>0</v>
      </c>
      <c r="FX36" s="295">
        <v>0</v>
      </c>
      <c r="FY36" s="296">
        <v>0</v>
      </c>
      <c r="FZ36" s="297">
        <v>0</v>
      </c>
      <c r="GA36" s="295">
        <v>0</v>
      </c>
      <c r="GB36" s="295">
        <v>9081</v>
      </c>
      <c r="GC36" s="295">
        <v>15317</v>
      </c>
      <c r="GD36" s="295">
        <v>19730</v>
      </c>
      <c r="GE36" s="295">
        <v>0</v>
      </c>
      <c r="GF36" s="298">
        <v>44128</v>
      </c>
      <c r="GG36" s="299">
        <v>44128</v>
      </c>
      <c r="GH36" s="294">
        <v>0</v>
      </c>
      <c r="GI36" s="295">
        <v>0</v>
      </c>
      <c r="GJ36" s="296">
        <v>0</v>
      </c>
      <c r="GK36" s="297">
        <v>0</v>
      </c>
      <c r="GL36" s="295">
        <v>0</v>
      </c>
      <c r="GM36" s="295">
        <v>0</v>
      </c>
      <c r="GN36" s="295">
        <v>84</v>
      </c>
      <c r="GO36" s="295">
        <v>0</v>
      </c>
      <c r="GP36" s="295">
        <v>0</v>
      </c>
      <c r="GQ36" s="298">
        <v>84</v>
      </c>
      <c r="GR36" s="299">
        <v>84</v>
      </c>
      <c r="GS36" s="294">
        <v>0</v>
      </c>
      <c r="GT36" s="295">
        <v>0</v>
      </c>
      <c r="GU36" s="296">
        <v>0</v>
      </c>
      <c r="GV36" s="297">
        <v>0</v>
      </c>
      <c r="GW36" s="295">
        <v>0</v>
      </c>
      <c r="GX36" s="295">
        <v>0</v>
      </c>
      <c r="GY36" s="295">
        <v>0</v>
      </c>
      <c r="GZ36" s="295">
        <v>0</v>
      </c>
      <c r="HA36" s="295">
        <v>0</v>
      </c>
      <c r="HB36" s="298">
        <v>0</v>
      </c>
      <c r="HC36" s="299">
        <v>0</v>
      </c>
      <c r="HD36" s="294">
        <v>0</v>
      </c>
      <c r="HE36" s="295">
        <v>0</v>
      </c>
      <c r="HF36" s="296">
        <v>0</v>
      </c>
      <c r="HG36" s="300"/>
      <c r="HH36" s="295">
        <v>0</v>
      </c>
      <c r="HI36" s="295">
        <v>0</v>
      </c>
      <c r="HJ36" s="295">
        <v>0</v>
      </c>
      <c r="HK36" s="295">
        <v>0</v>
      </c>
      <c r="HL36" s="295">
        <v>0</v>
      </c>
      <c r="HM36" s="298">
        <v>0</v>
      </c>
      <c r="HN36" s="299">
        <v>0</v>
      </c>
      <c r="HO36" s="294">
        <v>0</v>
      </c>
      <c r="HP36" s="295">
        <v>0</v>
      </c>
      <c r="HQ36" s="296">
        <v>0</v>
      </c>
      <c r="HR36" s="297">
        <v>0</v>
      </c>
      <c r="HS36" s="295">
        <v>77809</v>
      </c>
      <c r="HT36" s="295">
        <v>201119</v>
      </c>
      <c r="HU36" s="295">
        <v>669273</v>
      </c>
      <c r="HV36" s="295">
        <v>1103395</v>
      </c>
      <c r="HW36" s="295">
        <v>490007</v>
      </c>
      <c r="HX36" s="298">
        <v>2541603</v>
      </c>
      <c r="HY36" s="299">
        <v>2541603</v>
      </c>
    </row>
    <row r="37" spans="2:233" ht="21" customHeight="1" x14ac:dyDescent="0.2">
      <c r="B37" s="292" t="s">
        <v>34</v>
      </c>
      <c r="C37" s="294">
        <v>0</v>
      </c>
      <c r="D37" s="295">
        <v>0</v>
      </c>
      <c r="E37" s="296">
        <v>0</v>
      </c>
      <c r="F37" s="297">
        <v>0</v>
      </c>
      <c r="G37" s="295">
        <v>26400</v>
      </c>
      <c r="H37" s="295">
        <v>136905</v>
      </c>
      <c r="I37" s="295">
        <v>124040</v>
      </c>
      <c r="J37" s="295">
        <v>353035</v>
      </c>
      <c r="K37" s="295">
        <v>196095</v>
      </c>
      <c r="L37" s="298">
        <v>836475</v>
      </c>
      <c r="M37" s="299">
        <v>836475</v>
      </c>
      <c r="N37" s="294">
        <v>0</v>
      </c>
      <c r="O37" s="295">
        <v>0</v>
      </c>
      <c r="P37" s="296">
        <v>0</v>
      </c>
      <c r="Q37" s="300"/>
      <c r="R37" s="295">
        <v>0</v>
      </c>
      <c r="S37" s="295">
        <v>0</v>
      </c>
      <c r="T37" s="295">
        <v>36750</v>
      </c>
      <c r="U37" s="295">
        <v>255360</v>
      </c>
      <c r="V37" s="295">
        <v>126640</v>
      </c>
      <c r="W37" s="298">
        <v>418750</v>
      </c>
      <c r="X37" s="299">
        <v>418750</v>
      </c>
      <c r="Y37" s="294">
        <v>0</v>
      </c>
      <c r="Z37" s="295">
        <v>0</v>
      </c>
      <c r="AA37" s="296">
        <v>0</v>
      </c>
      <c r="AB37" s="300"/>
      <c r="AC37" s="295">
        <v>26400</v>
      </c>
      <c r="AD37" s="295">
        <v>102555</v>
      </c>
      <c r="AE37" s="295">
        <v>87000</v>
      </c>
      <c r="AF37" s="295">
        <v>87945</v>
      </c>
      <c r="AG37" s="295">
        <v>69455</v>
      </c>
      <c r="AH37" s="298">
        <v>373355</v>
      </c>
      <c r="AI37" s="299">
        <v>373355</v>
      </c>
      <c r="AJ37" s="294">
        <v>0</v>
      </c>
      <c r="AK37" s="295">
        <v>0</v>
      </c>
      <c r="AL37" s="296">
        <v>0</v>
      </c>
      <c r="AM37" s="300"/>
      <c r="AN37" s="295">
        <v>0</v>
      </c>
      <c r="AO37" s="295">
        <v>0</v>
      </c>
      <c r="AP37" s="295">
        <v>0</v>
      </c>
      <c r="AQ37" s="295">
        <v>0</v>
      </c>
      <c r="AR37" s="295">
        <v>0</v>
      </c>
      <c r="AS37" s="298">
        <v>0</v>
      </c>
      <c r="AT37" s="299">
        <v>0</v>
      </c>
      <c r="AU37" s="294">
        <v>0</v>
      </c>
      <c r="AV37" s="295">
        <v>0</v>
      </c>
      <c r="AW37" s="296">
        <v>0</v>
      </c>
      <c r="AX37" s="300"/>
      <c r="AY37" s="295">
        <v>0</v>
      </c>
      <c r="AZ37" s="295">
        <v>34350</v>
      </c>
      <c r="BA37" s="295">
        <v>0</v>
      </c>
      <c r="BB37" s="295">
        <v>0</v>
      </c>
      <c r="BC37" s="295">
        <v>0</v>
      </c>
      <c r="BD37" s="298">
        <v>34350</v>
      </c>
      <c r="BE37" s="299">
        <v>34350</v>
      </c>
      <c r="BF37" s="294">
        <v>0</v>
      </c>
      <c r="BG37" s="295">
        <v>0</v>
      </c>
      <c r="BH37" s="296">
        <v>0</v>
      </c>
      <c r="BI37" s="300"/>
      <c r="BJ37" s="295">
        <v>0</v>
      </c>
      <c r="BK37" s="295">
        <v>0</v>
      </c>
      <c r="BL37" s="295">
        <v>0</v>
      </c>
      <c r="BM37" s="295">
        <v>0</v>
      </c>
      <c r="BN37" s="295">
        <v>0</v>
      </c>
      <c r="BO37" s="298">
        <v>0</v>
      </c>
      <c r="BP37" s="299">
        <v>0</v>
      </c>
      <c r="BQ37" s="294">
        <v>0</v>
      </c>
      <c r="BR37" s="295">
        <v>0</v>
      </c>
      <c r="BS37" s="296">
        <v>0</v>
      </c>
      <c r="BT37" s="297">
        <v>0</v>
      </c>
      <c r="BU37" s="295">
        <v>0</v>
      </c>
      <c r="BV37" s="295">
        <v>0</v>
      </c>
      <c r="BW37" s="295">
        <v>290</v>
      </c>
      <c r="BX37" s="295">
        <v>3835</v>
      </c>
      <c r="BY37" s="295">
        <v>0</v>
      </c>
      <c r="BZ37" s="298">
        <v>4125</v>
      </c>
      <c r="CA37" s="299">
        <v>4125</v>
      </c>
      <c r="CB37" s="294">
        <v>0</v>
      </c>
      <c r="CC37" s="295">
        <v>0</v>
      </c>
      <c r="CD37" s="296">
        <v>0</v>
      </c>
      <c r="CE37" s="297">
        <v>0</v>
      </c>
      <c r="CF37" s="295">
        <v>0</v>
      </c>
      <c r="CG37" s="295">
        <v>0</v>
      </c>
      <c r="CH37" s="295">
        <v>0</v>
      </c>
      <c r="CI37" s="295">
        <v>5895</v>
      </c>
      <c r="CJ37" s="295">
        <v>0</v>
      </c>
      <c r="CK37" s="298">
        <v>5895</v>
      </c>
      <c r="CL37" s="299">
        <v>5895</v>
      </c>
      <c r="CM37" s="294">
        <v>0</v>
      </c>
      <c r="CN37" s="295">
        <v>0</v>
      </c>
      <c r="CO37" s="296">
        <v>0</v>
      </c>
      <c r="CP37" s="297">
        <v>0</v>
      </c>
      <c r="CQ37" s="295">
        <v>0</v>
      </c>
      <c r="CR37" s="295">
        <v>0</v>
      </c>
      <c r="CS37" s="295">
        <v>0</v>
      </c>
      <c r="CT37" s="295">
        <v>0</v>
      </c>
      <c r="CU37" s="295">
        <v>0</v>
      </c>
      <c r="CV37" s="298">
        <v>0</v>
      </c>
      <c r="CW37" s="299">
        <v>0</v>
      </c>
      <c r="CX37" s="294">
        <v>0</v>
      </c>
      <c r="CY37" s="295">
        <v>0</v>
      </c>
      <c r="CZ37" s="296">
        <v>0</v>
      </c>
      <c r="DA37" s="300"/>
      <c r="DB37" s="295">
        <v>0</v>
      </c>
      <c r="DC37" s="295">
        <v>0</v>
      </c>
      <c r="DD37" s="295">
        <v>0</v>
      </c>
      <c r="DE37" s="295">
        <v>0</v>
      </c>
      <c r="DF37" s="295">
        <v>0</v>
      </c>
      <c r="DG37" s="298">
        <v>0</v>
      </c>
      <c r="DH37" s="299">
        <v>0</v>
      </c>
      <c r="DI37" s="294">
        <v>0</v>
      </c>
      <c r="DJ37" s="295">
        <v>0</v>
      </c>
      <c r="DK37" s="296">
        <v>0</v>
      </c>
      <c r="DL37" s="297">
        <v>0</v>
      </c>
      <c r="DM37" s="295">
        <v>390</v>
      </c>
      <c r="DN37" s="295">
        <v>15753</v>
      </c>
      <c r="DO37" s="295">
        <v>81384</v>
      </c>
      <c r="DP37" s="295">
        <v>303095</v>
      </c>
      <c r="DQ37" s="295">
        <v>174697</v>
      </c>
      <c r="DR37" s="298">
        <v>575319</v>
      </c>
      <c r="DS37" s="301">
        <v>575319</v>
      </c>
      <c r="DT37" s="294">
        <v>0</v>
      </c>
      <c r="DU37" s="295">
        <v>0</v>
      </c>
      <c r="DV37" s="296">
        <v>0</v>
      </c>
      <c r="DW37" s="300"/>
      <c r="DX37" s="295">
        <v>0</v>
      </c>
      <c r="DY37" s="295">
        <v>0</v>
      </c>
      <c r="DZ37" s="295">
        <v>77340</v>
      </c>
      <c r="EA37" s="295">
        <v>282671</v>
      </c>
      <c r="EB37" s="295">
        <v>173850</v>
      </c>
      <c r="EC37" s="298">
        <v>533861</v>
      </c>
      <c r="ED37" s="299">
        <v>533861</v>
      </c>
      <c r="EE37" s="294">
        <v>0</v>
      </c>
      <c r="EF37" s="295">
        <v>0</v>
      </c>
      <c r="EG37" s="296">
        <v>0</v>
      </c>
      <c r="EH37" s="300"/>
      <c r="EI37" s="295">
        <v>390</v>
      </c>
      <c r="EJ37" s="295">
        <v>4443</v>
      </c>
      <c r="EK37" s="295">
        <v>1260</v>
      </c>
      <c r="EL37" s="295">
        <v>12157</v>
      </c>
      <c r="EM37" s="295">
        <v>847</v>
      </c>
      <c r="EN37" s="298">
        <v>19097</v>
      </c>
      <c r="EO37" s="299">
        <v>19097</v>
      </c>
      <c r="EP37" s="294">
        <v>0</v>
      </c>
      <c r="EQ37" s="295">
        <v>0</v>
      </c>
      <c r="ER37" s="296">
        <v>0</v>
      </c>
      <c r="ES37" s="300"/>
      <c r="ET37" s="295">
        <v>0</v>
      </c>
      <c r="EU37" s="295">
        <v>0</v>
      </c>
      <c r="EV37" s="295">
        <v>0</v>
      </c>
      <c r="EW37" s="295">
        <v>0</v>
      </c>
      <c r="EX37" s="295">
        <v>0</v>
      </c>
      <c r="EY37" s="298">
        <v>0</v>
      </c>
      <c r="EZ37" s="299">
        <v>0</v>
      </c>
      <c r="FA37" s="294">
        <v>0</v>
      </c>
      <c r="FB37" s="295">
        <v>0</v>
      </c>
      <c r="FC37" s="296">
        <v>0</v>
      </c>
      <c r="FD37" s="300"/>
      <c r="FE37" s="295">
        <v>0</v>
      </c>
      <c r="FF37" s="295">
        <v>11310</v>
      </c>
      <c r="FG37" s="295">
        <v>0</v>
      </c>
      <c r="FH37" s="295">
        <v>0</v>
      </c>
      <c r="FI37" s="295">
        <v>0</v>
      </c>
      <c r="FJ37" s="298">
        <v>11310</v>
      </c>
      <c r="FK37" s="299">
        <v>11310</v>
      </c>
      <c r="FL37" s="294">
        <v>0</v>
      </c>
      <c r="FM37" s="295">
        <v>0</v>
      </c>
      <c r="FN37" s="296">
        <v>0</v>
      </c>
      <c r="FO37" s="300"/>
      <c r="FP37" s="295">
        <v>0</v>
      </c>
      <c r="FQ37" s="295">
        <v>0</v>
      </c>
      <c r="FR37" s="295">
        <v>0</v>
      </c>
      <c r="FS37" s="295">
        <v>0</v>
      </c>
      <c r="FT37" s="295">
        <v>0</v>
      </c>
      <c r="FU37" s="298">
        <v>0</v>
      </c>
      <c r="FV37" s="299">
        <v>0</v>
      </c>
      <c r="FW37" s="294">
        <v>0</v>
      </c>
      <c r="FX37" s="295">
        <v>0</v>
      </c>
      <c r="FY37" s="296">
        <v>0</v>
      </c>
      <c r="FZ37" s="297">
        <v>0</v>
      </c>
      <c r="GA37" s="295">
        <v>0</v>
      </c>
      <c r="GB37" s="295">
        <v>0</v>
      </c>
      <c r="GC37" s="295">
        <v>2784</v>
      </c>
      <c r="GD37" s="295">
        <v>8204</v>
      </c>
      <c r="GE37" s="295">
        <v>0</v>
      </c>
      <c r="GF37" s="298">
        <v>10988</v>
      </c>
      <c r="GG37" s="299">
        <v>10988</v>
      </c>
      <c r="GH37" s="294">
        <v>0</v>
      </c>
      <c r="GI37" s="295">
        <v>0</v>
      </c>
      <c r="GJ37" s="296">
        <v>0</v>
      </c>
      <c r="GK37" s="297">
        <v>0</v>
      </c>
      <c r="GL37" s="295">
        <v>0</v>
      </c>
      <c r="GM37" s="295">
        <v>0</v>
      </c>
      <c r="GN37" s="295">
        <v>0</v>
      </c>
      <c r="GO37" s="295">
        <v>63</v>
      </c>
      <c r="GP37" s="295">
        <v>0</v>
      </c>
      <c r="GQ37" s="298">
        <v>63</v>
      </c>
      <c r="GR37" s="299">
        <v>63</v>
      </c>
      <c r="GS37" s="294">
        <v>0</v>
      </c>
      <c r="GT37" s="295">
        <v>0</v>
      </c>
      <c r="GU37" s="296">
        <v>0</v>
      </c>
      <c r="GV37" s="297">
        <v>0</v>
      </c>
      <c r="GW37" s="295">
        <v>0</v>
      </c>
      <c r="GX37" s="295">
        <v>0</v>
      </c>
      <c r="GY37" s="295">
        <v>0</v>
      </c>
      <c r="GZ37" s="295">
        <v>0</v>
      </c>
      <c r="HA37" s="295">
        <v>0</v>
      </c>
      <c r="HB37" s="298">
        <v>0</v>
      </c>
      <c r="HC37" s="299">
        <v>0</v>
      </c>
      <c r="HD37" s="294">
        <v>0</v>
      </c>
      <c r="HE37" s="295">
        <v>0</v>
      </c>
      <c r="HF37" s="296">
        <v>0</v>
      </c>
      <c r="HG37" s="300"/>
      <c r="HH37" s="295">
        <v>0</v>
      </c>
      <c r="HI37" s="295">
        <v>0</v>
      </c>
      <c r="HJ37" s="295">
        <v>0</v>
      </c>
      <c r="HK37" s="295">
        <v>0</v>
      </c>
      <c r="HL37" s="295">
        <v>0</v>
      </c>
      <c r="HM37" s="298">
        <v>0</v>
      </c>
      <c r="HN37" s="299">
        <v>0</v>
      </c>
      <c r="HO37" s="294">
        <v>0</v>
      </c>
      <c r="HP37" s="295">
        <v>0</v>
      </c>
      <c r="HQ37" s="296">
        <v>0</v>
      </c>
      <c r="HR37" s="297">
        <v>0</v>
      </c>
      <c r="HS37" s="295">
        <v>26790</v>
      </c>
      <c r="HT37" s="295">
        <v>152658</v>
      </c>
      <c r="HU37" s="295">
        <v>205424</v>
      </c>
      <c r="HV37" s="295">
        <v>656130</v>
      </c>
      <c r="HW37" s="295">
        <v>370792</v>
      </c>
      <c r="HX37" s="298">
        <v>1411794</v>
      </c>
      <c r="HY37" s="299">
        <v>1411794</v>
      </c>
    </row>
    <row r="38" spans="2:233" ht="21" customHeight="1" x14ac:dyDescent="0.2">
      <c r="B38" s="292" t="s">
        <v>35</v>
      </c>
      <c r="C38" s="294">
        <v>0</v>
      </c>
      <c r="D38" s="295">
        <v>0</v>
      </c>
      <c r="E38" s="296">
        <v>0</v>
      </c>
      <c r="F38" s="297">
        <v>0</v>
      </c>
      <c r="G38" s="295">
        <v>259795</v>
      </c>
      <c r="H38" s="295">
        <v>336325</v>
      </c>
      <c r="I38" s="295">
        <v>717520</v>
      </c>
      <c r="J38" s="295">
        <v>786605</v>
      </c>
      <c r="K38" s="295">
        <v>428630</v>
      </c>
      <c r="L38" s="298">
        <v>2528875</v>
      </c>
      <c r="M38" s="299">
        <v>2528875</v>
      </c>
      <c r="N38" s="294">
        <v>0</v>
      </c>
      <c r="O38" s="295">
        <v>0</v>
      </c>
      <c r="P38" s="296">
        <v>0</v>
      </c>
      <c r="Q38" s="300"/>
      <c r="R38" s="295">
        <v>33900</v>
      </c>
      <c r="S38" s="295">
        <v>33300</v>
      </c>
      <c r="T38" s="295">
        <v>310230</v>
      </c>
      <c r="U38" s="295">
        <v>485470</v>
      </c>
      <c r="V38" s="295">
        <v>264830</v>
      </c>
      <c r="W38" s="298">
        <v>1127730</v>
      </c>
      <c r="X38" s="299">
        <v>1127730</v>
      </c>
      <c r="Y38" s="294">
        <v>0</v>
      </c>
      <c r="Z38" s="295">
        <v>0</v>
      </c>
      <c r="AA38" s="296">
        <v>0</v>
      </c>
      <c r="AB38" s="300"/>
      <c r="AC38" s="295">
        <v>158100</v>
      </c>
      <c r="AD38" s="295">
        <v>262400</v>
      </c>
      <c r="AE38" s="295">
        <v>309695</v>
      </c>
      <c r="AF38" s="295">
        <v>169575</v>
      </c>
      <c r="AG38" s="295">
        <v>0</v>
      </c>
      <c r="AH38" s="298">
        <v>899770</v>
      </c>
      <c r="AI38" s="299">
        <v>899770</v>
      </c>
      <c r="AJ38" s="294">
        <v>0</v>
      </c>
      <c r="AK38" s="295">
        <v>0</v>
      </c>
      <c r="AL38" s="296">
        <v>0</v>
      </c>
      <c r="AM38" s="300"/>
      <c r="AN38" s="295">
        <v>0</v>
      </c>
      <c r="AO38" s="295">
        <v>0</v>
      </c>
      <c r="AP38" s="295">
        <v>0</v>
      </c>
      <c r="AQ38" s="295">
        <v>0</v>
      </c>
      <c r="AR38" s="295">
        <v>0</v>
      </c>
      <c r="AS38" s="298">
        <v>0</v>
      </c>
      <c r="AT38" s="299">
        <v>0</v>
      </c>
      <c r="AU38" s="294">
        <v>0</v>
      </c>
      <c r="AV38" s="295">
        <v>0</v>
      </c>
      <c r="AW38" s="296">
        <v>0</v>
      </c>
      <c r="AX38" s="300"/>
      <c r="AY38" s="295">
        <v>67665</v>
      </c>
      <c r="AZ38" s="295">
        <v>0</v>
      </c>
      <c r="BA38" s="295">
        <v>71250</v>
      </c>
      <c r="BB38" s="295">
        <v>60750</v>
      </c>
      <c r="BC38" s="295">
        <v>163800</v>
      </c>
      <c r="BD38" s="298">
        <v>363465</v>
      </c>
      <c r="BE38" s="299">
        <v>363465</v>
      </c>
      <c r="BF38" s="294">
        <v>0</v>
      </c>
      <c r="BG38" s="295">
        <v>0</v>
      </c>
      <c r="BH38" s="296">
        <v>0</v>
      </c>
      <c r="BI38" s="300"/>
      <c r="BJ38" s="295">
        <v>0</v>
      </c>
      <c r="BK38" s="295">
        <v>0</v>
      </c>
      <c r="BL38" s="295">
        <v>0</v>
      </c>
      <c r="BM38" s="295">
        <v>0</v>
      </c>
      <c r="BN38" s="295">
        <v>0</v>
      </c>
      <c r="BO38" s="298">
        <v>0</v>
      </c>
      <c r="BP38" s="299">
        <v>0</v>
      </c>
      <c r="BQ38" s="294">
        <v>0</v>
      </c>
      <c r="BR38" s="295">
        <v>0</v>
      </c>
      <c r="BS38" s="296">
        <v>0</v>
      </c>
      <c r="BT38" s="297">
        <v>0</v>
      </c>
      <c r="BU38" s="295">
        <v>130</v>
      </c>
      <c r="BV38" s="295">
        <v>40625</v>
      </c>
      <c r="BW38" s="295">
        <v>26345</v>
      </c>
      <c r="BX38" s="295">
        <v>70810</v>
      </c>
      <c r="BY38" s="295">
        <v>0</v>
      </c>
      <c r="BZ38" s="298">
        <v>137910</v>
      </c>
      <c r="CA38" s="299">
        <v>137910</v>
      </c>
      <c r="CB38" s="294">
        <v>0</v>
      </c>
      <c r="CC38" s="295">
        <v>0</v>
      </c>
      <c r="CD38" s="296">
        <v>0</v>
      </c>
      <c r="CE38" s="297">
        <v>0</v>
      </c>
      <c r="CF38" s="295">
        <v>0</v>
      </c>
      <c r="CG38" s="295">
        <v>0</v>
      </c>
      <c r="CH38" s="295">
        <v>0</v>
      </c>
      <c r="CI38" s="295">
        <v>0</v>
      </c>
      <c r="CJ38" s="295">
        <v>0</v>
      </c>
      <c r="CK38" s="298">
        <v>0</v>
      </c>
      <c r="CL38" s="299">
        <v>0</v>
      </c>
      <c r="CM38" s="294">
        <v>0</v>
      </c>
      <c r="CN38" s="295">
        <v>0</v>
      </c>
      <c r="CO38" s="296">
        <v>0</v>
      </c>
      <c r="CP38" s="297">
        <v>0</v>
      </c>
      <c r="CQ38" s="295">
        <v>0</v>
      </c>
      <c r="CR38" s="295">
        <v>0</v>
      </c>
      <c r="CS38" s="295">
        <v>0</v>
      </c>
      <c r="CT38" s="295">
        <v>0</v>
      </c>
      <c r="CU38" s="295">
        <v>0</v>
      </c>
      <c r="CV38" s="298">
        <v>0</v>
      </c>
      <c r="CW38" s="299">
        <v>0</v>
      </c>
      <c r="CX38" s="294">
        <v>0</v>
      </c>
      <c r="CY38" s="295">
        <v>0</v>
      </c>
      <c r="CZ38" s="296">
        <v>0</v>
      </c>
      <c r="DA38" s="300"/>
      <c r="DB38" s="295">
        <v>0</v>
      </c>
      <c r="DC38" s="295">
        <v>0</v>
      </c>
      <c r="DD38" s="295">
        <v>0</v>
      </c>
      <c r="DE38" s="295">
        <v>0</v>
      </c>
      <c r="DF38" s="295">
        <v>0</v>
      </c>
      <c r="DG38" s="298">
        <v>0</v>
      </c>
      <c r="DH38" s="299">
        <v>0</v>
      </c>
      <c r="DI38" s="294">
        <v>0</v>
      </c>
      <c r="DJ38" s="295">
        <v>0</v>
      </c>
      <c r="DK38" s="296">
        <v>0</v>
      </c>
      <c r="DL38" s="297">
        <v>0</v>
      </c>
      <c r="DM38" s="295">
        <v>49241</v>
      </c>
      <c r="DN38" s="295">
        <v>71731</v>
      </c>
      <c r="DO38" s="295">
        <v>432874</v>
      </c>
      <c r="DP38" s="295">
        <v>558822</v>
      </c>
      <c r="DQ38" s="295">
        <v>327456</v>
      </c>
      <c r="DR38" s="298">
        <v>1440124</v>
      </c>
      <c r="DS38" s="301">
        <v>1440124</v>
      </c>
      <c r="DT38" s="294">
        <v>0</v>
      </c>
      <c r="DU38" s="295">
        <v>0</v>
      </c>
      <c r="DV38" s="296">
        <v>0</v>
      </c>
      <c r="DW38" s="300"/>
      <c r="DX38" s="295">
        <v>25650</v>
      </c>
      <c r="DY38" s="295">
        <v>29100</v>
      </c>
      <c r="DZ38" s="295">
        <v>348102</v>
      </c>
      <c r="EA38" s="295">
        <v>411540</v>
      </c>
      <c r="EB38" s="295">
        <v>281796</v>
      </c>
      <c r="EC38" s="298">
        <v>1096188</v>
      </c>
      <c r="ED38" s="299">
        <v>1096188</v>
      </c>
      <c r="EE38" s="294">
        <v>0</v>
      </c>
      <c r="EF38" s="295">
        <v>0</v>
      </c>
      <c r="EG38" s="296">
        <v>0</v>
      </c>
      <c r="EH38" s="300"/>
      <c r="EI38" s="295">
        <v>10950</v>
      </c>
      <c r="EJ38" s="295">
        <v>3094</v>
      </c>
      <c r="EK38" s="295">
        <v>12301</v>
      </c>
      <c r="EL38" s="295">
        <v>1687</v>
      </c>
      <c r="EM38" s="295">
        <v>0</v>
      </c>
      <c r="EN38" s="298">
        <v>28032</v>
      </c>
      <c r="EO38" s="299">
        <v>28032</v>
      </c>
      <c r="EP38" s="294">
        <v>0</v>
      </c>
      <c r="EQ38" s="295">
        <v>0</v>
      </c>
      <c r="ER38" s="296">
        <v>0</v>
      </c>
      <c r="ES38" s="300"/>
      <c r="ET38" s="295">
        <v>0</v>
      </c>
      <c r="EU38" s="295">
        <v>0</v>
      </c>
      <c r="EV38" s="295">
        <v>0</v>
      </c>
      <c r="EW38" s="295">
        <v>0</v>
      </c>
      <c r="EX38" s="295">
        <v>0</v>
      </c>
      <c r="EY38" s="298">
        <v>0</v>
      </c>
      <c r="EZ38" s="299">
        <v>0</v>
      </c>
      <c r="FA38" s="294">
        <v>0</v>
      </c>
      <c r="FB38" s="295">
        <v>0</v>
      </c>
      <c r="FC38" s="296">
        <v>0</v>
      </c>
      <c r="FD38" s="300"/>
      <c r="FE38" s="295">
        <v>11186</v>
      </c>
      <c r="FF38" s="295">
        <v>0</v>
      </c>
      <c r="FG38" s="295">
        <v>22830</v>
      </c>
      <c r="FH38" s="295">
        <v>11730</v>
      </c>
      <c r="FI38" s="295">
        <v>45660</v>
      </c>
      <c r="FJ38" s="298">
        <v>91406</v>
      </c>
      <c r="FK38" s="299">
        <v>91406</v>
      </c>
      <c r="FL38" s="294">
        <v>0</v>
      </c>
      <c r="FM38" s="295">
        <v>0</v>
      </c>
      <c r="FN38" s="296">
        <v>0</v>
      </c>
      <c r="FO38" s="300"/>
      <c r="FP38" s="295">
        <v>0</v>
      </c>
      <c r="FQ38" s="295">
        <v>0</v>
      </c>
      <c r="FR38" s="295">
        <v>0</v>
      </c>
      <c r="FS38" s="295">
        <v>0</v>
      </c>
      <c r="FT38" s="295">
        <v>0</v>
      </c>
      <c r="FU38" s="298">
        <v>0</v>
      </c>
      <c r="FV38" s="299">
        <v>0</v>
      </c>
      <c r="FW38" s="294">
        <v>0</v>
      </c>
      <c r="FX38" s="295">
        <v>0</v>
      </c>
      <c r="FY38" s="296">
        <v>0</v>
      </c>
      <c r="FZ38" s="297">
        <v>0</v>
      </c>
      <c r="GA38" s="295">
        <v>1455</v>
      </c>
      <c r="GB38" s="295">
        <v>39537</v>
      </c>
      <c r="GC38" s="295">
        <v>49641</v>
      </c>
      <c r="GD38" s="295">
        <v>133865</v>
      </c>
      <c r="GE38" s="295">
        <v>0</v>
      </c>
      <c r="GF38" s="298">
        <v>224498</v>
      </c>
      <c r="GG38" s="299">
        <v>224498</v>
      </c>
      <c r="GH38" s="294">
        <v>0</v>
      </c>
      <c r="GI38" s="295">
        <v>0</v>
      </c>
      <c r="GJ38" s="296">
        <v>0</v>
      </c>
      <c r="GK38" s="297">
        <v>0</v>
      </c>
      <c r="GL38" s="295">
        <v>0</v>
      </c>
      <c r="GM38" s="295">
        <v>0</v>
      </c>
      <c r="GN38" s="295">
        <v>0</v>
      </c>
      <c r="GO38" s="295">
        <v>0</v>
      </c>
      <c r="GP38" s="295">
        <v>0</v>
      </c>
      <c r="GQ38" s="298">
        <v>0</v>
      </c>
      <c r="GR38" s="299">
        <v>0</v>
      </c>
      <c r="GS38" s="294">
        <v>0</v>
      </c>
      <c r="GT38" s="295">
        <v>0</v>
      </c>
      <c r="GU38" s="296">
        <v>0</v>
      </c>
      <c r="GV38" s="297">
        <v>0</v>
      </c>
      <c r="GW38" s="295">
        <v>0</v>
      </c>
      <c r="GX38" s="295">
        <v>0</v>
      </c>
      <c r="GY38" s="295">
        <v>0</v>
      </c>
      <c r="GZ38" s="295">
        <v>0</v>
      </c>
      <c r="HA38" s="295">
        <v>0</v>
      </c>
      <c r="HB38" s="298">
        <v>0</v>
      </c>
      <c r="HC38" s="299">
        <v>0</v>
      </c>
      <c r="HD38" s="294">
        <v>0</v>
      </c>
      <c r="HE38" s="295">
        <v>0</v>
      </c>
      <c r="HF38" s="296">
        <v>0</v>
      </c>
      <c r="HG38" s="300"/>
      <c r="HH38" s="295">
        <v>0</v>
      </c>
      <c r="HI38" s="295">
        <v>0</v>
      </c>
      <c r="HJ38" s="295">
        <v>0</v>
      </c>
      <c r="HK38" s="295">
        <v>0</v>
      </c>
      <c r="HL38" s="295">
        <v>0</v>
      </c>
      <c r="HM38" s="298">
        <v>0</v>
      </c>
      <c r="HN38" s="299">
        <v>0</v>
      </c>
      <c r="HO38" s="294">
        <v>0</v>
      </c>
      <c r="HP38" s="295">
        <v>0</v>
      </c>
      <c r="HQ38" s="296">
        <v>0</v>
      </c>
      <c r="HR38" s="297">
        <v>0</v>
      </c>
      <c r="HS38" s="295">
        <v>309036</v>
      </c>
      <c r="HT38" s="295">
        <v>408056</v>
      </c>
      <c r="HU38" s="295">
        <v>1150394</v>
      </c>
      <c r="HV38" s="295">
        <v>1345427</v>
      </c>
      <c r="HW38" s="295">
        <v>756086</v>
      </c>
      <c r="HX38" s="298">
        <v>3968999</v>
      </c>
      <c r="HY38" s="299">
        <v>3968999</v>
      </c>
    </row>
    <row r="39" spans="2:233" ht="21" customHeight="1" x14ac:dyDescent="0.2">
      <c r="B39" s="292" t="s">
        <v>36</v>
      </c>
      <c r="C39" s="294">
        <v>0</v>
      </c>
      <c r="D39" s="295">
        <v>0</v>
      </c>
      <c r="E39" s="296">
        <v>0</v>
      </c>
      <c r="F39" s="297">
        <v>0</v>
      </c>
      <c r="G39" s="295">
        <v>134855</v>
      </c>
      <c r="H39" s="295">
        <v>233200</v>
      </c>
      <c r="I39" s="295">
        <v>793134</v>
      </c>
      <c r="J39" s="295">
        <v>814650</v>
      </c>
      <c r="K39" s="295">
        <v>619995</v>
      </c>
      <c r="L39" s="298">
        <v>2595834</v>
      </c>
      <c r="M39" s="299">
        <v>2595834</v>
      </c>
      <c r="N39" s="294">
        <v>0</v>
      </c>
      <c r="O39" s="295">
        <v>0</v>
      </c>
      <c r="P39" s="296">
        <v>0</v>
      </c>
      <c r="Q39" s="300"/>
      <c r="R39" s="295">
        <v>0</v>
      </c>
      <c r="S39" s="295">
        <v>31650</v>
      </c>
      <c r="T39" s="295">
        <v>525600</v>
      </c>
      <c r="U39" s="295">
        <v>555395</v>
      </c>
      <c r="V39" s="295">
        <v>462900</v>
      </c>
      <c r="W39" s="298">
        <v>1575545</v>
      </c>
      <c r="X39" s="299">
        <v>1575545</v>
      </c>
      <c r="Y39" s="294">
        <v>0</v>
      </c>
      <c r="Z39" s="295">
        <v>0</v>
      </c>
      <c r="AA39" s="296">
        <v>0</v>
      </c>
      <c r="AB39" s="300"/>
      <c r="AC39" s="295">
        <v>128255</v>
      </c>
      <c r="AD39" s="295">
        <v>172395</v>
      </c>
      <c r="AE39" s="295">
        <v>228999</v>
      </c>
      <c r="AF39" s="295">
        <v>190900</v>
      </c>
      <c r="AG39" s="295">
        <v>131630</v>
      </c>
      <c r="AH39" s="298">
        <v>852179</v>
      </c>
      <c r="AI39" s="299">
        <v>852179</v>
      </c>
      <c r="AJ39" s="294">
        <v>0</v>
      </c>
      <c r="AK39" s="295">
        <v>0</v>
      </c>
      <c r="AL39" s="296">
        <v>0</v>
      </c>
      <c r="AM39" s="300"/>
      <c r="AN39" s="295">
        <v>0</v>
      </c>
      <c r="AO39" s="295">
        <v>0</v>
      </c>
      <c r="AP39" s="295">
        <v>0</v>
      </c>
      <c r="AQ39" s="295">
        <v>0</v>
      </c>
      <c r="AR39" s="295">
        <v>0</v>
      </c>
      <c r="AS39" s="298">
        <v>0</v>
      </c>
      <c r="AT39" s="299">
        <v>0</v>
      </c>
      <c r="AU39" s="294">
        <v>0</v>
      </c>
      <c r="AV39" s="295">
        <v>0</v>
      </c>
      <c r="AW39" s="296">
        <v>0</v>
      </c>
      <c r="AX39" s="300"/>
      <c r="AY39" s="295">
        <v>0</v>
      </c>
      <c r="AZ39" s="295">
        <v>0</v>
      </c>
      <c r="BA39" s="295">
        <v>0</v>
      </c>
      <c r="BB39" s="295">
        <v>52800</v>
      </c>
      <c r="BC39" s="295">
        <v>25320</v>
      </c>
      <c r="BD39" s="298">
        <v>78120</v>
      </c>
      <c r="BE39" s="299">
        <v>78120</v>
      </c>
      <c r="BF39" s="294">
        <v>0</v>
      </c>
      <c r="BG39" s="295">
        <v>0</v>
      </c>
      <c r="BH39" s="296">
        <v>0</v>
      </c>
      <c r="BI39" s="300"/>
      <c r="BJ39" s="295">
        <v>0</v>
      </c>
      <c r="BK39" s="295">
        <v>0</v>
      </c>
      <c r="BL39" s="295">
        <v>0</v>
      </c>
      <c r="BM39" s="295">
        <v>0</v>
      </c>
      <c r="BN39" s="295">
        <v>0</v>
      </c>
      <c r="BO39" s="298">
        <v>0</v>
      </c>
      <c r="BP39" s="299">
        <v>0</v>
      </c>
      <c r="BQ39" s="294">
        <v>0</v>
      </c>
      <c r="BR39" s="295">
        <v>0</v>
      </c>
      <c r="BS39" s="296">
        <v>0</v>
      </c>
      <c r="BT39" s="297">
        <v>0</v>
      </c>
      <c r="BU39" s="295">
        <v>6600</v>
      </c>
      <c r="BV39" s="295">
        <v>29155</v>
      </c>
      <c r="BW39" s="295">
        <v>38535</v>
      </c>
      <c r="BX39" s="295">
        <v>14500</v>
      </c>
      <c r="BY39" s="295">
        <v>145</v>
      </c>
      <c r="BZ39" s="298">
        <v>88935</v>
      </c>
      <c r="CA39" s="299">
        <v>88935</v>
      </c>
      <c r="CB39" s="294">
        <v>0</v>
      </c>
      <c r="CC39" s="295">
        <v>0</v>
      </c>
      <c r="CD39" s="296">
        <v>0</v>
      </c>
      <c r="CE39" s="297">
        <v>0</v>
      </c>
      <c r="CF39" s="295">
        <v>0</v>
      </c>
      <c r="CG39" s="295">
        <v>0</v>
      </c>
      <c r="CH39" s="295">
        <v>0</v>
      </c>
      <c r="CI39" s="295">
        <v>1055</v>
      </c>
      <c r="CJ39" s="295">
        <v>0</v>
      </c>
      <c r="CK39" s="298">
        <v>1055</v>
      </c>
      <c r="CL39" s="299">
        <v>1055</v>
      </c>
      <c r="CM39" s="294">
        <v>0</v>
      </c>
      <c r="CN39" s="295">
        <v>0</v>
      </c>
      <c r="CO39" s="296">
        <v>0</v>
      </c>
      <c r="CP39" s="297">
        <v>0</v>
      </c>
      <c r="CQ39" s="295">
        <v>0</v>
      </c>
      <c r="CR39" s="295">
        <v>0</v>
      </c>
      <c r="CS39" s="295">
        <v>0</v>
      </c>
      <c r="CT39" s="295">
        <v>0</v>
      </c>
      <c r="CU39" s="295">
        <v>0</v>
      </c>
      <c r="CV39" s="298">
        <v>0</v>
      </c>
      <c r="CW39" s="299">
        <v>0</v>
      </c>
      <c r="CX39" s="294">
        <v>0</v>
      </c>
      <c r="CY39" s="295">
        <v>0</v>
      </c>
      <c r="CZ39" s="296">
        <v>0</v>
      </c>
      <c r="DA39" s="300"/>
      <c r="DB39" s="295">
        <v>0</v>
      </c>
      <c r="DC39" s="295">
        <v>0</v>
      </c>
      <c r="DD39" s="295">
        <v>0</v>
      </c>
      <c r="DE39" s="295">
        <v>0</v>
      </c>
      <c r="DF39" s="295">
        <v>0</v>
      </c>
      <c r="DG39" s="298">
        <v>0</v>
      </c>
      <c r="DH39" s="299">
        <v>0</v>
      </c>
      <c r="DI39" s="294">
        <v>0</v>
      </c>
      <c r="DJ39" s="295">
        <v>0</v>
      </c>
      <c r="DK39" s="296">
        <v>0</v>
      </c>
      <c r="DL39" s="297">
        <v>0</v>
      </c>
      <c r="DM39" s="295">
        <v>11653</v>
      </c>
      <c r="DN39" s="295">
        <v>66858</v>
      </c>
      <c r="DO39" s="295">
        <v>691782</v>
      </c>
      <c r="DP39" s="295">
        <v>908298</v>
      </c>
      <c r="DQ39" s="295">
        <v>727981</v>
      </c>
      <c r="DR39" s="298">
        <v>2406572</v>
      </c>
      <c r="DS39" s="301">
        <v>2406572</v>
      </c>
      <c r="DT39" s="294">
        <v>0</v>
      </c>
      <c r="DU39" s="295">
        <v>0</v>
      </c>
      <c r="DV39" s="296">
        <v>0</v>
      </c>
      <c r="DW39" s="300"/>
      <c r="DX39" s="295">
        <v>0</v>
      </c>
      <c r="DY39" s="295">
        <v>14550</v>
      </c>
      <c r="DZ39" s="295">
        <v>595352</v>
      </c>
      <c r="EA39" s="295">
        <v>815404</v>
      </c>
      <c r="EB39" s="295">
        <v>718021</v>
      </c>
      <c r="EC39" s="298">
        <v>2143327</v>
      </c>
      <c r="ED39" s="299">
        <v>2143327</v>
      </c>
      <c r="EE39" s="294">
        <v>0</v>
      </c>
      <c r="EF39" s="295">
        <v>0</v>
      </c>
      <c r="EG39" s="296">
        <v>0</v>
      </c>
      <c r="EH39" s="300"/>
      <c r="EI39" s="295">
        <v>2268</v>
      </c>
      <c r="EJ39" s="295">
        <v>13207</v>
      </c>
      <c r="EK39" s="295">
        <v>4123</v>
      </c>
      <c r="EL39" s="295">
        <v>23435</v>
      </c>
      <c r="EM39" s="295">
        <v>1855</v>
      </c>
      <c r="EN39" s="298">
        <v>44888</v>
      </c>
      <c r="EO39" s="299">
        <v>44888</v>
      </c>
      <c r="EP39" s="294">
        <v>0</v>
      </c>
      <c r="EQ39" s="295">
        <v>0</v>
      </c>
      <c r="ER39" s="296">
        <v>0</v>
      </c>
      <c r="ES39" s="300"/>
      <c r="ET39" s="295">
        <v>0</v>
      </c>
      <c r="EU39" s="295">
        <v>0</v>
      </c>
      <c r="EV39" s="295">
        <v>0</v>
      </c>
      <c r="EW39" s="295">
        <v>0</v>
      </c>
      <c r="EX39" s="295">
        <v>0</v>
      </c>
      <c r="EY39" s="298">
        <v>0</v>
      </c>
      <c r="EZ39" s="299">
        <v>0</v>
      </c>
      <c r="FA39" s="294">
        <v>0</v>
      </c>
      <c r="FB39" s="295">
        <v>0</v>
      </c>
      <c r="FC39" s="296">
        <v>0</v>
      </c>
      <c r="FD39" s="300"/>
      <c r="FE39" s="295">
        <v>0</v>
      </c>
      <c r="FF39" s="295">
        <v>0</v>
      </c>
      <c r="FG39" s="295">
        <v>0</v>
      </c>
      <c r="FH39" s="295">
        <v>840</v>
      </c>
      <c r="FI39" s="295">
        <v>175</v>
      </c>
      <c r="FJ39" s="298">
        <v>1015</v>
      </c>
      <c r="FK39" s="299">
        <v>1015</v>
      </c>
      <c r="FL39" s="294">
        <v>0</v>
      </c>
      <c r="FM39" s="295">
        <v>0</v>
      </c>
      <c r="FN39" s="296">
        <v>0</v>
      </c>
      <c r="FO39" s="300"/>
      <c r="FP39" s="295">
        <v>0</v>
      </c>
      <c r="FQ39" s="295">
        <v>0</v>
      </c>
      <c r="FR39" s="295">
        <v>0</v>
      </c>
      <c r="FS39" s="295">
        <v>0</v>
      </c>
      <c r="FT39" s="295">
        <v>0</v>
      </c>
      <c r="FU39" s="298">
        <v>0</v>
      </c>
      <c r="FV39" s="299">
        <v>0</v>
      </c>
      <c r="FW39" s="294">
        <v>0</v>
      </c>
      <c r="FX39" s="295">
        <v>0</v>
      </c>
      <c r="FY39" s="296">
        <v>0</v>
      </c>
      <c r="FZ39" s="297">
        <v>0</v>
      </c>
      <c r="GA39" s="295">
        <v>9385</v>
      </c>
      <c r="GB39" s="295">
        <v>39101</v>
      </c>
      <c r="GC39" s="295">
        <v>92307</v>
      </c>
      <c r="GD39" s="295">
        <v>68542</v>
      </c>
      <c r="GE39" s="295">
        <v>7930</v>
      </c>
      <c r="GF39" s="298">
        <v>217265</v>
      </c>
      <c r="GG39" s="299">
        <v>217265</v>
      </c>
      <c r="GH39" s="294">
        <v>0</v>
      </c>
      <c r="GI39" s="295">
        <v>0</v>
      </c>
      <c r="GJ39" s="296">
        <v>0</v>
      </c>
      <c r="GK39" s="297">
        <v>0</v>
      </c>
      <c r="GL39" s="295">
        <v>0</v>
      </c>
      <c r="GM39" s="295">
        <v>0</v>
      </c>
      <c r="GN39" s="295">
        <v>0</v>
      </c>
      <c r="GO39" s="295">
        <v>77</v>
      </c>
      <c r="GP39" s="295">
        <v>0</v>
      </c>
      <c r="GQ39" s="298">
        <v>77</v>
      </c>
      <c r="GR39" s="299">
        <v>77</v>
      </c>
      <c r="GS39" s="294">
        <v>0</v>
      </c>
      <c r="GT39" s="295">
        <v>0</v>
      </c>
      <c r="GU39" s="296">
        <v>0</v>
      </c>
      <c r="GV39" s="297">
        <v>0</v>
      </c>
      <c r="GW39" s="295">
        <v>0</v>
      </c>
      <c r="GX39" s="295">
        <v>0</v>
      </c>
      <c r="GY39" s="295">
        <v>0</v>
      </c>
      <c r="GZ39" s="295">
        <v>0</v>
      </c>
      <c r="HA39" s="295">
        <v>0</v>
      </c>
      <c r="HB39" s="298">
        <v>0</v>
      </c>
      <c r="HC39" s="299">
        <v>0</v>
      </c>
      <c r="HD39" s="294">
        <v>0</v>
      </c>
      <c r="HE39" s="295">
        <v>0</v>
      </c>
      <c r="HF39" s="296">
        <v>0</v>
      </c>
      <c r="HG39" s="300"/>
      <c r="HH39" s="295">
        <v>0</v>
      </c>
      <c r="HI39" s="295">
        <v>0</v>
      </c>
      <c r="HJ39" s="295">
        <v>0</v>
      </c>
      <c r="HK39" s="295">
        <v>0</v>
      </c>
      <c r="HL39" s="295">
        <v>0</v>
      </c>
      <c r="HM39" s="298">
        <v>0</v>
      </c>
      <c r="HN39" s="299">
        <v>0</v>
      </c>
      <c r="HO39" s="294">
        <v>0</v>
      </c>
      <c r="HP39" s="295">
        <v>0</v>
      </c>
      <c r="HQ39" s="296">
        <v>0</v>
      </c>
      <c r="HR39" s="297">
        <v>0</v>
      </c>
      <c r="HS39" s="295">
        <v>146508</v>
      </c>
      <c r="HT39" s="295">
        <v>300058</v>
      </c>
      <c r="HU39" s="295">
        <v>1484916</v>
      </c>
      <c r="HV39" s="295">
        <v>1722948</v>
      </c>
      <c r="HW39" s="295">
        <v>1347976</v>
      </c>
      <c r="HX39" s="298">
        <v>5002406</v>
      </c>
      <c r="HY39" s="299">
        <v>5002406</v>
      </c>
    </row>
    <row r="40" spans="2:233" ht="21" customHeight="1" thickBot="1" x14ac:dyDescent="0.25">
      <c r="B40" s="293" t="s">
        <v>37</v>
      </c>
      <c r="C40" s="302">
        <v>0</v>
      </c>
      <c r="D40" s="303">
        <v>0</v>
      </c>
      <c r="E40" s="304">
        <v>0</v>
      </c>
      <c r="F40" s="305">
        <v>0</v>
      </c>
      <c r="G40" s="303">
        <v>0</v>
      </c>
      <c r="H40" s="303">
        <v>255</v>
      </c>
      <c r="I40" s="303">
        <v>106740</v>
      </c>
      <c r="J40" s="303">
        <v>39300</v>
      </c>
      <c r="K40" s="303">
        <v>34200</v>
      </c>
      <c r="L40" s="306">
        <v>180495</v>
      </c>
      <c r="M40" s="307">
        <v>180495</v>
      </c>
      <c r="N40" s="302">
        <v>0</v>
      </c>
      <c r="O40" s="303">
        <v>0</v>
      </c>
      <c r="P40" s="304">
        <v>0</v>
      </c>
      <c r="Q40" s="308"/>
      <c r="R40" s="303">
        <v>0</v>
      </c>
      <c r="S40" s="303">
        <v>0</v>
      </c>
      <c r="T40" s="303">
        <v>70950</v>
      </c>
      <c r="U40" s="303">
        <v>5100</v>
      </c>
      <c r="V40" s="303">
        <v>34200</v>
      </c>
      <c r="W40" s="306">
        <v>110250</v>
      </c>
      <c r="X40" s="307">
        <v>110250</v>
      </c>
      <c r="Y40" s="302">
        <v>0</v>
      </c>
      <c r="Z40" s="303">
        <v>0</v>
      </c>
      <c r="AA40" s="304">
        <v>0</v>
      </c>
      <c r="AB40" s="308"/>
      <c r="AC40" s="303">
        <v>0</v>
      </c>
      <c r="AD40" s="303">
        <v>0</v>
      </c>
      <c r="AE40" s="303">
        <v>26400</v>
      </c>
      <c r="AF40" s="303">
        <v>34200</v>
      </c>
      <c r="AG40" s="303">
        <v>0</v>
      </c>
      <c r="AH40" s="306">
        <v>60600</v>
      </c>
      <c r="AI40" s="307">
        <v>60600</v>
      </c>
      <c r="AJ40" s="302">
        <v>0</v>
      </c>
      <c r="AK40" s="303">
        <v>0</v>
      </c>
      <c r="AL40" s="304">
        <v>0</v>
      </c>
      <c r="AM40" s="308"/>
      <c r="AN40" s="303">
        <v>0</v>
      </c>
      <c r="AO40" s="303">
        <v>0</v>
      </c>
      <c r="AP40" s="303">
        <v>0</v>
      </c>
      <c r="AQ40" s="303">
        <v>0</v>
      </c>
      <c r="AR40" s="303">
        <v>0</v>
      </c>
      <c r="AS40" s="306">
        <v>0</v>
      </c>
      <c r="AT40" s="307">
        <v>0</v>
      </c>
      <c r="AU40" s="302">
        <v>0</v>
      </c>
      <c r="AV40" s="303">
        <v>0</v>
      </c>
      <c r="AW40" s="304">
        <v>0</v>
      </c>
      <c r="AX40" s="308"/>
      <c r="AY40" s="303">
        <v>0</v>
      </c>
      <c r="AZ40" s="303">
        <v>0</v>
      </c>
      <c r="BA40" s="303">
        <v>0</v>
      </c>
      <c r="BB40" s="303">
        <v>0</v>
      </c>
      <c r="BC40" s="303">
        <v>0</v>
      </c>
      <c r="BD40" s="306">
        <v>0</v>
      </c>
      <c r="BE40" s="307">
        <v>0</v>
      </c>
      <c r="BF40" s="302">
        <v>0</v>
      </c>
      <c r="BG40" s="303">
        <v>0</v>
      </c>
      <c r="BH40" s="304">
        <v>0</v>
      </c>
      <c r="BI40" s="308"/>
      <c r="BJ40" s="303">
        <v>0</v>
      </c>
      <c r="BK40" s="303">
        <v>0</v>
      </c>
      <c r="BL40" s="303">
        <v>0</v>
      </c>
      <c r="BM40" s="303">
        <v>0</v>
      </c>
      <c r="BN40" s="303">
        <v>0</v>
      </c>
      <c r="BO40" s="306">
        <v>0</v>
      </c>
      <c r="BP40" s="307">
        <v>0</v>
      </c>
      <c r="BQ40" s="302">
        <v>0</v>
      </c>
      <c r="BR40" s="303">
        <v>0</v>
      </c>
      <c r="BS40" s="304">
        <v>0</v>
      </c>
      <c r="BT40" s="305">
        <v>0</v>
      </c>
      <c r="BU40" s="303">
        <v>0</v>
      </c>
      <c r="BV40" s="303">
        <v>255</v>
      </c>
      <c r="BW40" s="303">
        <v>9390</v>
      </c>
      <c r="BX40" s="303">
        <v>0</v>
      </c>
      <c r="BY40" s="303">
        <v>0</v>
      </c>
      <c r="BZ40" s="306">
        <v>9645</v>
      </c>
      <c r="CA40" s="307">
        <v>9645</v>
      </c>
      <c r="CB40" s="302">
        <v>0</v>
      </c>
      <c r="CC40" s="303">
        <v>0</v>
      </c>
      <c r="CD40" s="304">
        <v>0</v>
      </c>
      <c r="CE40" s="305">
        <v>0</v>
      </c>
      <c r="CF40" s="303">
        <v>0</v>
      </c>
      <c r="CG40" s="303">
        <v>0</v>
      </c>
      <c r="CH40" s="303">
        <v>0</v>
      </c>
      <c r="CI40" s="303">
        <v>0</v>
      </c>
      <c r="CJ40" s="303">
        <v>0</v>
      </c>
      <c r="CK40" s="306">
        <v>0</v>
      </c>
      <c r="CL40" s="307">
        <v>0</v>
      </c>
      <c r="CM40" s="302">
        <v>0</v>
      </c>
      <c r="CN40" s="303">
        <v>0</v>
      </c>
      <c r="CO40" s="304">
        <v>0</v>
      </c>
      <c r="CP40" s="305">
        <v>0</v>
      </c>
      <c r="CQ40" s="303">
        <v>0</v>
      </c>
      <c r="CR40" s="303">
        <v>0</v>
      </c>
      <c r="CS40" s="303">
        <v>0</v>
      </c>
      <c r="CT40" s="303">
        <v>0</v>
      </c>
      <c r="CU40" s="303">
        <v>0</v>
      </c>
      <c r="CV40" s="306">
        <v>0</v>
      </c>
      <c r="CW40" s="307">
        <v>0</v>
      </c>
      <c r="CX40" s="302">
        <v>0</v>
      </c>
      <c r="CY40" s="303">
        <v>0</v>
      </c>
      <c r="CZ40" s="304">
        <v>0</v>
      </c>
      <c r="DA40" s="308"/>
      <c r="DB40" s="303">
        <v>0</v>
      </c>
      <c r="DC40" s="303">
        <v>0</v>
      </c>
      <c r="DD40" s="303">
        <v>0</v>
      </c>
      <c r="DE40" s="303">
        <v>0</v>
      </c>
      <c r="DF40" s="303">
        <v>0</v>
      </c>
      <c r="DG40" s="306">
        <v>0</v>
      </c>
      <c r="DH40" s="307">
        <v>0</v>
      </c>
      <c r="DI40" s="302">
        <v>0</v>
      </c>
      <c r="DJ40" s="303">
        <v>0</v>
      </c>
      <c r="DK40" s="304">
        <v>0</v>
      </c>
      <c r="DL40" s="305">
        <v>0</v>
      </c>
      <c r="DM40" s="303">
        <v>0</v>
      </c>
      <c r="DN40" s="303">
        <v>1053</v>
      </c>
      <c r="DO40" s="303">
        <v>123244</v>
      </c>
      <c r="DP40" s="303">
        <v>35850</v>
      </c>
      <c r="DQ40" s="303">
        <v>29100</v>
      </c>
      <c r="DR40" s="306">
        <v>189247</v>
      </c>
      <c r="DS40" s="309">
        <v>189247</v>
      </c>
      <c r="DT40" s="302">
        <v>0</v>
      </c>
      <c r="DU40" s="303">
        <v>0</v>
      </c>
      <c r="DV40" s="304">
        <v>0</v>
      </c>
      <c r="DW40" s="308"/>
      <c r="DX40" s="303">
        <v>0</v>
      </c>
      <c r="DY40" s="303">
        <v>0</v>
      </c>
      <c r="DZ40" s="303">
        <v>106440</v>
      </c>
      <c r="EA40" s="303">
        <v>35430</v>
      </c>
      <c r="EB40" s="303">
        <v>29100</v>
      </c>
      <c r="EC40" s="306">
        <v>170970</v>
      </c>
      <c r="ED40" s="307">
        <v>170970</v>
      </c>
      <c r="EE40" s="302">
        <v>0</v>
      </c>
      <c r="EF40" s="303">
        <v>0</v>
      </c>
      <c r="EG40" s="304">
        <v>0</v>
      </c>
      <c r="EH40" s="308"/>
      <c r="EI40" s="303">
        <v>0</v>
      </c>
      <c r="EJ40" s="303">
        <v>0</v>
      </c>
      <c r="EK40" s="303">
        <v>420</v>
      </c>
      <c r="EL40" s="303">
        <v>420</v>
      </c>
      <c r="EM40" s="303">
        <v>0</v>
      </c>
      <c r="EN40" s="306">
        <v>840</v>
      </c>
      <c r="EO40" s="307">
        <v>840</v>
      </c>
      <c r="EP40" s="302">
        <v>0</v>
      </c>
      <c r="EQ40" s="303">
        <v>0</v>
      </c>
      <c r="ER40" s="304">
        <v>0</v>
      </c>
      <c r="ES40" s="308"/>
      <c r="ET40" s="303">
        <v>0</v>
      </c>
      <c r="EU40" s="303">
        <v>0</v>
      </c>
      <c r="EV40" s="303">
        <v>0</v>
      </c>
      <c r="EW40" s="303">
        <v>0</v>
      </c>
      <c r="EX40" s="303">
        <v>0</v>
      </c>
      <c r="EY40" s="306">
        <v>0</v>
      </c>
      <c r="EZ40" s="307">
        <v>0</v>
      </c>
      <c r="FA40" s="302">
        <v>0</v>
      </c>
      <c r="FB40" s="303">
        <v>0</v>
      </c>
      <c r="FC40" s="304">
        <v>0</v>
      </c>
      <c r="FD40" s="308"/>
      <c r="FE40" s="303">
        <v>0</v>
      </c>
      <c r="FF40" s="303">
        <v>0</v>
      </c>
      <c r="FG40" s="303">
        <v>0</v>
      </c>
      <c r="FH40" s="303">
        <v>0</v>
      </c>
      <c r="FI40" s="303">
        <v>0</v>
      </c>
      <c r="FJ40" s="306">
        <v>0</v>
      </c>
      <c r="FK40" s="307">
        <v>0</v>
      </c>
      <c r="FL40" s="302">
        <v>0</v>
      </c>
      <c r="FM40" s="303">
        <v>0</v>
      </c>
      <c r="FN40" s="304">
        <v>0</v>
      </c>
      <c r="FO40" s="308"/>
      <c r="FP40" s="303">
        <v>0</v>
      </c>
      <c r="FQ40" s="303">
        <v>0</v>
      </c>
      <c r="FR40" s="303">
        <v>0</v>
      </c>
      <c r="FS40" s="303">
        <v>0</v>
      </c>
      <c r="FT40" s="303">
        <v>0</v>
      </c>
      <c r="FU40" s="306">
        <v>0</v>
      </c>
      <c r="FV40" s="307">
        <v>0</v>
      </c>
      <c r="FW40" s="302">
        <v>0</v>
      </c>
      <c r="FX40" s="303">
        <v>0</v>
      </c>
      <c r="FY40" s="304">
        <v>0</v>
      </c>
      <c r="FZ40" s="305">
        <v>0</v>
      </c>
      <c r="GA40" s="303">
        <v>0</v>
      </c>
      <c r="GB40" s="303">
        <v>1053</v>
      </c>
      <c r="GC40" s="303">
        <v>16384</v>
      </c>
      <c r="GD40" s="303">
        <v>0</v>
      </c>
      <c r="GE40" s="303">
        <v>0</v>
      </c>
      <c r="GF40" s="306">
        <v>17437</v>
      </c>
      <c r="GG40" s="307">
        <v>17437</v>
      </c>
      <c r="GH40" s="302">
        <v>0</v>
      </c>
      <c r="GI40" s="303">
        <v>0</v>
      </c>
      <c r="GJ40" s="304">
        <v>0</v>
      </c>
      <c r="GK40" s="305">
        <v>0</v>
      </c>
      <c r="GL40" s="303">
        <v>0</v>
      </c>
      <c r="GM40" s="303">
        <v>0</v>
      </c>
      <c r="GN40" s="303">
        <v>0</v>
      </c>
      <c r="GO40" s="303">
        <v>0</v>
      </c>
      <c r="GP40" s="303">
        <v>0</v>
      </c>
      <c r="GQ40" s="306">
        <v>0</v>
      </c>
      <c r="GR40" s="307">
        <v>0</v>
      </c>
      <c r="GS40" s="302">
        <v>0</v>
      </c>
      <c r="GT40" s="303">
        <v>0</v>
      </c>
      <c r="GU40" s="304">
        <v>0</v>
      </c>
      <c r="GV40" s="305">
        <v>0</v>
      </c>
      <c r="GW40" s="303">
        <v>0</v>
      </c>
      <c r="GX40" s="303">
        <v>0</v>
      </c>
      <c r="GY40" s="303">
        <v>0</v>
      </c>
      <c r="GZ40" s="303">
        <v>0</v>
      </c>
      <c r="HA40" s="303">
        <v>0</v>
      </c>
      <c r="HB40" s="306">
        <v>0</v>
      </c>
      <c r="HC40" s="307">
        <v>0</v>
      </c>
      <c r="HD40" s="302">
        <v>0</v>
      </c>
      <c r="HE40" s="303">
        <v>0</v>
      </c>
      <c r="HF40" s="304">
        <v>0</v>
      </c>
      <c r="HG40" s="308"/>
      <c r="HH40" s="303">
        <v>0</v>
      </c>
      <c r="HI40" s="303">
        <v>0</v>
      </c>
      <c r="HJ40" s="303">
        <v>0</v>
      </c>
      <c r="HK40" s="303">
        <v>0</v>
      </c>
      <c r="HL40" s="303">
        <v>0</v>
      </c>
      <c r="HM40" s="306">
        <v>0</v>
      </c>
      <c r="HN40" s="307">
        <v>0</v>
      </c>
      <c r="HO40" s="302">
        <v>0</v>
      </c>
      <c r="HP40" s="303">
        <v>0</v>
      </c>
      <c r="HQ40" s="304">
        <v>0</v>
      </c>
      <c r="HR40" s="305">
        <v>0</v>
      </c>
      <c r="HS40" s="303">
        <v>0</v>
      </c>
      <c r="HT40" s="303">
        <v>1308</v>
      </c>
      <c r="HU40" s="303">
        <v>229984</v>
      </c>
      <c r="HV40" s="303">
        <v>75150</v>
      </c>
      <c r="HW40" s="303">
        <v>63300</v>
      </c>
      <c r="HX40" s="306">
        <v>369742</v>
      </c>
      <c r="HY40" s="307">
        <v>369742</v>
      </c>
    </row>
    <row r="41" spans="2:233" x14ac:dyDescent="0.2">
      <c r="B41" s="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4" max="1048575" man="1"/>
    <brk id="57" max="1048575" man="1"/>
    <brk id="79" max="1048575" man="1"/>
    <brk id="112" max="1048575" man="1"/>
    <brk id="134" max="1048575" man="1"/>
    <brk id="167" max="1048575" man="1"/>
    <brk id="189" max="1048575" man="1"/>
    <brk id="22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4</v>
      </c>
      <c r="G1" s="524"/>
      <c r="H1" s="248">
        <f>第１表!G2</f>
        <v>11</v>
      </c>
      <c r="I1" s="506">
        <f>H1</f>
        <v>11</v>
      </c>
      <c r="J1" s="506"/>
    </row>
    <row r="2" spans="2:299" ht="24" customHeight="1" thickBot="1" x14ac:dyDescent="0.25">
      <c r="B2" s="20" t="s">
        <v>132</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4367</v>
      </c>
      <c r="D7" s="78">
        <v>4008</v>
      </c>
      <c r="E7" s="79">
        <v>8375</v>
      </c>
      <c r="F7" s="240"/>
      <c r="G7" s="78">
        <v>5940</v>
      </c>
      <c r="H7" s="78">
        <v>5233</v>
      </c>
      <c r="I7" s="78">
        <v>3529</v>
      </c>
      <c r="J7" s="78">
        <v>2842</v>
      </c>
      <c r="K7" s="78">
        <v>1707</v>
      </c>
      <c r="L7" s="80">
        <v>19251</v>
      </c>
      <c r="M7" s="81">
        <v>27626</v>
      </c>
      <c r="N7" s="66">
        <v>59</v>
      </c>
      <c r="O7" s="67">
        <v>60</v>
      </c>
      <c r="P7" s="68">
        <v>119</v>
      </c>
      <c r="Q7" s="243"/>
      <c r="R7" s="67">
        <v>87</v>
      </c>
      <c r="S7" s="67">
        <v>116</v>
      </c>
      <c r="T7" s="67">
        <v>60</v>
      </c>
      <c r="U7" s="67">
        <v>44</v>
      </c>
      <c r="V7" s="67">
        <v>37</v>
      </c>
      <c r="W7" s="68">
        <v>344</v>
      </c>
      <c r="X7" s="69">
        <v>463</v>
      </c>
      <c r="Y7" s="66">
        <v>177</v>
      </c>
      <c r="Z7" s="67">
        <v>187</v>
      </c>
      <c r="AA7" s="68">
        <v>364</v>
      </c>
      <c r="AB7" s="243"/>
      <c r="AC7" s="67">
        <v>235</v>
      </c>
      <c r="AD7" s="67">
        <v>233</v>
      </c>
      <c r="AE7" s="67">
        <v>135</v>
      </c>
      <c r="AF7" s="67">
        <v>131</v>
      </c>
      <c r="AG7" s="67">
        <v>110</v>
      </c>
      <c r="AH7" s="68">
        <v>844</v>
      </c>
      <c r="AI7" s="69">
        <v>1208</v>
      </c>
      <c r="AJ7" s="66">
        <v>345</v>
      </c>
      <c r="AK7" s="67">
        <v>325</v>
      </c>
      <c r="AL7" s="68">
        <v>670</v>
      </c>
      <c r="AM7" s="243"/>
      <c r="AN7" s="67">
        <v>443</v>
      </c>
      <c r="AO7" s="67">
        <v>393</v>
      </c>
      <c r="AP7" s="67">
        <v>277</v>
      </c>
      <c r="AQ7" s="67">
        <v>200</v>
      </c>
      <c r="AR7" s="67">
        <v>164</v>
      </c>
      <c r="AS7" s="68">
        <v>1477</v>
      </c>
      <c r="AT7" s="69">
        <v>2147</v>
      </c>
      <c r="AU7" s="66">
        <v>871</v>
      </c>
      <c r="AV7" s="67">
        <v>777</v>
      </c>
      <c r="AW7" s="68">
        <v>1648</v>
      </c>
      <c r="AX7" s="243"/>
      <c r="AY7" s="67">
        <v>1156</v>
      </c>
      <c r="AZ7" s="67">
        <v>920</v>
      </c>
      <c r="BA7" s="67">
        <v>588</v>
      </c>
      <c r="BB7" s="67">
        <v>427</v>
      </c>
      <c r="BC7" s="67">
        <v>340</v>
      </c>
      <c r="BD7" s="68">
        <v>3431</v>
      </c>
      <c r="BE7" s="69">
        <v>5079</v>
      </c>
      <c r="BF7" s="66">
        <v>1601</v>
      </c>
      <c r="BG7" s="67">
        <v>1393</v>
      </c>
      <c r="BH7" s="68">
        <v>2994</v>
      </c>
      <c r="BI7" s="243"/>
      <c r="BJ7" s="67">
        <v>2000</v>
      </c>
      <c r="BK7" s="67">
        <v>1623</v>
      </c>
      <c r="BL7" s="67">
        <v>1065</v>
      </c>
      <c r="BM7" s="67">
        <v>887</v>
      </c>
      <c r="BN7" s="67">
        <v>494</v>
      </c>
      <c r="BO7" s="68">
        <v>6069</v>
      </c>
      <c r="BP7" s="69">
        <v>9063</v>
      </c>
      <c r="BQ7" s="66">
        <v>1314</v>
      </c>
      <c r="BR7" s="67">
        <v>1266</v>
      </c>
      <c r="BS7" s="68">
        <v>2580</v>
      </c>
      <c r="BT7" s="243"/>
      <c r="BU7" s="67">
        <v>2019</v>
      </c>
      <c r="BV7" s="67">
        <v>1948</v>
      </c>
      <c r="BW7" s="67">
        <v>1404</v>
      </c>
      <c r="BX7" s="67">
        <v>1153</v>
      </c>
      <c r="BY7" s="67">
        <v>562</v>
      </c>
      <c r="BZ7" s="68">
        <v>7086</v>
      </c>
      <c r="CA7" s="69">
        <v>9666</v>
      </c>
      <c r="CB7" s="66">
        <v>0</v>
      </c>
      <c r="CC7" s="67">
        <v>0</v>
      </c>
      <c r="CD7" s="68">
        <v>0</v>
      </c>
      <c r="CE7" s="243"/>
      <c r="CF7" s="67">
        <v>0</v>
      </c>
      <c r="CG7" s="67">
        <v>0</v>
      </c>
      <c r="CH7" s="67">
        <v>0</v>
      </c>
      <c r="CI7" s="67">
        <v>0</v>
      </c>
      <c r="CJ7" s="67">
        <v>0</v>
      </c>
      <c r="CK7" s="68">
        <v>0</v>
      </c>
      <c r="CL7" s="69">
        <v>0</v>
      </c>
      <c r="CM7" s="66">
        <v>4367</v>
      </c>
      <c r="CN7" s="67">
        <v>4008</v>
      </c>
      <c r="CO7" s="68">
        <v>8375</v>
      </c>
      <c r="CP7" s="243"/>
      <c r="CQ7" s="67">
        <v>5940</v>
      </c>
      <c r="CR7" s="67">
        <v>5233</v>
      </c>
      <c r="CS7" s="67">
        <v>3529</v>
      </c>
      <c r="CT7" s="67">
        <v>2842</v>
      </c>
      <c r="CU7" s="67">
        <v>1707</v>
      </c>
      <c r="CV7" s="68">
        <v>19251</v>
      </c>
      <c r="CW7" s="69">
        <v>27626</v>
      </c>
      <c r="CX7" s="122">
        <v>625</v>
      </c>
      <c r="CY7" s="78">
        <v>651</v>
      </c>
      <c r="CZ7" s="79">
        <v>1276</v>
      </c>
      <c r="DA7" s="240"/>
      <c r="DB7" s="78">
        <v>793</v>
      </c>
      <c r="DC7" s="78">
        <v>754</v>
      </c>
      <c r="DD7" s="78">
        <v>499</v>
      </c>
      <c r="DE7" s="78">
        <v>517</v>
      </c>
      <c r="DF7" s="78">
        <v>342</v>
      </c>
      <c r="DG7" s="80">
        <v>2905</v>
      </c>
      <c r="DH7" s="81">
        <v>4181</v>
      </c>
      <c r="DI7" s="66">
        <v>15</v>
      </c>
      <c r="DJ7" s="67">
        <v>11</v>
      </c>
      <c r="DK7" s="68">
        <v>26</v>
      </c>
      <c r="DL7" s="243"/>
      <c r="DM7" s="67">
        <v>9</v>
      </c>
      <c r="DN7" s="67">
        <v>11</v>
      </c>
      <c r="DO7" s="67">
        <v>8</v>
      </c>
      <c r="DP7" s="67">
        <v>6</v>
      </c>
      <c r="DQ7" s="67">
        <v>2</v>
      </c>
      <c r="DR7" s="68">
        <v>36</v>
      </c>
      <c r="DS7" s="69">
        <v>62</v>
      </c>
      <c r="DT7" s="66">
        <v>35</v>
      </c>
      <c r="DU7" s="67">
        <v>45</v>
      </c>
      <c r="DV7" s="68">
        <v>80</v>
      </c>
      <c r="DW7" s="243"/>
      <c r="DX7" s="67">
        <v>40</v>
      </c>
      <c r="DY7" s="67">
        <v>28</v>
      </c>
      <c r="DZ7" s="67">
        <v>12</v>
      </c>
      <c r="EA7" s="67">
        <v>20</v>
      </c>
      <c r="EB7" s="67">
        <v>10</v>
      </c>
      <c r="EC7" s="68">
        <v>110</v>
      </c>
      <c r="ED7" s="69">
        <v>190</v>
      </c>
      <c r="EE7" s="66">
        <v>79</v>
      </c>
      <c r="EF7" s="67">
        <v>70</v>
      </c>
      <c r="EG7" s="68">
        <v>149</v>
      </c>
      <c r="EH7" s="243"/>
      <c r="EI7" s="67">
        <v>73</v>
      </c>
      <c r="EJ7" s="67">
        <v>69</v>
      </c>
      <c r="EK7" s="67">
        <v>31</v>
      </c>
      <c r="EL7" s="67">
        <v>17</v>
      </c>
      <c r="EM7" s="67">
        <v>18</v>
      </c>
      <c r="EN7" s="68">
        <v>208</v>
      </c>
      <c r="EO7" s="69">
        <v>357</v>
      </c>
      <c r="EP7" s="66">
        <v>184</v>
      </c>
      <c r="EQ7" s="67">
        <v>151</v>
      </c>
      <c r="ER7" s="68">
        <v>335</v>
      </c>
      <c r="ES7" s="243"/>
      <c r="ET7" s="67">
        <v>155</v>
      </c>
      <c r="EU7" s="67">
        <v>106</v>
      </c>
      <c r="EV7" s="67">
        <v>69</v>
      </c>
      <c r="EW7" s="67">
        <v>59</v>
      </c>
      <c r="EX7" s="67">
        <v>38</v>
      </c>
      <c r="EY7" s="68">
        <v>427</v>
      </c>
      <c r="EZ7" s="69">
        <v>762</v>
      </c>
      <c r="FA7" s="66">
        <v>173</v>
      </c>
      <c r="FB7" s="67">
        <v>216</v>
      </c>
      <c r="FC7" s="68">
        <v>389</v>
      </c>
      <c r="FD7" s="243"/>
      <c r="FE7" s="67">
        <v>234</v>
      </c>
      <c r="FF7" s="67">
        <v>212</v>
      </c>
      <c r="FG7" s="67">
        <v>133</v>
      </c>
      <c r="FH7" s="67">
        <v>128</v>
      </c>
      <c r="FI7" s="67">
        <v>95</v>
      </c>
      <c r="FJ7" s="68">
        <v>802</v>
      </c>
      <c r="FK7" s="69">
        <v>1191</v>
      </c>
      <c r="FL7" s="66">
        <v>139</v>
      </c>
      <c r="FM7" s="67">
        <v>158</v>
      </c>
      <c r="FN7" s="68">
        <v>297</v>
      </c>
      <c r="FO7" s="243"/>
      <c r="FP7" s="67">
        <v>282</v>
      </c>
      <c r="FQ7" s="67">
        <v>328</v>
      </c>
      <c r="FR7" s="67">
        <v>246</v>
      </c>
      <c r="FS7" s="67">
        <v>287</v>
      </c>
      <c r="FT7" s="67">
        <v>179</v>
      </c>
      <c r="FU7" s="68">
        <v>1322</v>
      </c>
      <c r="FV7" s="69">
        <v>1619</v>
      </c>
      <c r="FW7" s="66">
        <v>0</v>
      </c>
      <c r="FX7" s="67">
        <v>0</v>
      </c>
      <c r="FY7" s="68">
        <v>0</v>
      </c>
      <c r="FZ7" s="243"/>
      <c r="GA7" s="67">
        <v>0</v>
      </c>
      <c r="GB7" s="67">
        <v>0</v>
      </c>
      <c r="GC7" s="67">
        <v>0</v>
      </c>
      <c r="GD7" s="67">
        <v>0</v>
      </c>
      <c r="GE7" s="67">
        <v>0</v>
      </c>
      <c r="GF7" s="68">
        <v>0</v>
      </c>
      <c r="GG7" s="69">
        <v>0</v>
      </c>
      <c r="GH7" s="66">
        <v>625</v>
      </c>
      <c r="GI7" s="67">
        <v>651</v>
      </c>
      <c r="GJ7" s="68">
        <v>1276</v>
      </c>
      <c r="GK7" s="243"/>
      <c r="GL7" s="67">
        <v>793</v>
      </c>
      <c r="GM7" s="67">
        <v>754</v>
      </c>
      <c r="GN7" s="67">
        <v>499</v>
      </c>
      <c r="GO7" s="67">
        <v>517</v>
      </c>
      <c r="GP7" s="67">
        <v>342</v>
      </c>
      <c r="GQ7" s="68">
        <v>2905</v>
      </c>
      <c r="GR7" s="69">
        <v>4181</v>
      </c>
      <c r="GS7" s="122">
        <v>4992</v>
      </c>
      <c r="GT7" s="78">
        <v>4659</v>
      </c>
      <c r="GU7" s="79">
        <v>9651</v>
      </c>
      <c r="GV7" s="240"/>
      <c r="GW7" s="78">
        <v>6733</v>
      </c>
      <c r="GX7" s="78">
        <v>5987</v>
      </c>
      <c r="GY7" s="78">
        <v>4028</v>
      </c>
      <c r="GZ7" s="78">
        <v>3359</v>
      </c>
      <c r="HA7" s="78">
        <v>2049</v>
      </c>
      <c r="HB7" s="80">
        <v>22156</v>
      </c>
      <c r="HC7" s="81">
        <v>31807</v>
      </c>
      <c r="HD7" s="66">
        <v>74</v>
      </c>
      <c r="HE7" s="67">
        <v>71</v>
      </c>
      <c r="HF7" s="68">
        <v>145</v>
      </c>
      <c r="HG7" s="243"/>
      <c r="HH7" s="67">
        <v>96</v>
      </c>
      <c r="HI7" s="67">
        <v>127</v>
      </c>
      <c r="HJ7" s="67">
        <v>68</v>
      </c>
      <c r="HK7" s="67">
        <v>50</v>
      </c>
      <c r="HL7" s="67">
        <v>39</v>
      </c>
      <c r="HM7" s="68">
        <v>380</v>
      </c>
      <c r="HN7" s="69">
        <v>525</v>
      </c>
      <c r="HO7" s="66">
        <v>212</v>
      </c>
      <c r="HP7" s="67">
        <v>232</v>
      </c>
      <c r="HQ7" s="68">
        <v>444</v>
      </c>
      <c r="HR7" s="243"/>
      <c r="HS7" s="67">
        <v>275</v>
      </c>
      <c r="HT7" s="67">
        <v>261</v>
      </c>
      <c r="HU7" s="67">
        <v>147</v>
      </c>
      <c r="HV7" s="67">
        <v>151</v>
      </c>
      <c r="HW7" s="67">
        <v>120</v>
      </c>
      <c r="HX7" s="68">
        <v>954</v>
      </c>
      <c r="HY7" s="69">
        <v>1398</v>
      </c>
      <c r="HZ7" s="66">
        <v>424</v>
      </c>
      <c r="IA7" s="67">
        <v>395</v>
      </c>
      <c r="IB7" s="68">
        <v>819</v>
      </c>
      <c r="IC7" s="243"/>
      <c r="ID7" s="67">
        <v>516</v>
      </c>
      <c r="IE7" s="67">
        <v>462</v>
      </c>
      <c r="IF7" s="67">
        <v>308</v>
      </c>
      <c r="IG7" s="67">
        <v>217</v>
      </c>
      <c r="IH7" s="67">
        <v>182</v>
      </c>
      <c r="II7" s="68">
        <v>1685</v>
      </c>
      <c r="IJ7" s="69">
        <v>2504</v>
      </c>
      <c r="IK7" s="66">
        <v>1055</v>
      </c>
      <c r="IL7" s="67">
        <v>928</v>
      </c>
      <c r="IM7" s="68">
        <v>1983</v>
      </c>
      <c r="IN7" s="243"/>
      <c r="IO7" s="67">
        <v>1311</v>
      </c>
      <c r="IP7" s="67">
        <v>1026</v>
      </c>
      <c r="IQ7" s="67">
        <v>657</v>
      </c>
      <c r="IR7" s="67">
        <v>486</v>
      </c>
      <c r="IS7" s="67">
        <v>378</v>
      </c>
      <c r="IT7" s="68">
        <v>3858</v>
      </c>
      <c r="IU7" s="69">
        <v>5841</v>
      </c>
      <c r="IV7" s="66">
        <v>1774</v>
      </c>
      <c r="IW7" s="67">
        <v>1609</v>
      </c>
      <c r="IX7" s="68">
        <v>3383</v>
      </c>
      <c r="IY7" s="243"/>
      <c r="IZ7" s="67">
        <v>2234</v>
      </c>
      <c r="JA7" s="67">
        <v>1835</v>
      </c>
      <c r="JB7" s="67">
        <v>1198</v>
      </c>
      <c r="JC7" s="67">
        <v>1015</v>
      </c>
      <c r="JD7" s="67">
        <v>589</v>
      </c>
      <c r="JE7" s="68">
        <v>6871</v>
      </c>
      <c r="JF7" s="69">
        <v>10254</v>
      </c>
      <c r="JG7" s="66">
        <v>1453</v>
      </c>
      <c r="JH7" s="67">
        <v>1424</v>
      </c>
      <c r="JI7" s="68">
        <v>2877</v>
      </c>
      <c r="JJ7" s="243"/>
      <c r="JK7" s="67">
        <v>2301</v>
      </c>
      <c r="JL7" s="67">
        <v>2276</v>
      </c>
      <c r="JM7" s="67">
        <v>1650</v>
      </c>
      <c r="JN7" s="67">
        <v>1440</v>
      </c>
      <c r="JO7" s="67">
        <v>741</v>
      </c>
      <c r="JP7" s="68">
        <v>8408</v>
      </c>
      <c r="JQ7" s="69">
        <v>11285</v>
      </c>
      <c r="JR7" s="66">
        <v>0</v>
      </c>
      <c r="JS7" s="67">
        <v>0</v>
      </c>
      <c r="JT7" s="68">
        <v>0</v>
      </c>
      <c r="JU7" s="243"/>
      <c r="JV7" s="67">
        <v>0</v>
      </c>
      <c r="JW7" s="67">
        <v>0</v>
      </c>
      <c r="JX7" s="67">
        <v>0</v>
      </c>
      <c r="JY7" s="67">
        <v>0</v>
      </c>
      <c r="JZ7" s="67">
        <v>0</v>
      </c>
      <c r="KA7" s="68">
        <v>0</v>
      </c>
      <c r="KB7" s="69">
        <v>0</v>
      </c>
      <c r="KC7" s="66">
        <v>4992</v>
      </c>
      <c r="KD7" s="67">
        <v>4659</v>
      </c>
      <c r="KE7" s="68">
        <v>9651</v>
      </c>
      <c r="KF7" s="243"/>
      <c r="KG7" s="67">
        <v>6733</v>
      </c>
      <c r="KH7" s="67">
        <v>5987</v>
      </c>
      <c r="KI7" s="67">
        <v>4028</v>
      </c>
      <c r="KJ7" s="67">
        <v>3359</v>
      </c>
      <c r="KK7" s="67">
        <v>2049</v>
      </c>
      <c r="KL7" s="68">
        <v>22156</v>
      </c>
      <c r="KM7" s="69">
        <v>31807</v>
      </c>
    </row>
    <row r="8" spans="2:299" ht="21" customHeight="1" x14ac:dyDescent="0.2">
      <c r="B8" s="126" t="s">
        <v>5</v>
      </c>
      <c r="C8" s="315">
        <v>1888</v>
      </c>
      <c r="D8" s="82">
        <v>2035</v>
      </c>
      <c r="E8" s="83">
        <v>3923</v>
      </c>
      <c r="F8" s="241"/>
      <c r="G8" s="82">
        <v>2169</v>
      </c>
      <c r="H8" s="82">
        <v>2475</v>
      </c>
      <c r="I8" s="82">
        <v>1610</v>
      </c>
      <c r="J8" s="82">
        <v>1193</v>
      </c>
      <c r="K8" s="82">
        <v>756</v>
      </c>
      <c r="L8" s="84">
        <v>8203</v>
      </c>
      <c r="M8" s="85">
        <v>12126</v>
      </c>
      <c r="N8" s="70">
        <v>18</v>
      </c>
      <c r="O8" s="71">
        <v>26</v>
      </c>
      <c r="P8" s="72">
        <v>44</v>
      </c>
      <c r="Q8" s="244"/>
      <c r="R8" s="71">
        <v>29</v>
      </c>
      <c r="S8" s="71">
        <v>55</v>
      </c>
      <c r="T8" s="71">
        <v>24</v>
      </c>
      <c r="U8" s="71">
        <v>21</v>
      </c>
      <c r="V8" s="71">
        <v>15</v>
      </c>
      <c r="W8" s="72">
        <v>144</v>
      </c>
      <c r="X8" s="73">
        <v>188</v>
      </c>
      <c r="Y8" s="70">
        <v>71</v>
      </c>
      <c r="Z8" s="71">
        <v>93</v>
      </c>
      <c r="AA8" s="72">
        <v>164</v>
      </c>
      <c r="AB8" s="244"/>
      <c r="AC8" s="71">
        <v>76</v>
      </c>
      <c r="AD8" s="71">
        <v>105</v>
      </c>
      <c r="AE8" s="71">
        <v>65</v>
      </c>
      <c r="AF8" s="71">
        <v>46</v>
      </c>
      <c r="AG8" s="71">
        <v>45</v>
      </c>
      <c r="AH8" s="72">
        <v>337</v>
      </c>
      <c r="AI8" s="73">
        <v>501</v>
      </c>
      <c r="AJ8" s="70">
        <v>137</v>
      </c>
      <c r="AK8" s="71">
        <v>169</v>
      </c>
      <c r="AL8" s="72">
        <v>306</v>
      </c>
      <c r="AM8" s="244"/>
      <c r="AN8" s="71">
        <v>136</v>
      </c>
      <c r="AO8" s="71">
        <v>168</v>
      </c>
      <c r="AP8" s="71">
        <v>113</v>
      </c>
      <c r="AQ8" s="71">
        <v>71</v>
      </c>
      <c r="AR8" s="71">
        <v>63</v>
      </c>
      <c r="AS8" s="72">
        <v>551</v>
      </c>
      <c r="AT8" s="73">
        <v>857</v>
      </c>
      <c r="AU8" s="70">
        <v>374</v>
      </c>
      <c r="AV8" s="71">
        <v>386</v>
      </c>
      <c r="AW8" s="72">
        <v>760</v>
      </c>
      <c r="AX8" s="244"/>
      <c r="AY8" s="71">
        <v>422</v>
      </c>
      <c r="AZ8" s="71">
        <v>377</v>
      </c>
      <c r="BA8" s="71">
        <v>256</v>
      </c>
      <c r="BB8" s="71">
        <v>173</v>
      </c>
      <c r="BC8" s="71">
        <v>142</v>
      </c>
      <c r="BD8" s="72">
        <v>1370</v>
      </c>
      <c r="BE8" s="73">
        <v>2130</v>
      </c>
      <c r="BF8" s="70">
        <v>702</v>
      </c>
      <c r="BG8" s="71">
        <v>727</v>
      </c>
      <c r="BH8" s="72">
        <v>1429</v>
      </c>
      <c r="BI8" s="244"/>
      <c r="BJ8" s="71">
        <v>778</v>
      </c>
      <c r="BK8" s="71">
        <v>792</v>
      </c>
      <c r="BL8" s="71">
        <v>491</v>
      </c>
      <c r="BM8" s="71">
        <v>383</v>
      </c>
      <c r="BN8" s="71">
        <v>225</v>
      </c>
      <c r="BO8" s="72">
        <v>2669</v>
      </c>
      <c r="BP8" s="73">
        <v>4098</v>
      </c>
      <c r="BQ8" s="70">
        <v>586</v>
      </c>
      <c r="BR8" s="71">
        <v>634</v>
      </c>
      <c r="BS8" s="72">
        <v>1220</v>
      </c>
      <c r="BT8" s="244"/>
      <c r="BU8" s="71">
        <v>728</v>
      </c>
      <c r="BV8" s="71">
        <v>978</v>
      </c>
      <c r="BW8" s="71">
        <v>661</v>
      </c>
      <c r="BX8" s="71">
        <v>499</v>
      </c>
      <c r="BY8" s="71">
        <v>266</v>
      </c>
      <c r="BZ8" s="72">
        <v>3132</v>
      </c>
      <c r="CA8" s="73">
        <v>4352</v>
      </c>
      <c r="CB8" s="70">
        <v>0</v>
      </c>
      <c r="CC8" s="71">
        <v>0</v>
      </c>
      <c r="CD8" s="72">
        <v>0</v>
      </c>
      <c r="CE8" s="244"/>
      <c r="CF8" s="71">
        <v>0</v>
      </c>
      <c r="CG8" s="71">
        <v>0</v>
      </c>
      <c r="CH8" s="71">
        <v>0</v>
      </c>
      <c r="CI8" s="71">
        <v>0</v>
      </c>
      <c r="CJ8" s="71">
        <v>0</v>
      </c>
      <c r="CK8" s="72">
        <v>0</v>
      </c>
      <c r="CL8" s="73">
        <v>0</v>
      </c>
      <c r="CM8" s="70">
        <v>1888</v>
      </c>
      <c r="CN8" s="71">
        <v>2035</v>
      </c>
      <c r="CO8" s="72">
        <v>3923</v>
      </c>
      <c r="CP8" s="244"/>
      <c r="CQ8" s="71">
        <v>2169</v>
      </c>
      <c r="CR8" s="71">
        <v>2475</v>
      </c>
      <c r="CS8" s="71">
        <v>1610</v>
      </c>
      <c r="CT8" s="71">
        <v>1193</v>
      </c>
      <c r="CU8" s="71">
        <v>756</v>
      </c>
      <c r="CV8" s="72">
        <v>8203</v>
      </c>
      <c r="CW8" s="73">
        <v>12126</v>
      </c>
      <c r="CX8" s="123">
        <v>261</v>
      </c>
      <c r="CY8" s="82">
        <v>310</v>
      </c>
      <c r="CZ8" s="83">
        <v>571</v>
      </c>
      <c r="DA8" s="241"/>
      <c r="DB8" s="82">
        <v>294</v>
      </c>
      <c r="DC8" s="82">
        <v>360</v>
      </c>
      <c r="DD8" s="82">
        <v>215</v>
      </c>
      <c r="DE8" s="82">
        <v>231</v>
      </c>
      <c r="DF8" s="82">
        <v>150</v>
      </c>
      <c r="DG8" s="84">
        <v>1250</v>
      </c>
      <c r="DH8" s="85">
        <v>1821</v>
      </c>
      <c r="DI8" s="70">
        <v>8</v>
      </c>
      <c r="DJ8" s="71">
        <v>6</v>
      </c>
      <c r="DK8" s="72">
        <v>14</v>
      </c>
      <c r="DL8" s="244"/>
      <c r="DM8" s="71">
        <v>2</v>
      </c>
      <c r="DN8" s="71">
        <v>7</v>
      </c>
      <c r="DO8" s="71">
        <v>3</v>
      </c>
      <c r="DP8" s="71">
        <v>3</v>
      </c>
      <c r="DQ8" s="71">
        <v>1</v>
      </c>
      <c r="DR8" s="72">
        <v>16</v>
      </c>
      <c r="DS8" s="73">
        <v>30</v>
      </c>
      <c r="DT8" s="70">
        <v>16</v>
      </c>
      <c r="DU8" s="71">
        <v>23</v>
      </c>
      <c r="DV8" s="72">
        <v>39</v>
      </c>
      <c r="DW8" s="244"/>
      <c r="DX8" s="71">
        <v>13</v>
      </c>
      <c r="DY8" s="71">
        <v>12</v>
      </c>
      <c r="DZ8" s="71">
        <v>3</v>
      </c>
      <c r="EA8" s="71">
        <v>8</v>
      </c>
      <c r="EB8" s="71">
        <v>4</v>
      </c>
      <c r="EC8" s="72">
        <v>40</v>
      </c>
      <c r="ED8" s="73">
        <v>79</v>
      </c>
      <c r="EE8" s="70">
        <v>26</v>
      </c>
      <c r="EF8" s="71">
        <v>38</v>
      </c>
      <c r="EG8" s="72">
        <v>64</v>
      </c>
      <c r="EH8" s="244"/>
      <c r="EI8" s="71">
        <v>29</v>
      </c>
      <c r="EJ8" s="71">
        <v>37</v>
      </c>
      <c r="EK8" s="71">
        <v>11</v>
      </c>
      <c r="EL8" s="71">
        <v>6</v>
      </c>
      <c r="EM8" s="71">
        <v>13</v>
      </c>
      <c r="EN8" s="72">
        <v>96</v>
      </c>
      <c r="EO8" s="73">
        <v>160</v>
      </c>
      <c r="EP8" s="70">
        <v>85</v>
      </c>
      <c r="EQ8" s="71">
        <v>69</v>
      </c>
      <c r="ER8" s="72">
        <v>154</v>
      </c>
      <c r="ES8" s="244"/>
      <c r="ET8" s="71">
        <v>53</v>
      </c>
      <c r="EU8" s="71">
        <v>51</v>
      </c>
      <c r="EV8" s="71">
        <v>28</v>
      </c>
      <c r="EW8" s="71">
        <v>35</v>
      </c>
      <c r="EX8" s="71">
        <v>18</v>
      </c>
      <c r="EY8" s="72">
        <v>185</v>
      </c>
      <c r="EZ8" s="73">
        <v>339</v>
      </c>
      <c r="FA8" s="70">
        <v>68</v>
      </c>
      <c r="FB8" s="71">
        <v>98</v>
      </c>
      <c r="FC8" s="72">
        <v>166</v>
      </c>
      <c r="FD8" s="244"/>
      <c r="FE8" s="71">
        <v>91</v>
      </c>
      <c r="FF8" s="71">
        <v>88</v>
      </c>
      <c r="FG8" s="71">
        <v>55</v>
      </c>
      <c r="FH8" s="71">
        <v>54</v>
      </c>
      <c r="FI8" s="71">
        <v>36</v>
      </c>
      <c r="FJ8" s="72">
        <v>324</v>
      </c>
      <c r="FK8" s="73">
        <v>490</v>
      </c>
      <c r="FL8" s="70">
        <v>58</v>
      </c>
      <c r="FM8" s="71">
        <v>76</v>
      </c>
      <c r="FN8" s="72">
        <v>134</v>
      </c>
      <c r="FO8" s="244"/>
      <c r="FP8" s="71">
        <v>106</v>
      </c>
      <c r="FQ8" s="71">
        <v>165</v>
      </c>
      <c r="FR8" s="71">
        <v>115</v>
      </c>
      <c r="FS8" s="71">
        <v>125</v>
      </c>
      <c r="FT8" s="71">
        <v>78</v>
      </c>
      <c r="FU8" s="72">
        <v>589</v>
      </c>
      <c r="FV8" s="73">
        <v>723</v>
      </c>
      <c r="FW8" s="70">
        <v>0</v>
      </c>
      <c r="FX8" s="71">
        <v>0</v>
      </c>
      <c r="FY8" s="72">
        <v>0</v>
      </c>
      <c r="FZ8" s="244"/>
      <c r="GA8" s="71">
        <v>0</v>
      </c>
      <c r="GB8" s="71">
        <v>0</v>
      </c>
      <c r="GC8" s="71">
        <v>0</v>
      </c>
      <c r="GD8" s="71">
        <v>0</v>
      </c>
      <c r="GE8" s="71">
        <v>0</v>
      </c>
      <c r="GF8" s="72">
        <v>0</v>
      </c>
      <c r="GG8" s="73">
        <v>0</v>
      </c>
      <c r="GH8" s="70">
        <v>261</v>
      </c>
      <c r="GI8" s="71">
        <v>310</v>
      </c>
      <c r="GJ8" s="72">
        <v>571</v>
      </c>
      <c r="GK8" s="244"/>
      <c r="GL8" s="71">
        <v>294</v>
      </c>
      <c r="GM8" s="71">
        <v>360</v>
      </c>
      <c r="GN8" s="71">
        <v>215</v>
      </c>
      <c r="GO8" s="71">
        <v>231</v>
      </c>
      <c r="GP8" s="71">
        <v>150</v>
      </c>
      <c r="GQ8" s="72">
        <v>1250</v>
      </c>
      <c r="GR8" s="73">
        <v>1821</v>
      </c>
      <c r="GS8" s="123">
        <v>2149</v>
      </c>
      <c r="GT8" s="82">
        <v>2345</v>
      </c>
      <c r="GU8" s="83">
        <v>4494</v>
      </c>
      <c r="GV8" s="241"/>
      <c r="GW8" s="82">
        <v>2463</v>
      </c>
      <c r="GX8" s="82">
        <v>2835</v>
      </c>
      <c r="GY8" s="82">
        <v>1825</v>
      </c>
      <c r="GZ8" s="82">
        <v>1424</v>
      </c>
      <c r="HA8" s="82">
        <v>906</v>
      </c>
      <c r="HB8" s="84">
        <v>9453</v>
      </c>
      <c r="HC8" s="85">
        <v>13947</v>
      </c>
      <c r="HD8" s="70">
        <v>26</v>
      </c>
      <c r="HE8" s="71">
        <v>32</v>
      </c>
      <c r="HF8" s="72">
        <v>58</v>
      </c>
      <c r="HG8" s="244"/>
      <c r="HH8" s="71">
        <v>31</v>
      </c>
      <c r="HI8" s="71">
        <v>62</v>
      </c>
      <c r="HJ8" s="71">
        <v>27</v>
      </c>
      <c r="HK8" s="71">
        <v>24</v>
      </c>
      <c r="HL8" s="71">
        <v>16</v>
      </c>
      <c r="HM8" s="72">
        <v>160</v>
      </c>
      <c r="HN8" s="73">
        <v>218</v>
      </c>
      <c r="HO8" s="70">
        <v>87</v>
      </c>
      <c r="HP8" s="71">
        <v>116</v>
      </c>
      <c r="HQ8" s="72">
        <v>203</v>
      </c>
      <c r="HR8" s="244"/>
      <c r="HS8" s="71">
        <v>89</v>
      </c>
      <c r="HT8" s="71">
        <v>117</v>
      </c>
      <c r="HU8" s="71">
        <v>68</v>
      </c>
      <c r="HV8" s="71">
        <v>54</v>
      </c>
      <c r="HW8" s="71">
        <v>49</v>
      </c>
      <c r="HX8" s="72">
        <v>377</v>
      </c>
      <c r="HY8" s="73">
        <v>580</v>
      </c>
      <c r="HZ8" s="70">
        <v>163</v>
      </c>
      <c r="IA8" s="71">
        <v>207</v>
      </c>
      <c r="IB8" s="72">
        <v>370</v>
      </c>
      <c r="IC8" s="244"/>
      <c r="ID8" s="71">
        <v>165</v>
      </c>
      <c r="IE8" s="71">
        <v>205</v>
      </c>
      <c r="IF8" s="71">
        <v>124</v>
      </c>
      <c r="IG8" s="71">
        <v>77</v>
      </c>
      <c r="IH8" s="71">
        <v>76</v>
      </c>
      <c r="II8" s="72">
        <v>647</v>
      </c>
      <c r="IJ8" s="73">
        <v>1017</v>
      </c>
      <c r="IK8" s="70">
        <v>459</v>
      </c>
      <c r="IL8" s="71">
        <v>455</v>
      </c>
      <c r="IM8" s="72">
        <v>914</v>
      </c>
      <c r="IN8" s="244"/>
      <c r="IO8" s="71">
        <v>475</v>
      </c>
      <c r="IP8" s="71">
        <v>428</v>
      </c>
      <c r="IQ8" s="71">
        <v>284</v>
      </c>
      <c r="IR8" s="71">
        <v>208</v>
      </c>
      <c r="IS8" s="71">
        <v>160</v>
      </c>
      <c r="IT8" s="72">
        <v>1555</v>
      </c>
      <c r="IU8" s="73">
        <v>2469</v>
      </c>
      <c r="IV8" s="70">
        <v>770</v>
      </c>
      <c r="IW8" s="71">
        <v>825</v>
      </c>
      <c r="IX8" s="72">
        <v>1595</v>
      </c>
      <c r="IY8" s="244"/>
      <c r="IZ8" s="71">
        <v>869</v>
      </c>
      <c r="JA8" s="71">
        <v>880</v>
      </c>
      <c r="JB8" s="71">
        <v>546</v>
      </c>
      <c r="JC8" s="71">
        <v>437</v>
      </c>
      <c r="JD8" s="71">
        <v>261</v>
      </c>
      <c r="JE8" s="72">
        <v>2993</v>
      </c>
      <c r="JF8" s="73">
        <v>4588</v>
      </c>
      <c r="JG8" s="70">
        <v>644</v>
      </c>
      <c r="JH8" s="71">
        <v>710</v>
      </c>
      <c r="JI8" s="72">
        <v>1354</v>
      </c>
      <c r="JJ8" s="244"/>
      <c r="JK8" s="71">
        <v>834</v>
      </c>
      <c r="JL8" s="71">
        <v>1143</v>
      </c>
      <c r="JM8" s="71">
        <v>776</v>
      </c>
      <c r="JN8" s="71">
        <v>624</v>
      </c>
      <c r="JO8" s="71">
        <v>344</v>
      </c>
      <c r="JP8" s="72">
        <v>3721</v>
      </c>
      <c r="JQ8" s="73">
        <v>5075</v>
      </c>
      <c r="JR8" s="70">
        <v>0</v>
      </c>
      <c r="JS8" s="71">
        <v>0</v>
      </c>
      <c r="JT8" s="72">
        <v>0</v>
      </c>
      <c r="JU8" s="244"/>
      <c r="JV8" s="71">
        <v>0</v>
      </c>
      <c r="JW8" s="71">
        <v>0</v>
      </c>
      <c r="JX8" s="71">
        <v>0</v>
      </c>
      <c r="JY8" s="71">
        <v>0</v>
      </c>
      <c r="JZ8" s="71">
        <v>0</v>
      </c>
      <c r="KA8" s="72">
        <v>0</v>
      </c>
      <c r="KB8" s="73">
        <v>0</v>
      </c>
      <c r="KC8" s="70">
        <v>2149</v>
      </c>
      <c r="KD8" s="71">
        <v>2345</v>
      </c>
      <c r="KE8" s="72">
        <v>4494</v>
      </c>
      <c r="KF8" s="244"/>
      <c r="KG8" s="71">
        <v>2463</v>
      </c>
      <c r="KH8" s="71">
        <v>2835</v>
      </c>
      <c r="KI8" s="71">
        <v>1825</v>
      </c>
      <c r="KJ8" s="71">
        <v>1424</v>
      </c>
      <c r="KK8" s="71">
        <v>906</v>
      </c>
      <c r="KL8" s="72">
        <v>9453</v>
      </c>
      <c r="KM8" s="73">
        <v>13947</v>
      </c>
    </row>
    <row r="9" spans="2:299" ht="21" customHeight="1" x14ac:dyDescent="0.2">
      <c r="B9" s="126" t="s">
        <v>6</v>
      </c>
      <c r="C9" s="315">
        <v>506</v>
      </c>
      <c r="D9" s="82">
        <v>353</v>
      </c>
      <c r="E9" s="83">
        <v>859</v>
      </c>
      <c r="F9" s="241"/>
      <c r="G9" s="82">
        <v>830</v>
      </c>
      <c r="H9" s="82">
        <v>543</v>
      </c>
      <c r="I9" s="82">
        <v>406</v>
      </c>
      <c r="J9" s="82">
        <v>362</v>
      </c>
      <c r="K9" s="82">
        <v>259</v>
      </c>
      <c r="L9" s="84">
        <v>2400</v>
      </c>
      <c r="M9" s="85">
        <v>3259</v>
      </c>
      <c r="N9" s="70">
        <v>7</v>
      </c>
      <c r="O9" s="71">
        <v>5</v>
      </c>
      <c r="P9" s="72">
        <v>12</v>
      </c>
      <c r="Q9" s="244"/>
      <c r="R9" s="71">
        <v>16</v>
      </c>
      <c r="S9" s="71">
        <v>13</v>
      </c>
      <c r="T9" s="71">
        <v>6</v>
      </c>
      <c r="U9" s="71">
        <v>4</v>
      </c>
      <c r="V9" s="71">
        <v>9</v>
      </c>
      <c r="W9" s="72">
        <v>48</v>
      </c>
      <c r="X9" s="73">
        <v>60</v>
      </c>
      <c r="Y9" s="70">
        <v>15</v>
      </c>
      <c r="Z9" s="71">
        <v>10</v>
      </c>
      <c r="AA9" s="72">
        <v>25</v>
      </c>
      <c r="AB9" s="244"/>
      <c r="AC9" s="71">
        <v>40</v>
      </c>
      <c r="AD9" s="71">
        <v>27</v>
      </c>
      <c r="AE9" s="71">
        <v>13</v>
      </c>
      <c r="AF9" s="71">
        <v>22</v>
      </c>
      <c r="AG9" s="71">
        <v>18</v>
      </c>
      <c r="AH9" s="72">
        <v>120</v>
      </c>
      <c r="AI9" s="73">
        <v>145</v>
      </c>
      <c r="AJ9" s="70">
        <v>42</v>
      </c>
      <c r="AK9" s="71">
        <v>28</v>
      </c>
      <c r="AL9" s="72">
        <v>70</v>
      </c>
      <c r="AM9" s="244"/>
      <c r="AN9" s="71">
        <v>63</v>
      </c>
      <c r="AO9" s="71">
        <v>41</v>
      </c>
      <c r="AP9" s="71">
        <v>26</v>
      </c>
      <c r="AQ9" s="71">
        <v>28</v>
      </c>
      <c r="AR9" s="71">
        <v>27</v>
      </c>
      <c r="AS9" s="72">
        <v>185</v>
      </c>
      <c r="AT9" s="73">
        <v>255</v>
      </c>
      <c r="AU9" s="70">
        <v>102</v>
      </c>
      <c r="AV9" s="71">
        <v>49</v>
      </c>
      <c r="AW9" s="72">
        <v>151</v>
      </c>
      <c r="AX9" s="244"/>
      <c r="AY9" s="71">
        <v>146</v>
      </c>
      <c r="AZ9" s="71">
        <v>94</v>
      </c>
      <c r="BA9" s="71">
        <v>79</v>
      </c>
      <c r="BB9" s="71">
        <v>43</v>
      </c>
      <c r="BC9" s="71">
        <v>39</v>
      </c>
      <c r="BD9" s="72">
        <v>401</v>
      </c>
      <c r="BE9" s="73">
        <v>552</v>
      </c>
      <c r="BF9" s="70">
        <v>180</v>
      </c>
      <c r="BG9" s="71">
        <v>125</v>
      </c>
      <c r="BH9" s="72">
        <v>305</v>
      </c>
      <c r="BI9" s="244"/>
      <c r="BJ9" s="71">
        <v>259</v>
      </c>
      <c r="BK9" s="71">
        <v>160</v>
      </c>
      <c r="BL9" s="71">
        <v>124</v>
      </c>
      <c r="BM9" s="71">
        <v>105</v>
      </c>
      <c r="BN9" s="71">
        <v>80</v>
      </c>
      <c r="BO9" s="72">
        <v>728</v>
      </c>
      <c r="BP9" s="73">
        <v>1033</v>
      </c>
      <c r="BQ9" s="70">
        <v>160</v>
      </c>
      <c r="BR9" s="71">
        <v>136</v>
      </c>
      <c r="BS9" s="72">
        <v>296</v>
      </c>
      <c r="BT9" s="244"/>
      <c r="BU9" s="71">
        <v>306</v>
      </c>
      <c r="BV9" s="71">
        <v>208</v>
      </c>
      <c r="BW9" s="71">
        <v>158</v>
      </c>
      <c r="BX9" s="71">
        <v>160</v>
      </c>
      <c r="BY9" s="71">
        <v>86</v>
      </c>
      <c r="BZ9" s="72">
        <v>918</v>
      </c>
      <c r="CA9" s="73">
        <v>1214</v>
      </c>
      <c r="CB9" s="70">
        <v>0</v>
      </c>
      <c r="CC9" s="71">
        <v>0</v>
      </c>
      <c r="CD9" s="72">
        <v>0</v>
      </c>
      <c r="CE9" s="244"/>
      <c r="CF9" s="71">
        <v>0</v>
      </c>
      <c r="CG9" s="71">
        <v>0</v>
      </c>
      <c r="CH9" s="71">
        <v>0</v>
      </c>
      <c r="CI9" s="71">
        <v>0</v>
      </c>
      <c r="CJ9" s="71">
        <v>0</v>
      </c>
      <c r="CK9" s="72">
        <v>0</v>
      </c>
      <c r="CL9" s="73">
        <v>0</v>
      </c>
      <c r="CM9" s="70">
        <v>506</v>
      </c>
      <c r="CN9" s="71">
        <v>353</v>
      </c>
      <c r="CO9" s="72">
        <v>859</v>
      </c>
      <c r="CP9" s="244"/>
      <c r="CQ9" s="71">
        <v>830</v>
      </c>
      <c r="CR9" s="71">
        <v>543</v>
      </c>
      <c r="CS9" s="71">
        <v>406</v>
      </c>
      <c r="CT9" s="71">
        <v>362</v>
      </c>
      <c r="CU9" s="71">
        <v>259</v>
      </c>
      <c r="CV9" s="72">
        <v>2400</v>
      </c>
      <c r="CW9" s="73">
        <v>3259</v>
      </c>
      <c r="CX9" s="123">
        <v>106</v>
      </c>
      <c r="CY9" s="82">
        <v>92</v>
      </c>
      <c r="CZ9" s="83">
        <v>198</v>
      </c>
      <c r="DA9" s="241"/>
      <c r="DB9" s="82">
        <v>126</v>
      </c>
      <c r="DC9" s="82">
        <v>102</v>
      </c>
      <c r="DD9" s="82">
        <v>73</v>
      </c>
      <c r="DE9" s="82">
        <v>76</v>
      </c>
      <c r="DF9" s="82">
        <v>52</v>
      </c>
      <c r="DG9" s="84">
        <v>429</v>
      </c>
      <c r="DH9" s="85">
        <v>627</v>
      </c>
      <c r="DI9" s="70">
        <v>3</v>
      </c>
      <c r="DJ9" s="71">
        <v>0</v>
      </c>
      <c r="DK9" s="72">
        <v>3</v>
      </c>
      <c r="DL9" s="244"/>
      <c r="DM9" s="71">
        <v>2</v>
      </c>
      <c r="DN9" s="71">
        <v>1</v>
      </c>
      <c r="DO9" s="71">
        <v>0</v>
      </c>
      <c r="DP9" s="71">
        <v>2</v>
      </c>
      <c r="DQ9" s="71">
        <v>1</v>
      </c>
      <c r="DR9" s="72">
        <v>6</v>
      </c>
      <c r="DS9" s="73">
        <v>9</v>
      </c>
      <c r="DT9" s="70">
        <v>3</v>
      </c>
      <c r="DU9" s="71">
        <v>7</v>
      </c>
      <c r="DV9" s="72">
        <v>10</v>
      </c>
      <c r="DW9" s="244"/>
      <c r="DX9" s="71">
        <v>6</v>
      </c>
      <c r="DY9" s="71">
        <v>3</v>
      </c>
      <c r="DZ9" s="71">
        <v>1</v>
      </c>
      <c r="EA9" s="71">
        <v>3</v>
      </c>
      <c r="EB9" s="71">
        <v>1</v>
      </c>
      <c r="EC9" s="72">
        <v>14</v>
      </c>
      <c r="ED9" s="73">
        <v>24</v>
      </c>
      <c r="EE9" s="70">
        <v>20</v>
      </c>
      <c r="EF9" s="71">
        <v>8</v>
      </c>
      <c r="EG9" s="72">
        <v>28</v>
      </c>
      <c r="EH9" s="244"/>
      <c r="EI9" s="71">
        <v>12</v>
      </c>
      <c r="EJ9" s="71">
        <v>4</v>
      </c>
      <c r="EK9" s="71">
        <v>5</v>
      </c>
      <c r="EL9" s="71">
        <v>4</v>
      </c>
      <c r="EM9" s="71">
        <v>1</v>
      </c>
      <c r="EN9" s="72">
        <v>26</v>
      </c>
      <c r="EO9" s="73">
        <v>54</v>
      </c>
      <c r="EP9" s="70">
        <v>29</v>
      </c>
      <c r="EQ9" s="71">
        <v>22</v>
      </c>
      <c r="ER9" s="72">
        <v>51</v>
      </c>
      <c r="ES9" s="244"/>
      <c r="ET9" s="71">
        <v>23</v>
      </c>
      <c r="EU9" s="71">
        <v>15</v>
      </c>
      <c r="EV9" s="71">
        <v>16</v>
      </c>
      <c r="EW9" s="71">
        <v>4</v>
      </c>
      <c r="EX9" s="71">
        <v>7</v>
      </c>
      <c r="EY9" s="72">
        <v>65</v>
      </c>
      <c r="EZ9" s="73">
        <v>116</v>
      </c>
      <c r="FA9" s="70">
        <v>30</v>
      </c>
      <c r="FB9" s="71">
        <v>37</v>
      </c>
      <c r="FC9" s="72">
        <v>67</v>
      </c>
      <c r="FD9" s="244"/>
      <c r="FE9" s="71">
        <v>41</v>
      </c>
      <c r="FF9" s="71">
        <v>38</v>
      </c>
      <c r="FG9" s="71">
        <v>25</v>
      </c>
      <c r="FH9" s="71">
        <v>23</v>
      </c>
      <c r="FI9" s="71">
        <v>14</v>
      </c>
      <c r="FJ9" s="72">
        <v>141</v>
      </c>
      <c r="FK9" s="73">
        <v>208</v>
      </c>
      <c r="FL9" s="70">
        <v>21</v>
      </c>
      <c r="FM9" s="71">
        <v>18</v>
      </c>
      <c r="FN9" s="72">
        <v>39</v>
      </c>
      <c r="FO9" s="244"/>
      <c r="FP9" s="71">
        <v>42</v>
      </c>
      <c r="FQ9" s="71">
        <v>41</v>
      </c>
      <c r="FR9" s="71">
        <v>26</v>
      </c>
      <c r="FS9" s="71">
        <v>40</v>
      </c>
      <c r="FT9" s="71">
        <v>28</v>
      </c>
      <c r="FU9" s="72">
        <v>177</v>
      </c>
      <c r="FV9" s="73">
        <v>216</v>
      </c>
      <c r="FW9" s="70">
        <v>0</v>
      </c>
      <c r="FX9" s="71">
        <v>0</v>
      </c>
      <c r="FY9" s="72">
        <v>0</v>
      </c>
      <c r="FZ9" s="244"/>
      <c r="GA9" s="71">
        <v>0</v>
      </c>
      <c r="GB9" s="71">
        <v>0</v>
      </c>
      <c r="GC9" s="71">
        <v>0</v>
      </c>
      <c r="GD9" s="71">
        <v>0</v>
      </c>
      <c r="GE9" s="71">
        <v>0</v>
      </c>
      <c r="GF9" s="72">
        <v>0</v>
      </c>
      <c r="GG9" s="73">
        <v>0</v>
      </c>
      <c r="GH9" s="70">
        <v>106</v>
      </c>
      <c r="GI9" s="71">
        <v>92</v>
      </c>
      <c r="GJ9" s="72">
        <v>198</v>
      </c>
      <c r="GK9" s="244"/>
      <c r="GL9" s="71">
        <v>126</v>
      </c>
      <c r="GM9" s="71">
        <v>102</v>
      </c>
      <c r="GN9" s="71">
        <v>73</v>
      </c>
      <c r="GO9" s="71">
        <v>76</v>
      </c>
      <c r="GP9" s="71">
        <v>52</v>
      </c>
      <c r="GQ9" s="72">
        <v>429</v>
      </c>
      <c r="GR9" s="73">
        <v>627</v>
      </c>
      <c r="GS9" s="123">
        <v>612</v>
      </c>
      <c r="GT9" s="82">
        <v>445</v>
      </c>
      <c r="GU9" s="83">
        <v>1057</v>
      </c>
      <c r="GV9" s="241"/>
      <c r="GW9" s="82">
        <v>956</v>
      </c>
      <c r="GX9" s="82">
        <v>645</v>
      </c>
      <c r="GY9" s="82">
        <v>479</v>
      </c>
      <c r="GZ9" s="82">
        <v>438</v>
      </c>
      <c r="HA9" s="82">
        <v>311</v>
      </c>
      <c r="HB9" s="84">
        <v>2829</v>
      </c>
      <c r="HC9" s="85">
        <v>3886</v>
      </c>
      <c r="HD9" s="70">
        <v>10</v>
      </c>
      <c r="HE9" s="71">
        <v>5</v>
      </c>
      <c r="HF9" s="72">
        <v>15</v>
      </c>
      <c r="HG9" s="244"/>
      <c r="HH9" s="71">
        <v>18</v>
      </c>
      <c r="HI9" s="71">
        <v>14</v>
      </c>
      <c r="HJ9" s="71">
        <v>6</v>
      </c>
      <c r="HK9" s="71">
        <v>6</v>
      </c>
      <c r="HL9" s="71">
        <v>10</v>
      </c>
      <c r="HM9" s="72">
        <v>54</v>
      </c>
      <c r="HN9" s="73">
        <v>69</v>
      </c>
      <c r="HO9" s="70">
        <v>18</v>
      </c>
      <c r="HP9" s="71">
        <v>17</v>
      </c>
      <c r="HQ9" s="72">
        <v>35</v>
      </c>
      <c r="HR9" s="244"/>
      <c r="HS9" s="71">
        <v>46</v>
      </c>
      <c r="HT9" s="71">
        <v>30</v>
      </c>
      <c r="HU9" s="71">
        <v>14</v>
      </c>
      <c r="HV9" s="71">
        <v>25</v>
      </c>
      <c r="HW9" s="71">
        <v>19</v>
      </c>
      <c r="HX9" s="72">
        <v>134</v>
      </c>
      <c r="HY9" s="73">
        <v>169</v>
      </c>
      <c r="HZ9" s="70">
        <v>62</v>
      </c>
      <c r="IA9" s="71">
        <v>36</v>
      </c>
      <c r="IB9" s="72">
        <v>98</v>
      </c>
      <c r="IC9" s="244"/>
      <c r="ID9" s="71">
        <v>75</v>
      </c>
      <c r="IE9" s="71">
        <v>45</v>
      </c>
      <c r="IF9" s="71">
        <v>31</v>
      </c>
      <c r="IG9" s="71">
        <v>32</v>
      </c>
      <c r="IH9" s="71">
        <v>28</v>
      </c>
      <c r="II9" s="72">
        <v>211</v>
      </c>
      <c r="IJ9" s="73">
        <v>309</v>
      </c>
      <c r="IK9" s="70">
        <v>131</v>
      </c>
      <c r="IL9" s="71">
        <v>71</v>
      </c>
      <c r="IM9" s="72">
        <v>202</v>
      </c>
      <c r="IN9" s="244"/>
      <c r="IO9" s="71">
        <v>169</v>
      </c>
      <c r="IP9" s="71">
        <v>109</v>
      </c>
      <c r="IQ9" s="71">
        <v>95</v>
      </c>
      <c r="IR9" s="71">
        <v>47</v>
      </c>
      <c r="IS9" s="71">
        <v>46</v>
      </c>
      <c r="IT9" s="72">
        <v>466</v>
      </c>
      <c r="IU9" s="73">
        <v>668</v>
      </c>
      <c r="IV9" s="70">
        <v>210</v>
      </c>
      <c r="IW9" s="71">
        <v>162</v>
      </c>
      <c r="IX9" s="72">
        <v>372</v>
      </c>
      <c r="IY9" s="244"/>
      <c r="IZ9" s="71">
        <v>300</v>
      </c>
      <c r="JA9" s="71">
        <v>198</v>
      </c>
      <c r="JB9" s="71">
        <v>149</v>
      </c>
      <c r="JC9" s="71">
        <v>128</v>
      </c>
      <c r="JD9" s="71">
        <v>94</v>
      </c>
      <c r="JE9" s="72">
        <v>869</v>
      </c>
      <c r="JF9" s="73">
        <v>1241</v>
      </c>
      <c r="JG9" s="70">
        <v>181</v>
      </c>
      <c r="JH9" s="71">
        <v>154</v>
      </c>
      <c r="JI9" s="72">
        <v>335</v>
      </c>
      <c r="JJ9" s="244"/>
      <c r="JK9" s="71">
        <v>348</v>
      </c>
      <c r="JL9" s="71">
        <v>249</v>
      </c>
      <c r="JM9" s="71">
        <v>184</v>
      </c>
      <c r="JN9" s="71">
        <v>200</v>
      </c>
      <c r="JO9" s="71">
        <v>114</v>
      </c>
      <c r="JP9" s="72">
        <v>1095</v>
      </c>
      <c r="JQ9" s="73">
        <v>1430</v>
      </c>
      <c r="JR9" s="70">
        <v>0</v>
      </c>
      <c r="JS9" s="71">
        <v>0</v>
      </c>
      <c r="JT9" s="72">
        <v>0</v>
      </c>
      <c r="JU9" s="244"/>
      <c r="JV9" s="71">
        <v>0</v>
      </c>
      <c r="JW9" s="71">
        <v>0</v>
      </c>
      <c r="JX9" s="71">
        <v>0</v>
      </c>
      <c r="JY9" s="71">
        <v>0</v>
      </c>
      <c r="JZ9" s="71">
        <v>0</v>
      </c>
      <c r="KA9" s="72">
        <v>0</v>
      </c>
      <c r="KB9" s="73">
        <v>0</v>
      </c>
      <c r="KC9" s="70">
        <v>612</v>
      </c>
      <c r="KD9" s="71">
        <v>445</v>
      </c>
      <c r="KE9" s="72">
        <v>1057</v>
      </c>
      <c r="KF9" s="244"/>
      <c r="KG9" s="71">
        <v>956</v>
      </c>
      <c r="KH9" s="71">
        <v>645</v>
      </c>
      <c r="KI9" s="71">
        <v>479</v>
      </c>
      <c r="KJ9" s="71">
        <v>438</v>
      </c>
      <c r="KK9" s="71">
        <v>311</v>
      </c>
      <c r="KL9" s="72">
        <v>2829</v>
      </c>
      <c r="KM9" s="73">
        <v>3886</v>
      </c>
    </row>
    <row r="10" spans="2:299" ht="21" customHeight="1" x14ac:dyDescent="0.2">
      <c r="B10" s="126" t="s">
        <v>14</v>
      </c>
      <c r="C10" s="315">
        <v>272</v>
      </c>
      <c r="D10" s="82">
        <v>316</v>
      </c>
      <c r="E10" s="83">
        <v>588</v>
      </c>
      <c r="F10" s="241"/>
      <c r="G10" s="82">
        <v>412</v>
      </c>
      <c r="H10" s="82">
        <v>418</v>
      </c>
      <c r="I10" s="82">
        <v>276</v>
      </c>
      <c r="J10" s="82">
        <v>210</v>
      </c>
      <c r="K10" s="82">
        <v>121</v>
      </c>
      <c r="L10" s="84">
        <v>1437</v>
      </c>
      <c r="M10" s="85">
        <v>2025</v>
      </c>
      <c r="N10" s="70">
        <v>6</v>
      </c>
      <c r="O10" s="71">
        <v>6</v>
      </c>
      <c r="P10" s="72">
        <v>12</v>
      </c>
      <c r="Q10" s="244"/>
      <c r="R10" s="71">
        <v>3</v>
      </c>
      <c r="S10" s="71">
        <v>11</v>
      </c>
      <c r="T10" s="71">
        <v>5</v>
      </c>
      <c r="U10" s="71">
        <v>4</v>
      </c>
      <c r="V10" s="71">
        <v>2</v>
      </c>
      <c r="W10" s="72">
        <v>25</v>
      </c>
      <c r="X10" s="73">
        <v>37</v>
      </c>
      <c r="Y10" s="70">
        <v>15</v>
      </c>
      <c r="Z10" s="71">
        <v>15</v>
      </c>
      <c r="AA10" s="72">
        <v>30</v>
      </c>
      <c r="AB10" s="244"/>
      <c r="AC10" s="71">
        <v>14</v>
      </c>
      <c r="AD10" s="71">
        <v>20</v>
      </c>
      <c r="AE10" s="71">
        <v>11</v>
      </c>
      <c r="AF10" s="71">
        <v>15</v>
      </c>
      <c r="AG10" s="71">
        <v>12</v>
      </c>
      <c r="AH10" s="72">
        <v>72</v>
      </c>
      <c r="AI10" s="73">
        <v>102</v>
      </c>
      <c r="AJ10" s="70">
        <v>30</v>
      </c>
      <c r="AK10" s="71">
        <v>34</v>
      </c>
      <c r="AL10" s="72">
        <v>64</v>
      </c>
      <c r="AM10" s="244"/>
      <c r="AN10" s="71">
        <v>42</v>
      </c>
      <c r="AO10" s="71">
        <v>39</v>
      </c>
      <c r="AP10" s="71">
        <v>20</v>
      </c>
      <c r="AQ10" s="71">
        <v>20</v>
      </c>
      <c r="AR10" s="71">
        <v>12</v>
      </c>
      <c r="AS10" s="72">
        <v>133</v>
      </c>
      <c r="AT10" s="73">
        <v>197</v>
      </c>
      <c r="AU10" s="70">
        <v>58</v>
      </c>
      <c r="AV10" s="71">
        <v>75</v>
      </c>
      <c r="AW10" s="72">
        <v>133</v>
      </c>
      <c r="AX10" s="244"/>
      <c r="AY10" s="71">
        <v>91</v>
      </c>
      <c r="AZ10" s="71">
        <v>96</v>
      </c>
      <c r="BA10" s="71">
        <v>55</v>
      </c>
      <c r="BB10" s="71">
        <v>36</v>
      </c>
      <c r="BC10" s="71">
        <v>18</v>
      </c>
      <c r="BD10" s="72">
        <v>296</v>
      </c>
      <c r="BE10" s="73">
        <v>429</v>
      </c>
      <c r="BF10" s="70">
        <v>89</v>
      </c>
      <c r="BG10" s="71">
        <v>91</v>
      </c>
      <c r="BH10" s="72">
        <v>180</v>
      </c>
      <c r="BI10" s="244"/>
      <c r="BJ10" s="71">
        <v>131</v>
      </c>
      <c r="BK10" s="71">
        <v>125</v>
      </c>
      <c r="BL10" s="71">
        <v>84</v>
      </c>
      <c r="BM10" s="71">
        <v>55</v>
      </c>
      <c r="BN10" s="71">
        <v>35</v>
      </c>
      <c r="BO10" s="72">
        <v>430</v>
      </c>
      <c r="BP10" s="73">
        <v>610</v>
      </c>
      <c r="BQ10" s="70">
        <v>74</v>
      </c>
      <c r="BR10" s="71">
        <v>95</v>
      </c>
      <c r="BS10" s="72">
        <v>169</v>
      </c>
      <c r="BT10" s="244"/>
      <c r="BU10" s="71">
        <v>131</v>
      </c>
      <c r="BV10" s="71">
        <v>127</v>
      </c>
      <c r="BW10" s="71">
        <v>101</v>
      </c>
      <c r="BX10" s="71">
        <v>80</v>
      </c>
      <c r="BY10" s="71">
        <v>42</v>
      </c>
      <c r="BZ10" s="72">
        <v>481</v>
      </c>
      <c r="CA10" s="73">
        <v>650</v>
      </c>
      <c r="CB10" s="70">
        <v>0</v>
      </c>
      <c r="CC10" s="71">
        <v>0</v>
      </c>
      <c r="CD10" s="72">
        <v>0</v>
      </c>
      <c r="CE10" s="244"/>
      <c r="CF10" s="71">
        <v>0</v>
      </c>
      <c r="CG10" s="71">
        <v>0</v>
      </c>
      <c r="CH10" s="71">
        <v>0</v>
      </c>
      <c r="CI10" s="71">
        <v>0</v>
      </c>
      <c r="CJ10" s="71">
        <v>0</v>
      </c>
      <c r="CK10" s="72">
        <v>0</v>
      </c>
      <c r="CL10" s="73">
        <v>0</v>
      </c>
      <c r="CM10" s="70">
        <v>272</v>
      </c>
      <c r="CN10" s="71">
        <v>316</v>
      </c>
      <c r="CO10" s="72">
        <v>588</v>
      </c>
      <c r="CP10" s="244"/>
      <c r="CQ10" s="71">
        <v>412</v>
      </c>
      <c r="CR10" s="71">
        <v>418</v>
      </c>
      <c r="CS10" s="71">
        <v>276</v>
      </c>
      <c r="CT10" s="71">
        <v>210</v>
      </c>
      <c r="CU10" s="71">
        <v>121</v>
      </c>
      <c r="CV10" s="72">
        <v>1437</v>
      </c>
      <c r="CW10" s="73">
        <v>2025</v>
      </c>
      <c r="CX10" s="123">
        <v>33</v>
      </c>
      <c r="CY10" s="82">
        <v>48</v>
      </c>
      <c r="CZ10" s="83">
        <v>81</v>
      </c>
      <c r="DA10" s="241"/>
      <c r="DB10" s="82">
        <v>38</v>
      </c>
      <c r="DC10" s="82">
        <v>46</v>
      </c>
      <c r="DD10" s="82">
        <v>29</v>
      </c>
      <c r="DE10" s="82">
        <v>32</v>
      </c>
      <c r="DF10" s="82">
        <v>17</v>
      </c>
      <c r="DG10" s="84">
        <v>162</v>
      </c>
      <c r="DH10" s="85">
        <v>243</v>
      </c>
      <c r="DI10" s="70">
        <v>1</v>
      </c>
      <c r="DJ10" s="71">
        <v>2</v>
      </c>
      <c r="DK10" s="72">
        <v>3</v>
      </c>
      <c r="DL10" s="244"/>
      <c r="DM10" s="71">
        <v>0</v>
      </c>
      <c r="DN10" s="71">
        <v>0</v>
      </c>
      <c r="DO10" s="71">
        <v>0</v>
      </c>
      <c r="DP10" s="71">
        <v>0</v>
      </c>
      <c r="DQ10" s="71">
        <v>0</v>
      </c>
      <c r="DR10" s="72">
        <v>0</v>
      </c>
      <c r="DS10" s="73">
        <v>3</v>
      </c>
      <c r="DT10" s="70">
        <v>2</v>
      </c>
      <c r="DU10" s="71">
        <v>2</v>
      </c>
      <c r="DV10" s="72">
        <v>4</v>
      </c>
      <c r="DW10" s="244"/>
      <c r="DX10" s="71">
        <v>4</v>
      </c>
      <c r="DY10" s="71">
        <v>3</v>
      </c>
      <c r="DZ10" s="71">
        <v>1</v>
      </c>
      <c r="EA10" s="71">
        <v>1</v>
      </c>
      <c r="EB10" s="71">
        <v>3</v>
      </c>
      <c r="EC10" s="72">
        <v>12</v>
      </c>
      <c r="ED10" s="73">
        <v>16</v>
      </c>
      <c r="EE10" s="70">
        <v>10</v>
      </c>
      <c r="EF10" s="71">
        <v>6</v>
      </c>
      <c r="EG10" s="72">
        <v>16</v>
      </c>
      <c r="EH10" s="244"/>
      <c r="EI10" s="71">
        <v>5</v>
      </c>
      <c r="EJ10" s="71">
        <v>6</v>
      </c>
      <c r="EK10" s="71">
        <v>2</v>
      </c>
      <c r="EL10" s="71">
        <v>2</v>
      </c>
      <c r="EM10" s="71">
        <v>0</v>
      </c>
      <c r="EN10" s="72">
        <v>15</v>
      </c>
      <c r="EO10" s="73">
        <v>31</v>
      </c>
      <c r="EP10" s="70">
        <v>8</v>
      </c>
      <c r="EQ10" s="71">
        <v>11</v>
      </c>
      <c r="ER10" s="72">
        <v>19</v>
      </c>
      <c r="ES10" s="244"/>
      <c r="ET10" s="71">
        <v>7</v>
      </c>
      <c r="EU10" s="71">
        <v>6</v>
      </c>
      <c r="EV10" s="71">
        <v>6</v>
      </c>
      <c r="EW10" s="71">
        <v>3</v>
      </c>
      <c r="EX10" s="71">
        <v>1</v>
      </c>
      <c r="EY10" s="72">
        <v>23</v>
      </c>
      <c r="EZ10" s="73">
        <v>42</v>
      </c>
      <c r="FA10" s="70">
        <v>9</v>
      </c>
      <c r="FB10" s="71">
        <v>12</v>
      </c>
      <c r="FC10" s="72">
        <v>21</v>
      </c>
      <c r="FD10" s="244"/>
      <c r="FE10" s="71">
        <v>9</v>
      </c>
      <c r="FF10" s="71">
        <v>16</v>
      </c>
      <c r="FG10" s="71">
        <v>6</v>
      </c>
      <c r="FH10" s="71">
        <v>10</v>
      </c>
      <c r="FI10" s="71">
        <v>4</v>
      </c>
      <c r="FJ10" s="72">
        <v>45</v>
      </c>
      <c r="FK10" s="73">
        <v>66</v>
      </c>
      <c r="FL10" s="70">
        <v>3</v>
      </c>
      <c r="FM10" s="71">
        <v>15</v>
      </c>
      <c r="FN10" s="72">
        <v>18</v>
      </c>
      <c r="FO10" s="244"/>
      <c r="FP10" s="71">
        <v>13</v>
      </c>
      <c r="FQ10" s="71">
        <v>15</v>
      </c>
      <c r="FR10" s="71">
        <v>14</v>
      </c>
      <c r="FS10" s="71">
        <v>16</v>
      </c>
      <c r="FT10" s="71">
        <v>9</v>
      </c>
      <c r="FU10" s="72">
        <v>67</v>
      </c>
      <c r="FV10" s="73">
        <v>85</v>
      </c>
      <c r="FW10" s="70">
        <v>0</v>
      </c>
      <c r="FX10" s="71">
        <v>0</v>
      </c>
      <c r="FY10" s="72">
        <v>0</v>
      </c>
      <c r="FZ10" s="244"/>
      <c r="GA10" s="71">
        <v>0</v>
      </c>
      <c r="GB10" s="71">
        <v>0</v>
      </c>
      <c r="GC10" s="71">
        <v>0</v>
      </c>
      <c r="GD10" s="71">
        <v>0</v>
      </c>
      <c r="GE10" s="71">
        <v>0</v>
      </c>
      <c r="GF10" s="72">
        <v>0</v>
      </c>
      <c r="GG10" s="73">
        <v>0</v>
      </c>
      <c r="GH10" s="70">
        <v>33</v>
      </c>
      <c r="GI10" s="71">
        <v>48</v>
      </c>
      <c r="GJ10" s="72">
        <v>81</v>
      </c>
      <c r="GK10" s="244"/>
      <c r="GL10" s="71">
        <v>38</v>
      </c>
      <c r="GM10" s="71">
        <v>46</v>
      </c>
      <c r="GN10" s="71">
        <v>29</v>
      </c>
      <c r="GO10" s="71">
        <v>32</v>
      </c>
      <c r="GP10" s="71">
        <v>17</v>
      </c>
      <c r="GQ10" s="72">
        <v>162</v>
      </c>
      <c r="GR10" s="73">
        <v>243</v>
      </c>
      <c r="GS10" s="123">
        <v>305</v>
      </c>
      <c r="GT10" s="82">
        <v>364</v>
      </c>
      <c r="GU10" s="83">
        <v>669</v>
      </c>
      <c r="GV10" s="241"/>
      <c r="GW10" s="82">
        <v>450</v>
      </c>
      <c r="GX10" s="82">
        <v>464</v>
      </c>
      <c r="GY10" s="82">
        <v>305</v>
      </c>
      <c r="GZ10" s="82">
        <v>242</v>
      </c>
      <c r="HA10" s="82">
        <v>138</v>
      </c>
      <c r="HB10" s="84">
        <v>1599</v>
      </c>
      <c r="HC10" s="85">
        <v>2268</v>
      </c>
      <c r="HD10" s="70">
        <v>7</v>
      </c>
      <c r="HE10" s="71">
        <v>8</v>
      </c>
      <c r="HF10" s="72">
        <v>15</v>
      </c>
      <c r="HG10" s="244"/>
      <c r="HH10" s="71">
        <v>3</v>
      </c>
      <c r="HI10" s="71">
        <v>11</v>
      </c>
      <c r="HJ10" s="71">
        <v>5</v>
      </c>
      <c r="HK10" s="71">
        <v>4</v>
      </c>
      <c r="HL10" s="71">
        <v>2</v>
      </c>
      <c r="HM10" s="72">
        <v>25</v>
      </c>
      <c r="HN10" s="73">
        <v>40</v>
      </c>
      <c r="HO10" s="70">
        <v>17</v>
      </c>
      <c r="HP10" s="71">
        <v>17</v>
      </c>
      <c r="HQ10" s="72">
        <v>34</v>
      </c>
      <c r="HR10" s="244"/>
      <c r="HS10" s="71">
        <v>18</v>
      </c>
      <c r="HT10" s="71">
        <v>23</v>
      </c>
      <c r="HU10" s="71">
        <v>12</v>
      </c>
      <c r="HV10" s="71">
        <v>16</v>
      </c>
      <c r="HW10" s="71">
        <v>15</v>
      </c>
      <c r="HX10" s="72">
        <v>84</v>
      </c>
      <c r="HY10" s="73">
        <v>118</v>
      </c>
      <c r="HZ10" s="70">
        <v>40</v>
      </c>
      <c r="IA10" s="71">
        <v>40</v>
      </c>
      <c r="IB10" s="72">
        <v>80</v>
      </c>
      <c r="IC10" s="244"/>
      <c r="ID10" s="71">
        <v>47</v>
      </c>
      <c r="IE10" s="71">
        <v>45</v>
      </c>
      <c r="IF10" s="71">
        <v>22</v>
      </c>
      <c r="IG10" s="71">
        <v>22</v>
      </c>
      <c r="IH10" s="71">
        <v>12</v>
      </c>
      <c r="II10" s="72">
        <v>148</v>
      </c>
      <c r="IJ10" s="73">
        <v>228</v>
      </c>
      <c r="IK10" s="70">
        <v>66</v>
      </c>
      <c r="IL10" s="71">
        <v>86</v>
      </c>
      <c r="IM10" s="72">
        <v>152</v>
      </c>
      <c r="IN10" s="244"/>
      <c r="IO10" s="71">
        <v>98</v>
      </c>
      <c r="IP10" s="71">
        <v>102</v>
      </c>
      <c r="IQ10" s="71">
        <v>61</v>
      </c>
      <c r="IR10" s="71">
        <v>39</v>
      </c>
      <c r="IS10" s="71">
        <v>19</v>
      </c>
      <c r="IT10" s="72">
        <v>319</v>
      </c>
      <c r="IU10" s="73">
        <v>471</v>
      </c>
      <c r="IV10" s="70">
        <v>98</v>
      </c>
      <c r="IW10" s="71">
        <v>103</v>
      </c>
      <c r="IX10" s="72">
        <v>201</v>
      </c>
      <c r="IY10" s="244"/>
      <c r="IZ10" s="71">
        <v>140</v>
      </c>
      <c r="JA10" s="71">
        <v>141</v>
      </c>
      <c r="JB10" s="71">
        <v>90</v>
      </c>
      <c r="JC10" s="71">
        <v>65</v>
      </c>
      <c r="JD10" s="71">
        <v>39</v>
      </c>
      <c r="JE10" s="72">
        <v>475</v>
      </c>
      <c r="JF10" s="73">
        <v>676</v>
      </c>
      <c r="JG10" s="70">
        <v>77</v>
      </c>
      <c r="JH10" s="71">
        <v>110</v>
      </c>
      <c r="JI10" s="72">
        <v>187</v>
      </c>
      <c r="JJ10" s="244"/>
      <c r="JK10" s="71">
        <v>144</v>
      </c>
      <c r="JL10" s="71">
        <v>142</v>
      </c>
      <c r="JM10" s="71">
        <v>115</v>
      </c>
      <c r="JN10" s="71">
        <v>96</v>
      </c>
      <c r="JO10" s="71">
        <v>51</v>
      </c>
      <c r="JP10" s="72">
        <v>548</v>
      </c>
      <c r="JQ10" s="73">
        <v>735</v>
      </c>
      <c r="JR10" s="70">
        <v>0</v>
      </c>
      <c r="JS10" s="71">
        <v>0</v>
      </c>
      <c r="JT10" s="72">
        <v>0</v>
      </c>
      <c r="JU10" s="244"/>
      <c r="JV10" s="71">
        <v>0</v>
      </c>
      <c r="JW10" s="71">
        <v>0</v>
      </c>
      <c r="JX10" s="71">
        <v>0</v>
      </c>
      <c r="JY10" s="71">
        <v>0</v>
      </c>
      <c r="JZ10" s="71">
        <v>0</v>
      </c>
      <c r="KA10" s="72">
        <v>0</v>
      </c>
      <c r="KB10" s="73">
        <v>0</v>
      </c>
      <c r="KC10" s="70">
        <v>305</v>
      </c>
      <c r="KD10" s="71">
        <v>364</v>
      </c>
      <c r="KE10" s="72">
        <v>669</v>
      </c>
      <c r="KF10" s="244"/>
      <c r="KG10" s="71">
        <v>450</v>
      </c>
      <c r="KH10" s="71">
        <v>464</v>
      </c>
      <c r="KI10" s="71">
        <v>305</v>
      </c>
      <c r="KJ10" s="71">
        <v>242</v>
      </c>
      <c r="KK10" s="71">
        <v>138</v>
      </c>
      <c r="KL10" s="72">
        <v>1599</v>
      </c>
      <c r="KM10" s="73">
        <v>2268</v>
      </c>
    </row>
    <row r="11" spans="2:299" ht="21" customHeight="1" x14ac:dyDescent="0.2">
      <c r="B11" s="126" t="s">
        <v>7</v>
      </c>
      <c r="C11" s="315">
        <v>254</v>
      </c>
      <c r="D11" s="82">
        <v>157</v>
      </c>
      <c r="E11" s="83">
        <v>411</v>
      </c>
      <c r="F11" s="241"/>
      <c r="G11" s="82">
        <v>538</v>
      </c>
      <c r="H11" s="82">
        <v>346</v>
      </c>
      <c r="I11" s="82">
        <v>194</v>
      </c>
      <c r="J11" s="82">
        <v>188</v>
      </c>
      <c r="K11" s="82">
        <v>86</v>
      </c>
      <c r="L11" s="84">
        <v>1352</v>
      </c>
      <c r="M11" s="85">
        <v>1763</v>
      </c>
      <c r="N11" s="70">
        <v>4</v>
      </c>
      <c r="O11" s="71">
        <v>1</v>
      </c>
      <c r="P11" s="72">
        <v>5</v>
      </c>
      <c r="Q11" s="244"/>
      <c r="R11" s="71">
        <v>4</v>
      </c>
      <c r="S11" s="71">
        <v>9</v>
      </c>
      <c r="T11" s="71">
        <v>4</v>
      </c>
      <c r="U11" s="71">
        <v>2</v>
      </c>
      <c r="V11" s="71">
        <v>1</v>
      </c>
      <c r="W11" s="72">
        <v>20</v>
      </c>
      <c r="X11" s="73">
        <v>25</v>
      </c>
      <c r="Y11" s="70">
        <v>11</v>
      </c>
      <c r="Z11" s="71">
        <v>6</v>
      </c>
      <c r="AA11" s="72">
        <v>17</v>
      </c>
      <c r="AB11" s="244"/>
      <c r="AC11" s="71">
        <v>24</v>
      </c>
      <c r="AD11" s="71">
        <v>15</v>
      </c>
      <c r="AE11" s="71">
        <v>11</v>
      </c>
      <c r="AF11" s="71">
        <v>4</v>
      </c>
      <c r="AG11" s="71">
        <v>2</v>
      </c>
      <c r="AH11" s="72">
        <v>56</v>
      </c>
      <c r="AI11" s="73">
        <v>73</v>
      </c>
      <c r="AJ11" s="70">
        <v>12</v>
      </c>
      <c r="AK11" s="71">
        <v>13</v>
      </c>
      <c r="AL11" s="72">
        <v>25</v>
      </c>
      <c r="AM11" s="244"/>
      <c r="AN11" s="71">
        <v>49</v>
      </c>
      <c r="AO11" s="71">
        <v>36</v>
      </c>
      <c r="AP11" s="71">
        <v>22</v>
      </c>
      <c r="AQ11" s="71">
        <v>12</v>
      </c>
      <c r="AR11" s="71">
        <v>11</v>
      </c>
      <c r="AS11" s="72">
        <v>130</v>
      </c>
      <c r="AT11" s="73">
        <v>155</v>
      </c>
      <c r="AU11" s="70">
        <v>47</v>
      </c>
      <c r="AV11" s="71">
        <v>28</v>
      </c>
      <c r="AW11" s="72">
        <v>75</v>
      </c>
      <c r="AX11" s="244"/>
      <c r="AY11" s="71">
        <v>100</v>
      </c>
      <c r="AZ11" s="71">
        <v>67</v>
      </c>
      <c r="BA11" s="71">
        <v>36</v>
      </c>
      <c r="BB11" s="71">
        <v>34</v>
      </c>
      <c r="BC11" s="71">
        <v>26</v>
      </c>
      <c r="BD11" s="72">
        <v>263</v>
      </c>
      <c r="BE11" s="73">
        <v>338</v>
      </c>
      <c r="BF11" s="70">
        <v>107</v>
      </c>
      <c r="BG11" s="71">
        <v>63</v>
      </c>
      <c r="BH11" s="72">
        <v>170</v>
      </c>
      <c r="BI11" s="244"/>
      <c r="BJ11" s="71">
        <v>168</v>
      </c>
      <c r="BK11" s="71">
        <v>105</v>
      </c>
      <c r="BL11" s="71">
        <v>62</v>
      </c>
      <c r="BM11" s="71">
        <v>56</v>
      </c>
      <c r="BN11" s="71">
        <v>27</v>
      </c>
      <c r="BO11" s="72">
        <v>418</v>
      </c>
      <c r="BP11" s="73">
        <v>588</v>
      </c>
      <c r="BQ11" s="70">
        <v>73</v>
      </c>
      <c r="BR11" s="71">
        <v>46</v>
      </c>
      <c r="BS11" s="72">
        <v>119</v>
      </c>
      <c r="BT11" s="244"/>
      <c r="BU11" s="71">
        <v>193</v>
      </c>
      <c r="BV11" s="71">
        <v>114</v>
      </c>
      <c r="BW11" s="71">
        <v>59</v>
      </c>
      <c r="BX11" s="71">
        <v>80</v>
      </c>
      <c r="BY11" s="71">
        <v>19</v>
      </c>
      <c r="BZ11" s="72">
        <v>465</v>
      </c>
      <c r="CA11" s="73">
        <v>584</v>
      </c>
      <c r="CB11" s="70">
        <v>0</v>
      </c>
      <c r="CC11" s="71">
        <v>0</v>
      </c>
      <c r="CD11" s="72">
        <v>0</v>
      </c>
      <c r="CE11" s="244"/>
      <c r="CF11" s="71">
        <v>0</v>
      </c>
      <c r="CG11" s="71">
        <v>0</v>
      </c>
      <c r="CH11" s="71">
        <v>0</v>
      </c>
      <c r="CI11" s="71">
        <v>0</v>
      </c>
      <c r="CJ11" s="71">
        <v>0</v>
      </c>
      <c r="CK11" s="72">
        <v>0</v>
      </c>
      <c r="CL11" s="73">
        <v>0</v>
      </c>
      <c r="CM11" s="70">
        <v>254</v>
      </c>
      <c r="CN11" s="71">
        <v>157</v>
      </c>
      <c r="CO11" s="72">
        <v>411</v>
      </c>
      <c r="CP11" s="244"/>
      <c r="CQ11" s="71">
        <v>538</v>
      </c>
      <c r="CR11" s="71">
        <v>346</v>
      </c>
      <c r="CS11" s="71">
        <v>194</v>
      </c>
      <c r="CT11" s="71">
        <v>188</v>
      </c>
      <c r="CU11" s="71">
        <v>86</v>
      </c>
      <c r="CV11" s="72">
        <v>1352</v>
      </c>
      <c r="CW11" s="73">
        <v>1763</v>
      </c>
      <c r="CX11" s="123">
        <v>37</v>
      </c>
      <c r="CY11" s="82">
        <v>22</v>
      </c>
      <c r="CZ11" s="83">
        <v>59</v>
      </c>
      <c r="DA11" s="241"/>
      <c r="DB11" s="82">
        <v>74</v>
      </c>
      <c r="DC11" s="82">
        <v>38</v>
      </c>
      <c r="DD11" s="82">
        <v>26</v>
      </c>
      <c r="DE11" s="82">
        <v>27</v>
      </c>
      <c r="DF11" s="82">
        <v>16</v>
      </c>
      <c r="DG11" s="84">
        <v>181</v>
      </c>
      <c r="DH11" s="85">
        <v>240</v>
      </c>
      <c r="DI11" s="70">
        <v>0</v>
      </c>
      <c r="DJ11" s="71">
        <v>0</v>
      </c>
      <c r="DK11" s="72">
        <v>0</v>
      </c>
      <c r="DL11" s="244"/>
      <c r="DM11" s="71">
        <v>1</v>
      </c>
      <c r="DN11" s="71">
        <v>0</v>
      </c>
      <c r="DO11" s="71">
        <v>0</v>
      </c>
      <c r="DP11" s="71">
        <v>0</v>
      </c>
      <c r="DQ11" s="71">
        <v>0</v>
      </c>
      <c r="DR11" s="72">
        <v>1</v>
      </c>
      <c r="DS11" s="73">
        <v>1</v>
      </c>
      <c r="DT11" s="70">
        <v>6</v>
      </c>
      <c r="DU11" s="71">
        <v>1</v>
      </c>
      <c r="DV11" s="72">
        <v>7</v>
      </c>
      <c r="DW11" s="244"/>
      <c r="DX11" s="71">
        <v>3</v>
      </c>
      <c r="DY11" s="71">
        <v>2</v>
      </c>
      <c r="DZ11" s="71">
        <v>1</v>
      </c>
      <c r="EA11" s="71">
        <v>4</v>
      </c>
      <c r="EB11" s="71">
        <v>1</v>
      </c>
      <c r="EC11" s="72">
        <v>11</v>
      </c>
      <c r="ED11" s="73">
        <v>18</v>
      </c>
      <c r="EE11" s="70">
        <v>3</v>
      </c>
      <c r="EF11" s="71">
        <v>1</v>
      </c>
      <c r="EG11" s="72">
        <v>4</v>
      </c>
      <c r="EH11" s="244"/>
      <c r="EI11" s="71">
        <v>7</v>
      </c>
      <c r="EJ11" s="71">
        <v>4</v>
      </c>
      <c r="EK11" s="71">
        <v>1</v>
      </c>
      <c r="EL11" s="71">
        <v>1</v>
      </c>
      <c r="EM11" s="71">
        <v>1</v>
      </c>
      <c r="EN11" s="72">
        <v>14</v>
      </c>
      <c r="EO11" s="73">
        <v>18</v>
      </c>
      <c r="EP11" s="70">
        <v>11</v>
      </c>
      <c r="EQ11" s="71">
        <v>6</v>
      </c>
      <c r="ER11" s="72">
        <v>17</v>
      </c>
      <c r="ES11" s="244"/>
      <c r="ET11" s="71">
        <v>19</v>
      </c>
      <c r="EU11" s="71">
        <v>2</v>
      </c>
      <c r="EV11" s="71">
        <v>1</v>
      </c>
      <c r="EW11" s="71">
        <v>4</v>
      </c>
      <c r="EX11" s="71">
        <v>2</v>
      </c>
      <c r="EY11" s="72">
        <v>28</v>
      </c>
      <c r="EZ11" s="73">
        <v>45</v>
      </c>
      <c r="FA11" s="70">
        <v>9</v>
      </c>
      <c r="FB11" s="71">
        <v>8</v>
      </c>
      <c r="FC11" s="72">
        <v>17</v>
      </c>
      <c r="FD11" s="244"/>
      <c r="FE11" s="71">
        <v>21</v>
      </c>
      <c r="FF11" s="71">
        <v>10</v>
      </c>
      <c r="FG11" s="71">
        <v>9</v>
      </c>
      <c r="FH11" s="71">
        <v>9</v>
      </c>
      <c r="FI11" s="71">
        <v>5</v>
      </c>
      <c r="FJ11" s="72">
        <v>54</v>
      </c>
      <c r="FK11" s="73">
        <v>71</v>
      </c>
      <c r="FL11" s="70">
        <v>8</v>
      </c>
      <c r="FM11" s="71">
        <v>6</v>
      </c>
      <c r="FN11" s="72">
        <v>14</v>
      </c>
      <c r="FO11" s="244"/>
      <c r="FP11" s="71">
        <v>23</v>
      </c>
      <c r="FQ11" s="71">
        <v>20</v>
      </c>
      <c r="FR11" s="71">
        <v>14</v>
      </c>
      <c r="FS11" s="71">
        <v>9</v>
      </c>
      <c r="FT11" s="71">
        <v>7</v>
      </c>
      <c r="FU11" s="72">
        <v>73</v>
      </c>
      <c r="FV11" s="73">
        <v>87</v>
      </c>
      <c r="FW11" s="70">
        <v>0</v>
      </c>
      <c r="FX11" s="71">
        <v>0</v>
      </c>
      <c r="FY11" s="72">
        <v>0</v>
      </c>
      <c r="FZ11" s="244"/>
      <c r="GA11" s="71">
        <v>0</v>
      </c>
      <c r="GB11" s="71">
        <v>0</v>
      </c>
      <c r="GC11" s="71">
        <v>0</v>
      </c>
      <c r="GD11" s="71">
        <v>0</v>
      </c>
      <c r="GE11" s="71">
        <v>0</v>
      </c>
      <c r="GF11" s="72">
        <v>0</v>
      </c>
      <c r="GG11" s="73">
        <v>0</v>
      </c>
      <c r="GH11" s="70">
        <v>37</v>
      </c>
      <c r="GI11" s="71">
        <v>22</v>
      </c>
      <c r="GJ11" s="72">
        <v>59</v>
      </c>
      <c r="GK11" s="244"/>
      <c r="GL11" s="71">
        <v>74</v>
      </c>
      <c r="GM11" s="71">
        <v>38</v>
      </c>
      <c r="GN11" s="71">
        <v>26</v>
      </c>
      <c r="GO11" s="71">
        <v>27</v>
      </c>
      <c r="GP11" s="71">
        <v>16</v>
      </c>
      <c r="GQ11" s="72">
        <v>181</v>
      </c>
      <c r="GR11" s="73">
        <v>240</v>
      </c>
      <c r="GS11" s="123">
        <v>291</v>
      </c>
      <c r="GT11" s="82">
        <v>179</v>
      </c>
      <c r="GU11" s="83">
        <v>470</v>
      </c>
      <c r="GV11" s="241"/>
      <c r="GW11" s="82">
        <v>612</v>
      </c>
      <c r="GX11" s="82">
        <v>384</v>
      </c>
      <c r="GY11" s="82">
        <v>220</v>
      </c>
      <c r="GZ11" s="82">
        <v>215</v>
      </c>
      <c r="HA11" s="82">
        <v>102</v>
      </c>
      <c r="HB11" s="84">
        <v>1533</v>
      </c>
      <c r="HC11" s="85">
        <v>2003</v>
      </c>
      <c r="HD11" s="70">
        <v>4</v>
      </c>
      <c r="HE11" s="71">
        <v>1</v>
      </c>
      <c r="HF11" s="72">
        <v>5</v>
      </c>
      <c r="HG11" s="244"/>
      <c r="HH11" s="71">
        <v>5</v>
      </c>
      <c r="HI11" s="71">
        <v>9</v>
      </c>
      <c r="HJ11" s="71">
        <v>4</v>
      </c>
      <c r="HK11" s="71">
        <v>2</v>
      </c>
      <c r="HL11" s="71">
        <v>1</v>
      </c>
      <c r="HM11" s="72">
        <v>21</v>
      </c>
      <c r="HN11" s="73">
        <v>26</v>
      </c>
      <c r="HO11" s="70">
        <v>17</v>
      </c>
      <c r="HP11" s="71">
        <v>7</v>
      </c>
      <c r="HQ11" s="72">
        <v>24</v>
      </c>
      <c r="HR11" s="244"/>
      <c r="HS11" s="71">
        <v>27</v>
      </c>
      <c r="HT11" s="71">
        <v>17</v>
      </c>
      <c r="HU11" s="71">
        <v>12</v>
      </c>
      <c r="HV11" s="71">
        <v>8</v>
      </c>
      <c r="HW11" s="71">
        <v>3</v>
      </c>
      <c r="HX11" s="72">
        <v>67</v>
      </c>
      <c r="HY11" s="73">
        <v>91</v>
      </c>
      <c r="HZ11" s="70">
        <v>15</v>
      </c>
      <c r="IA11" s="71">
        <v>14</v>
      </c>
      <c r="IB11" s="72">
        <v>29</v>
      </c>
      <c r="IC11" s="244"/>
      <c r="ID11" s="71">
        <v>56</v>
      </c>
      <c r="IE11" s="71">
        <v>40</v>
      </c>
      <c r="IF11" s="71">
        <v>23</v>
      </c>
      <c r="IG11" s="71">
        <v>13</v>
      </c>
      <c r="IH11" s="71">
        <v>12</v>
      </c>
      <c r="II11" s="72">
        <v>144</v>
      </c>
      <c r="IJ11" s="73">
        <v>173</v>
      </c>
      <c r="IK11" s="70">
        <v>58</v>
      </c>
      <c r="IL11" s="71">
        <v>34</v>
      </c>
      <c r="IM11" s="72">
        <v>92</v>
      </c>
      <c r="IN11" s="244"/>
      <c r="IO11" s="71">
        <v>119</v>
      </c>
      <c r="IP11" s="71">
        <v>69</v>
      </c>
      <c r="IQ11" s="71">
        <v>37</v>
      </c>
      <c r="IR11" s="71">
        <v>38</v>
      </c>
      <c r="IS11" s="71">
        <v>28</v>
      </c>
      <c r="IT11" s="72">
        <v>291</v>
      </c>
      <c r="IU11" s="73">
        <v>383</v>
      </c>
      <c r="IV11" s="70">
        <v>116</v>
      </c>
      <c r="IW11" s="71">
        <v>71</v>
      </c>
      <c r="IX11" s="72">
        <v>187</v>
      </c>
      <c r="IY11" s="244"/>
      <c r="IZ11" s="71">
        <v>189</v>
      </c>
      <c r="JA11" s="71">
        <v>115</v>
      </c>
      <c r="JB11" s="71">
        <v>71</v>
      </c>
      <c r="JC11" s="71">
        <v>65</v>
      </c>
      <c r="JD11" s="71">
        <v>32</v>
      </c>
      <c r="JE11" s="72">
        <v>472</v>
      </c>
      <c r="JF11" s="73">
        <v>659</v>
      </c>
      <c r="JG11" s="70">
        <v>81</v>
      </c>
      <c r="JH11" s="71">
        <v>52</v>
      </c>
      <c r="JI11" s="72">
        <v>133</v>
      </c>
      <c r="JJ11" s="244"/>
      <c r="JK11" s="71">
        <v>216</v>
      </c>
      <c r="JL11" s="71">
        <v>134</v>
      </c>
      <c r="JM11" s="71">
        <v>73</v>
      </c>
      <c r="JN11" s="71">
        <v>89</v>
      </c>
      <c r="JO11" s="71">
        <v>26</v>
      </c>
      <c r="JP11" s="72">
        <v>538</v>
      </c>
      <c r="JQ11" s="73">
        <v>671</v>
      </c>
      <c r="JR11" s="70">
        <v>0</v>
      </c>
      <c r="JS11" s="71">
        <v>0</v>
      </c>
      <c r="JT11" s="72">
        <v>0</v>
      </c>
      <c r="JU11" s="244"/>
      <c r="JV11" s="71">
        <v>0</v>
      </c>
      <c r="JW11" s="71">
        <v>0</v>
      </c>
      <c r="JX11" s="71">
        <v>0</v>
      </c>
      <c r="JY11" s="71">
        <v>0</v>
      </c>
      <c r="JZ11" s="71">
        <v>0</v>
      </c>
      <c r="KA11" s="72">
        <v>0</v>
      </c>
      <c r="KB11" s="73">
        <v>0</v>
      </c>
      <c r="KC11" s="70">
        <v>291</v>
      </c>
      <c r="KD11" s="71">
        <v>179</v>
      </c>
      <c r="KE11" s="72">
        <v>470</v>
      </c>
      <c r="KF11" s="244"/>
      <c r="KG11" s="71">
        <v>612</v>
      </c>
      <c r="KH11" s="71">
        <v>384</v>
      </c>
      <c r="KI11" s="71">
        <v>220</v>
      </c>
      <c r="KJ11" s="71">
        <v>215</v>
      </c>
      <c r="KK11" s="71">
        <v>102</v>
      </c>
      <c r="KL11" s="72">
        <v>1533</v>
      </c>
      <c r="KM11" s="73">
        <v>2003</v>
      </c>
    </row>
    <row r="12" spans="2:299" ht="21" customHeight="1" x14ac:dyDescent="0.2">
      <c r="B12" s="126" t="s">
        <v>8</v>
      </c>
      <c r="C12" s="315">
        <v>109</v>
      </c>
      <c r="D12" s="82">
        <v>57</v>
      </c>
      <c r="E12" s="83">
        <v>166</v>
      </c>
      <c r="F12" s="241"/>
      <c r="G12" s="82">
        <v>147</v>
      </c>
      <c r="H12" s="82">
        <v>114</v>
      </c>
      <c r="I12" s="82">
        <v>89</v>
      </c>
      <c r="J12" s="82">
        <v>60</v>
      </c>
      <c r="K12" s="82">
        <v>37</v>
      </c>
      <c r="L12" s="84">
        <v>447</v>
      </c>
      <c r="M12" s="85">
        <v>613</v>
      </c>
      <c r="N12" s="70">
        <v>5</v>
      </c>
      <c r="O12" s="71">
        <v>2</v>
      </c>
      <c r="P12" s="72">
        <v>7</v>
      </c>
      <c r="Q12" s="244"/>
      <c r="R12" s="71">
        <v>5</v>
      </c>
      <c r="S12" s="71">
        <v>3</v>
      </c>
      <c r="T12" s="71">
        <v>2</v>
      </c>
      <c r="U12" s="71">
        <v>2</v>
      </c>
      <c r="V12" s="71">
        <v>0</v>
      </c>
      <c r="W12" s="72">
        <v>12</v>
      </c>
      <c r="X12" s="73">
        <v>19</v>
      </c>
      <c r="Y12" s="70">
        <v>2</v>
      </c>
      <c r="Z12" s="71">
        <v>3</v>
      </c>
      <c r="AA12" s="72">
        <v>5</v>
      </c>
      <c r="AB12" s="244"/>
      <c r="AC12" s="71">
        <v>6</v>
      </c>
      <c r="AD12" s="71">
        <v>9</v>
      </c>
      <c r="AE12" s="71">
        <v>0</v>
      </c>
      <c r="AF12" s="71">
        <v>5</v>
      </c>
      <c r="AG12" s="71">
        <v>0</v>
      </c>
      <c r="AH12" s="72">
        <v>20</v>
      </c>
      <c r="AI12" s="73">
        <v>25</v>
      </c>
      <c r="AJ12" s="70">
        <v>7</v>
      </c>
      <c r="AK12" s="71">
        <v>4</v>
      </c>
      <c r="AL12" s="72">
        <v>11</v>
      </c>
      <c r="AM12" s="244"/>
      <c r="AN12" s="71">
        <v>16</v>
      </c>
      <c r="AO12" s="71">
        <v>11</v>
      </c>
      <c r="AP12" s="71">
        <v>7</v>
      </c>
      <c r="AQ12" s="71">
        <v>5</v>
      </c>
      <c r="AR12" s="71">
        <v>8</v>
      </c>
      <c r="AS12" s="72">
        <v>47</v>
      </c>
      <c r="AT12" s="73">
        <v>58</v>
      </c>
      <c r="AU12" s="70">
        <v>26</v>
      </c>
      <c r="AV12" s="71">
        <v>7</v>
      </c>
      <c r="AW12" s="72">
        <v>33</v>
      </c>
      <c r="AX12" s="244"/>
      <c r="AY12" s="71">
        <v>26</v>
      </c>
      <c r="AZ12" s="71">
        <v>17</v>
      </c>
      <c r="BA12" s="71">
        <v>15</v>
      </c>
      <c r="BB12" s="71">
        <v>11</v>
      </c>
      <c r="BC12" s="71">
        <v>7</v>
      </c>
      <c r="BD12" s="72">
        <v>76</v>
      </c>
      <c r="BE12" s="73">
        <v>109</v>
      </c>
      <c r="BF12" s="70">
        <v>33</v>
      </c>
      <c r="BG12" s="71">
        <v>20</v>
      </c>
      <c r="BH12" s="72">
        <v>53</v>
      </c>
      <c r="BI12" s="244"/>
      <c r="BJ12" s="71">
        <v>42</v>
      </c>
      <c r="BK12" s="71">
        <v>22</v>
      </c>
      <c r="BL12" s="71">
        <v>23</v>
      </c>
      <c r="BM12" s="71">
        <v>10</v>
      </c>
      <c r="BN12" s="71">
        <v>9</v>
      </c>
      <c r="BO12" s="72">
        <v>106</v>
      </c>
      <c r="BP12" s="73">
        <v>159</v>
      </c>
      <c r="BQ12" s="70">
        <v>36</v>
      </c>
      <c r="BR12" s="71">
        <v>21</v>
      </c>
      <c r="BS12" s="72">
        <v>57</v>
      </c>
      <c r="BT12" s="244"/>
      <c r="BU12" s="71">
        <v>52</v>
      </c>
      <c r="BV12" s="71">
        <v>52</v>
      </c>
      <c r="BW12" s="71">
        <v>42</v>
      </c>
      <c r="BX12" s="71">
        <v>27</v>
      </c>
      <c r="BY12" s="71">
        <v>13</v>
      </c>
      <c r="BZ12" s="72">
        <v>186</v>
      </c>
      <c r="CA12" s="73">
        <v>243</v>
      </c>
      <c r="CB12" s="70">
        <v>0</v>
      </c>
      <c r="CC12" s="71">
        <v>0</v>
      </c>
      <c r="CD12" s="72">
        <v>0</v>
      </c>
      <c r="CE12" s="244"/>
      <c r="CF12" s="71">
        <v>0</v>
      </c>
      <c r="CG12" s="71">
        <v>0</v>
      </c>
      <c r="CH12" s="71">
        <v>0</v>
      </c>
      <c r="CI12" s="71">
        <v>0</v>
      </c>
      <c r="CJ12" s="71">
        <v>0</v>
      </c>
      <c r="CK12" s="72">
        <v>0</v>
      </c>
      <c r="CL12" s="73">
        <v>0</v>
      </c>
      <c r="CM12" s="70">
        <v>109</v>
      </c>
      <c r="CN12" s="71">
        <v>57</v>
      </c>
      <c r="CO12" s="72">
        <v>166</v>
      </c>
      <c r="CP12" s="244"/>
      <c r="CQ12" s="71">
        <v>147</v>
      </c>
      <c r="CR12" s="71">
        <v>114</v>
      </c>
      <c r="CS12" s="71">
        <v>89</v>
      </c>
      <c r="CT12" s="71">
        <v>60</v>
      </c>
      <c r="CU12" s="71">
        <v>37</v>
      </c>
      <c r="CV12" s="72">
        <v>447</v>
      </c>
      <c r="CW12" s="73">
        <v>613</v>
      </c>
      <c r="CX12" s="123">
        <v>15</v>
      </c>
      <c r="CY12" s="82">
        <v>10</v>
      </c>
      <c r="CZ12" s="83">
        <v>25</v>
      </c>
      <c r="DA12" s="241"/>
      <c r="DB12" s="82">
        <v>21</v>
      </c>
      <c r="DC12" s="82">
        <v>27</v>
      </c>
      <c r="DD12" s="82">
        <v>11</v>
      </c>
      <c r="DE12" s="82">
        <v>11</v>
      </c>
      <c r="DF12" s="82">
        <v>4</v>
      </c>
      <c r="DG12" s="84">
        <v>74</v>
      </c>
      <c r="DH12" s="85">
        <v>99</v>
      </c>
      <c r="DI12" s="70">
        <v>1</v>
      </c>
      <c r="DJ12" s="71">
        <v>0</v>
      </c>
      <c r="DK12" s="72">
        <v>1</v>
      </c>
      <c r="DL12" s="244"/>
      <c r="DM12" s="71">
        <v>0</v>
      </c>
      <c r="DN12" s="71">
        <v>0</v>
      </c>
      <c r="DO12" s="71">
        <v>0</v>
      </c>
      <c r="DP12" s="71">
        <v>0</v>
      </c>
      <c r="DQ12" s="71">
        <v>0</v>
      </c>
      <c r="DR12" s="72">
        <v>0</v>
      </c>
      <c r="DS12" s="73">
        <v>1</v>
      </c>
      <c r="DT12" s="70">
        <v>0</v>
      </c>
      <c r="DU12" s="71">
        <v>0</v>
      </c>
      <c r="DV12" s="72">
        <v>0</v>
      </c>
      <c r="DW12" s="244"/>
      <c r="DX12" s="71">
        <v>1</v>
      </c>
      <c r="DY12" s="71">
        <v>1</v>
      </c>
      <c r="DZ12" s="71">
        <v>1</v>
      </c>
      <c r="EA12" s="71">
        <v>1</v>
      </c>
      <c r="EB12" s="71">
        <v>0</v>
      </c>
      <c r="EC12" s="72">
        <v>4</v>
      </c>
      <c r="ED12" s="73">
        <v>4</v>
      </c>
      <c r="EE12" s="70">
        <v>2</v>
      </c>
      <c r="EF12" s="71">
        <v>3</v>
      </c>
      <c r="EG12" s="72">
        <v>5</v>
      </c>
      <c r="EH12" s="244"/>
      <c r="EI12" s="71">
        <v>1</v>
      </c>
      <c r="EJ12" s="71">
        <v>2</v>
      </c>
      <c r="EK12" s="71">
        <v>0</v>
      </c>
      <c r="EL12" s="71">
        <v>1</v>
      </c>
      <c r="EM12" s="71">
        <v>0</v>
      </c>
      <c r="EN12" s="72">
        <v>4</v>
      </c>
      <c r="EO12" s="73">
        <v>9</v>
      </c>
      <c r="EP12" s="70">
        <v>5</v>
      </c>
      <c r="EQ12" s="71">
        <v>1</v>
      </c>
      <c r="ER12" s="72">
        <v>6</v>
      </c>
      <c r="ES12" s="244"/>
      <c r="ET12" s="71">
        <v>3</v>
      </c>
      <c r="EU12" s="71">
        <v>3</v>
      </c>
      <c r="EV12" s="71">
        <v>3</v>
      </c>
      <c r="EW12" s="71">
        <v>1</v>
      </c>
      <c r="EX12" s="71">
        <v>1</v>
      </c>
      <c r="EY12" s="72">
        <v>11</v>
      </c>
      <c r="EZ12" s="73">
        <v>17</v>
      </c>
      <c r="FA12" s="70">
        <v>3</v>
      </c>
      <c r="FB12" s="71">
        <v>1</v>
      </c>
      <c r="FC12" s="72">
        <v>4</v>
      </c>
      <c r="FD12" s="244"/>
      <c r="FE12" s="71">
        <v>7</v>
      </c>
      <c r="FF12" s="71">
        <v>9</v>
      </c>
      <c r="FG12" s="71">
        <v>2</v>
      </c>
      <c r="FH12" s="71">
        <v>1</v>
      </c>
      <c r="FI12" s="71">
        <v>2</v>
      </c>
      <c r="FJ12" s="72">
        <v>21</v>
      </c>
      <c r="FK12" s="73">
        <v>25</v>
      </c>
      <c r="FL12" s="70">
        <v>4</v>
      </c>
      <c r="FM12" s="71">
        <v>5</v>
      </c>
      <c r="FN12" s="72">
        <v>9</v>
      </c>
      <c r="FO12" s="244"/>
      <c r="FP12" s="71">
        <v>9</v>
      </c>
      <c r="FQ12" s="71">
        <v>12</v>
      </c>
      <c r="FR12" s="71">
        <v>5</v>
      </c>
      <c r="FS12" s="71">
        <v>7</v>
      </c>
      <c r="FT12" s="71">
        <v>1</v>
      </c>
      <c r="FU12" s="72">
        <v>34</v>
      </c>
      <c r="FV12" s="73">
        <v>43</v>
      </c>
      <c r="FW12" s="70">
        <v>0</v>
      </c>
      <c r="FX12" s="71">
        <v>0</v>
      </c>
      <c r="FY12" s="72">
        <v>0</v>
      </c>
      <c r="FZ12" s="244"/>
      <c r="GA12" s="71">
        <v>0</v>
      </c>
      <c r="GB12" s="71">
        <v>0</v>
      </c>
      <c r="GC12" s="71">
        <v>0</v>
      </c>
      <c r="GD12" s="71">
        <v>0</v>
      </c>
      <c r="GE12" s="71">
        <v>0</v>
      </c>
      <c r="GF12" s="72">
        <v>0</v>
      </c>
      <c r="GG12" s="73">
        <v>0</v>
      </c>
      <c r="GH12" s="70">
        <v>15</v>
      </c>
      <c r="GI12" s="71">
        <v>10</v>
      </c>
      <c r="GJ12" s="72">
        <v>25</v>
      </c>
      <c r="GK12" s="244"/>
      <c r="GL12" s="71">
        <v>21</v>
      </c>
      <c r="GM12" s="71">
        <v>27</v>
      </c>
      <c r="GN12" s="71">
        <v>11</v>
      </c>
      <c r="GO12" s="71">
        <v>11</v>
      </c>
      <c r="GP12" s="71">
        <v>4</v>
      </c>
      <c r="GQ12" s="72">
        <v>74</v>
      </c>
      <c r="GR12" s="73">
        <v>99</v>
      </c>
      <c r="GS12" s="123">
        <v>124</v>
      </c>
      <c r="GT12" s="82">
        <v>67</v>
      </c>
      <c r="GU12" s="83">
        <v>191</v>
      </c>
      <c r="GV12" s="241"/>
      <c r="GW12" s="82">
        <v>168</v>
      </c>
      <c r="GX12" s="82">
        <v>141</v>
      </c>
      <c r="GY12" s="82">
        <v>100</v>
      </c>
      <c r="GZ12" s="82">
        <v>71</v>
      </c>
      <c r="HA12" s="82">
        <v>41</v>
      </c>
      <c r="HB12" s="84">
        <v>521</v>
      </c>
      <c r="HC12" s="85">
        <v>712</v>
      </c>
      <c r="HD12" s="70">
        <v>6</v>
      </c>
      <c r="HE12" s="71">
        <v>2</v>
      </c>
      <c r="HF12" s="72">
        <v>8</v>
      </c>
      <c r="HG12" s="244"/>
      <c r="HH12" s="71">
        <v>5</v>
      </c>
      <c r="HI12" s="71">
        <v>3</v>
      </c>
      <c r="HJ12" s="71">
        <v>2</v>
      </c>
      <c r="HK12" s="71">
        <v>2</v>
      </c>
      <c r="HL12" s="71">
        <v>0</v>
      </c>
      <c r="HM12" s="72">
        <v>12</v>
      </c>
      <c r="HN12" s="73">
        <v>20</v>
      </c>
      <c r="HO12" s="70">
        <v>2</v>
      </c>
      <c r="HP12" s="71">
        <v>3</v>
      </c>
      <c r="HQ12" s="72">
        <v>5</v>
      </c>
      <c r="HR12" s="244"/>
      <c r="HS12" s="71">
        <v>7</v>
      </c>
      <c r="HT12" s="71">
        <v>10</v>
      </c>
      <c r="HU12" s="71">
        <v>1</v>
      </c>
      <c r="HV12" s="71">
        <v>6</v>
      </c>
      <c r="HW12" s="71">
        <v>0</v>
      </c>
      <c r="HX12" s="72">
        <v>24</v>
      </c>
      <c r="HY12" s="73">
        <v>29</v>
      </c>
      <c r="HZ12" s="70">
        <v>9</v>
      </c>
      <c r="IA12" s="71">
        <v>7</v>
      </c>
      <c r="IB12" s="72">
        <v>16</v>
      </c>
      <c r="IC12" s="244"/>
      <c r="ID12" s="71">
        <v>17</v>
      </c>
      <c r="IE12" s="71">
        <v>13</v>
      </c>
      <c r="IF12" s="71">
        <v>7</v>
      </c>
      <c r="IG12" s="71">
        <v>6</v>
      </c>
      <c r="IH12" s="71">
        <v>8</v>
      </c>
      <c r="II12" s="72">
        <v>51</v>
      </c>
      <c r="IJ12" s="73">
        <v>67</v>
      </c>
      <c r="IK12" s="70">
        <v>31</v>
      </c>
      <c r="IL12" s="71">
        <v>8</v>
      </c>
      <c r="IM12" s="72">
        <v>39</v>
      </c>
      <c r="IN12" s="244"/>
      <c r="IO12" s="71">
        <v>29</v>
      </c>
      <c r="IP12" s="71">
        <v>20</v>
      </c>
      <c r="IQ12" s="71">
        <v>18</v>
      </c>
      <c r="IR12" s="71">
        <v>12</v>
      </c>
      <c r="IS12" s="71">
        <v>8</v>
      </c>
      <c r="IT12" s="72">
        <v>87</v>
      </c>
      <c r="IU12" s="73">
        <v>126</v>
      </c>
      <c r="IV12" s="70">
        <v>36</v>
      </c>
      <c r="IW12" s="71">
        <v>21</v>
      </c>
      <c r="IX12" s="72">
        <v>57</v>
      </c>
      <c r="IY12" s="244"/>
      <c r="IZ12" s="71">
        <v>49</v>
      </c>
      <c r="JA12" s="71">
        <v>31</v>
      </c>
      <c r="JB12" s="71">
        <v>25</v>
      </c>
      <c r="JC12" s="71">
        <v>11</v>
      </c>
      <c r="JD12" s="71">
        <v>11</v>
      </c>
      <c r="JE12" s="72">
        <v>127</v>
      </c>
      <c r="JF12" s="73">
        <v>184</v>
      </c>
      <c r="JG12" s="70">
        <v>40</v>
      </c>
      <c r="JH12" s="71">
        <v>26</v>
      </c>
      <c r="JI12" s="72">
        <v>66</v>
      </c>
      <c r="JJ12" s="244"/>
      <c r="JK12" s="71">
        <v>61</v>
      </c>
      <c r="JL12" s="71">
        <v>64</v>
      </c>
      <c r="JM12" s="71">
        <v>47</v>
      </c>
      <c r="JN12" s="71">
        <v>34</v>
      </c>
      <c r="JO12" s="71">
        <v>14</v>
      </c>
      <c r="JP12" s="72">
        <v>220</v>
      </c>
      <c r="JQ12" s="73">
        <v>286</v>
      </c>
      <c r="JR12" s="70">
        <v>0</v>
      </c>
      <c r="JS12" s="71">
        <v>0</v>
      </c>
      <c r="JT12" s="72">
        <v>0</v>
      </c>
      <c r="JU12" s="244"/>
      <c r="JV12" s="71">
        <v>0</v>
      </c>
      <c r="JW12" s="71">
        <v>0</v>
      </c>
      <c r="JX12" s="71">
        <v>0</v>
      </c>
      <c r="JY12" s="71">
        <v>0</v>
      </c>
      <c r="JZ12" s="71">
        <v>0</v>
      </c>
      <c r="KA12" s="72">
        <v>0</v>
      </c>
      <c r="KB12" s="73">
        <v>0</v>
      </c>
      <c r="KC12" s="70">
        <v>124</v>
      </c>
      <c r="KD12" s="71">
        <v>67</v>
      </c>
      <c r="KE12" s="72">
        <v>191</v>
      </c>
      <c r="KF12" s="244"/>
      <c r="KG12" s="71">
        <v>168</v>
      </c>
      <c r="KH12" s="71">
        <v>141</v>
      </c>
      <c r="KI12" s="71">
        <v>100</v>
      </c>
      <c r="KJ12" s="71">
        <v>71</v>
      </c>
      <c r="KK12" s="71">
        <v>41</v>
      </c>
      <c r="KL12" s="72">
        <v>521</v>
      </c>
      <c r="KM12" s="73">
        <v>712</v>
      </c>
    </row>
    <row r="13" spans="2:299" ht="21" customHeight="1" x14ac:dyDescent="0.2">
      <c r="B13" s="126" t="s">
        <v>9</v>
      </c>
      <c r="C13" s="315">
        <v>176</v>
      </c>
      <c r="D13" s="82">
        <v>120</v>
      </c>
      <c r="E13" s="83">
        <v>296</v>
      </c>
      <c r="F13" s="241"/>
      <c r="G13" s="82">
        <v>212</v>
      </c>
      <c r="H13" s="82">
        <v>151</v>
      </c>
      <c r="I13" s="82">
        <v>114</v>
      </c>
      <c r="J13" s="82">
        <v>99</v>
      </c>
      <c r="K13" s="82">
        <v>58</v>
      </c>
      <c r="L13" s="84">
        <v>634</v>
      </c>
      <c r="M13" s="85">
        <v>930</v>
      </c>
      <c r="N13" s="70">
        <v>2</v>
      </c>
      <c r="O13" s="71">
        <v>1</v>
      </c>
      <c r="P13" s="72">
        <v>3</v>
      </c>
      <c r="Q13" s="244"/>
      <c r="R13" s="71">
        <v>0</v>
      </c>
      <c r="S13" s="71">
        <v>1</v>
      </c>
      <c r="T13" s="71">
        <v>1</v>
      </c>
      <c r="U13" s="71">
        <v>0</v>
      </c>
      <c r="V13" s="71">
        <v>1</v>
      </c>
      <c r="W13" s="72">
        <v>3</v>
      </c>
      <c r="X13" s="73">
        <v>6</v>
      </c>
      <c r="Y13" s="70">
        <v>7</v>
      </c>
      <c r="Z13" s="71">
        <v>6</v>
      </c>
      <c r="AA13" s="72">
        <v>13</v>
      </c>
      <c r="AB13" s="244"/>
      <c r="AC13" s="71">
        <v>5</v>
      </c>
      <c r="AD13" s="71">
        <v>4</v>
      </c>
      <c r="AE13" s="71">
        <v>0</v>
      </c>
      <c r="AF13" s="71">
        <v>2</v>
      </c>
      <c r="AG13" s="71">
        <v>3</v>
      </c>
      <c r="AH13" s="72">
        <v>14</v>
      </c>
      <c r="AI13" s="73">
        <v>27</v>
      </c>
      <c r="AJ13" s="70">
        <v>14</v>
      </c>
      <c r="AK13" s="71">
        <v>5</v>
      </c>
      <c r="AL13" s="72">
        <v>19</v>
      </c>
      <c r="AM13" s="244"/>
      <c r="AN13" s="71">
        <v>10</v>
      </c>
      <c r="AO13" s="71">
        <v>9</v>
      </c>
      <c r="AP13" s="71">
        <v>9</v>
      </c>
      <c r="AQ13" s="71">
        <v>5</v>
      </c>
      <c r="AR13" s="71">
        <v>7</v>
      </c>
      <c r="AS13" s="72">
        <v>40</v>
      </c>
      <c r="AT13" s="73">
        <v>59</v>
      </c>
      <c r="AU13" s="70">
        <v>28</v>
      </c>
      <c r="AV13" s="71">
        <v>27</v>
      </c>
      <c r="AW13" s="72">
        <v>55</v>
      </c>
      <c r="AX13" s="244"/>
      <c r="AY13" s="71">
        <v>28</v>
      </c>
      <c r="AZ13" s="71">
        <v>22</v>
      </c>
      <c r="BA13" s="71">
        <v>10</v>
      </c>
      <c r="BB13" s="71">
        <v>11</v>
      </c>
      <c r="BC13" s="71">
        <v>9</v>
      </c>
      <c r="BD13" s="72">
        <v>80</v>
      </c>
      <c r="BE13" s="73">
        <v>135</v>
      </c>
      <c r="BF13" s="70">
        <v>67</v>
      </c>
      <c r="BG13" s="71">
        <v>37</v>
      </c>
      <c r="BH13" s="72">
        <v>104</v>
      </c>
      <c r="BI13" s="244"/>
      <c r="BJ13" s="71">
        <v>88</v>
      </c>
      <c r="BK13" s="71">
        <v>50</v>
      </c>
      <c r="BL13" s="71">
        <v>35</v>
      </c>
      <c r="BM13" s="71">
        <v>39</v>
      </c>
      <c r="BN13" s="71">
        <v>10</v>
      </c>
      <c r="BO13" s="72">
        <v>222</v>
      </c>
      <c r="BP13" s="73">
        <v>326</v>
      </c>
      <c r="BQ13" s="70">
        <v>58</v>
      </c>
      <c r="BR13" s="71">
        <v>44</v>
      </c>
      <c r="BS13" s="72">
        <v>102</v>
      </c>
      <c r="BT13" s="244"/>
      <c r="BU13" s="71">
        <v>81</v>
      </c>
      <c r="BV13" s="71">
        <v>65</v>
      </c>
      <c r="BW13" s="71">
        <v>59</v>
      </c>
      <c r="BX13" s="71">
        <v>42</v>
      </c>
      <c r="BY13" s="71">
        <v>28</v>
      </c>
      <c r="BZ13" s="72">
        <v>275</v>
      </c>
      <c r="CA13" s="73">
        <v>377</v>
      </c>
      <c r="CB13" s="70">
        <v>0</v>
      </c>
      <c r="CC13" s="71">
        <v>0</v>
      </c>
      <c r="CD13" s="72">
        <v>0</v>
      </c>
      <c r="CE13" s="244"/>
      <c r="CF13" s="71">
        <v>0</v>
      </c>
      <c r="CG13" s="71">
        <v>0</v>
      </c>
      <c r="CH13" s="71">
        <v>0</v>
      </c>
      <c r="CI13" s="71">
        <v>0</v>
      </c>
      <c r="CJ13" s="71">
        <v>0</v>
      </c>
      <c r="CK13" s="72">
        <v>0</v>
      </c>
      <c r="CL13" s="73">
        <v>0</v>
      </c>
      <c r="CM13" s="70">
        <v>176</v>
      </c>
      <c r="CN13" s="71">
        <v>120</v>
      </c>
      <c r="CO13" s="72">
        <v>296</v>
      </c>
      <c r="CP13" s="244"/>
      <c r="CQ13" s="71">
        <v>212</v>
      </c>
      <c r="CR13" s="71">
        <v>151</v>
      </c>
      <c r="CS13" s="71">
        <v>114</v>
      </c>
      <c r="CT13" s="71">
        <v>99</v>
      </c>
      <c r="CU13" s="71">
        <v>58</v>
      </c>
      <c r="CV13" s="72">
        <v>634</v>
      </c>
      <c r="CW13" s="73">
        <v>930</v>
      </c>
      <c r="CX13" s="123">
        <v>30</v>
      </c>
      <c r="CY13" s="82">
        <v>19</v>
      </c>
      <c r="CZ13" s="83">
        <v>49</v>
      </c>
      <c r="DA13" s="241"/>
      <c r="DB13" s="82">
        <v>33</v>
      </c>
      <c r="DC13" s="82">
        <v>18</v>
      </c>
      <c r="DD13" s="82">
        <v>22</v>
      </c>
      <c r="DE13" s="82">
        <v>14</v>
      </c>
      <c r="DF13" s="82">
        <v>13</v>
      </c>
      <c r="DG13" s="84">
        <v>100</v>
      </c>
      <c r="DH13" s="85">
        <v>149</v>
      </c>
      <c r="DI13" s="70">
        <v>2</v>
      </c>
      <c r="DJ13" s="71">
        <v>0</v>
      </c>
      <c r="DK13" s="72">
        <v>2</v>
      </c>
      <c r="DL13" s="244"/>
      <c r="DM13" s="71">
        <v>0</v>
      </c>
      <c r="DN13" s="71">
        <v>0</v>
      </c>
      <c r="DO13" s="71">
        <v>1</v>
      </c>
      <c r="DP13" s="71">
        <v>0</v>
      </c>
      <c r="DQ13" s="71">
        <v>0</v>
      </c>
      <c r="DR13" s="72">
        <v>1</v>
      </c>
      <c r="DS13" s="73">
        <v>3</v>
      </c>
      <c r="DT13" s="70">
        <v>3</v>
      </c>
      <c r="DU13" s="71">
        <v>3</v>
      </c>
      <c r="DV13" s="72">
        <v>6</v>
      </c>
      <c r="DW13" s="244"/>
      <c r="DX13" s="71">
        <v>0</v>
      </c>
      <c r="DY13" s="71">
        <v>1</v>
      </c>
      <c r="DZ13" s="71">
        <v>1</v>
      </c>
      <c r="EA13" s="71">
        <v>0</v>
      </c>
      <c r="EB13" s="71">
        <v>0</v>
      </c>
      <c r="EC13" s="72">
        <v>2</v>
      </c>
      <c r="ED13" s="73">
        <v>8</v>
      </c>
      <c r="EE13" s="70">
        <v>4</v>
      </c>
      <c r="EF13" s="71">
        <v>0</v>
      </c>
      <c r="EG13" s="72">
        <v>4</v>
      </c>
      <c r="EH13" s="244"/>
      <c r="EI13" s="71">
        <v>4</v>
      </c>
      <c r="EJ13" s="71">
        <v>0</v>
      </c>
      <c r="EK13" s="71">
        <v>3</v>
      </c>
      <c r="EL13" s="71">
        <v>1</v>
      </c>
      <c r="EM13" s="71">
        <v>1</v>
      </c>
      <c r="EN13" s="72">
        <v>9</v>
      </c>
      <c r="EO13" s="73">
        <v>13</v>
      </c>
      <c r="EP13" s="70">
        <v>8</v>
      </c>
      <c r="EQ13" s="71">
        <v>6</v>
      </c>
      <c r="ER13" s="72">
        <v>14</v>
      </c>
      <c r="ES13" s="244"/>
      <c r="ET13" s="71">
        <v>9</v>
      </c>
      <c r="EU13" s="71">
        <v>2</v>
      </c>
      <c r="EV13" s="71">
        <v>0</v>
      </c>
      <c r="EW13" s="71">
        <v>0</v>
      </c>
      <c r="EX13" s="71">
        <v>1</v>
      </c>
      <c r="EY13" s="72">
        <v>12</v>
      </c>
      <c r="EZ13" s="73">
        <v>26</v>
      </c>
      <c r="FA13" s="70">
        <v>6</v>
      </c>
      <c r="FB13" s="71">
        <v>8</v>
      </c>
      <c r="FC13" s="72">
        <v>14</v>
      </c>
      <c r="FD13" s="244"/>
      <c r="FE13" s="71">
        <v>7</v>
      </c>
      <c r="FF13" s="71">
        <v>5</v>
      </c>
      <c r="FG13" s="71">
        <v>4</v>
      </c>
      <c r="FH13" s="71">
        <v>4</v>
      </c>
      <c r="FI13" s="71">
        <v>7</v>
      </c>
      <c r="FJ13" s="72">
        <v>27</v>
      </c>
      <c r="FK13" s="73">
        <v>41</v>
      </c>
      <c r="FL13" s="70">
        <v>7</v>
      </c>
      <c r="FM13" s="71">
        <v>2</v>
      </c>
      <c r="FN13" s="72">
        <v>9</v>
      </c>
      <c r="FO13" s="244"/>
      <c r="FP13" s="71">
        <v>13</v>
      </c>
      <c r="FQ13" s="71">
        <v>10</v>
      </c>
      <c r="FR13" s="71">
        <v>13</v>
      </c>
      <c r="FS13" s="71">
        <v>9</v>
      </c>
      <c r="FT13" s="71">
        <v>4</v>
      </c>
      <c r="FU13" s="72">
        <v>49</v>
      </c>
      <c r="FV13" s="73">
        <v>58</v>
      </c>
      <c r="FW13" s="70">
        <v>0</v>
      </c>
      <c r="FX13" s="71">
        <v>0</v>
      </c>
      <c r="FY13" s="72">
        <v>0</v>
      </c>
      <c r="FZ13" s="244"/>
      <c r="GA13" s="71">
        <v>0</v>
      </c>
      <c r="GB13" s="71">
        <v>0</v>
      </c>
      <c r="GC13" s="71">
        <v>0</v>
      </c>
      <c r="GD13" s="71">
        <v>0</v>
      </c>
      <c r="GE13" s="71">
        <v>0</v>
      </c>
      <c r="GF13" s="72">
        <v>0</v>
      </c>
      <c r="GG13" s="73">
        <v>0</v>
      </c>
      <c r="GH13" s="70">
        <v>30</v>
      </c>
      <c r="GI13" s="71">
        <v>19</v>
      </c>
      <c r="GJ13" s="72">
        <v>49</v>
      </c>
      <c r="GK13" s="244"/>
      <c r="GL13" s="71">
        <v>33</v>
      </c>
      <c r="GM13" s="71">
        <v>18</v>
      </c>
      <c r="GN13" s="71">
        <v>22</v>
      </c>
      <c r="GO13" s="71">
        <v>14</v>
      </c>
      <c r="GP13" s="71">
        <v>13</v>
      </c>
      <c r="GQ13" s="72">
        <v>100</v>
      </c>
      <c r="GR13" s="73">
        <v>149</v>
      </c>
      <c r="GS13" s="123">
        <v>206</v>
      </c>
      <c r="GT13" s="82">
        <v>139</v>
      </c>
      <c r="GU13" s="83">
        <v>345</v>
      </c>
      <c r="GV13" s="241"/>
      <c r="GW13" s="82">
        <v>245</v>
      </c>
      <c r="GX13" s="82">
        <v>169</v>
      </c>
      <c r="GY13" s="82">
        <v>136</v>
      </c>
      <c r="GZ13" s="82">
        <v>113</v>
      </c>
      <c r="HA13" s="82">
        <v>71</v>
      </c>
      <c r="HB13" s="84">
        <v>734</v>
      </c>
      <c r="HC13" s="85">
        <v>1079</v>
      </c>
      <c r="HD13" s="70">
        <v>4</v>
      </c>
      <c r="HE13" s="71">
        <v>1</v>
      </c>
      <c r="HF13" s="72">
        <v>5</v>
      </c>
      <c r="HG13" s="244"/>
      <c r="HH13" s="71">
        <v>0</v>
      </c>
      <c r="HI13" s="71">
        <v>1</v>
      </c>
      <c r="HJ13" s="71">
        <v>2</v>
      </c>
      <c r="HK13" s="71">
        <v>0</v>
      </c>
      <c r="HL13" s="71">
        <v>1</v>
      </c>
      <c r="HM13" s="72">
        <v>4</v>
      </c>
      <c r="HN13" s="73">
        <v>9</v>
      </c>
      <c r="HO13" s="70">
        <v>10</v>
      </c>
      <c r="HP13" s="71">
        <v>9</v>
      </c>
      <c r="HQ13" s="72">
        <v>19</v>
      </c>
      <c r="HR13" s="244"/>
      <c r="HS13" s="71">
        <v>5</v>
      </c>
      <c r="HT13" s="71">
        <v>5</v>
      </c>
      <c r="HU13" s="71">
        <v>1</v>
      </c>
      <c r="HV13" s="71">
        <v>2</v>
      </c>
      <c r="HW13" s="71">
        <v>3</v>
      </c>
      <c r="HX13" s="72">
        <v>16</v>
      </c>
      <c r="HY13" s="73">
        <v>35</v>
      </c>
      <c r="HZ13" s="70">
        <v>18</v>
      </c>
      <c r="IA13" s="71">
        <v>5</v>
      </c>
      <c r="IB13" s="72">
        <v>23</v>
      </c>
      <c r="IC13" s="244"/>
      <c r="ID13" s="71">
        <v>14</v>
      </c>
      <c r="IE13" s="71">
        <v>9</v>
      </c>
      <c r="IF13" s="71">
        <v>12</v>
      </c>
      <c r="IG13" s="71">
        <v>6</v>
      </c>
      <c r="IH13" s="71">
        <v>8</v>
      </c>
      <c r="II13" s="72">
        <v>49</v>
      </c>
      <c r="IJ13" s="73">
        <v>72</v>
      </c>
      <c r="IK13" s="70">
        <v>36</v>
      </c>
      <c r="IL13" s="71">
        <v>33</v>
      </c>
      <c r="IM13" s="72">
        <v>69</v>
      </c>
      <c r="IN13" s="244"/>
      <c r="IO13" s="71">
        <v>37</v>
      </c>
      <c r="IP13" s="71">
        <v>24</v>
      </c>
      <c r="IQ13" s="71">
        <v>10</v>
      </c>
      <c r="IR13" s="71">
        <v>11</v>
      </c>
      <c r="IS13" s="71">
        <v>10</v>
      </c>
      <c r="IT13" s="72">
        <v>92</v>
      </c>
      <c r="IU13" s="73">
        <v>161</v>
      </c>
      <c r="IV13" s="70">
        <v>73</v>
      </c>
      <c r="IW13" s="71">
        <v>45</v>
      </c>
      <c r="IX13" s="72">
        <v>118</v>
      </c>
      <c r="IY13" s="244"/>
      <c r="IZ13" s="71">
        <v>95</v>
      </c>
      <c r="JA13" s="71">
        <v>55</v>
      </c>
      <c r="JB13" s="71">
        <v>39</v>
      </c>
      <c r="JC13" s="71">
        <v>43</v>
      </c>
      <c r="JD13" s="71">
        <v>17</v>
      </c>
      <c r="JE13" s="72">
        <v>249</v>
      </c>
      <c r="JF13" s="73">
        <v>367</v>
      </c>
      <c r="JG13" s="70">
        <v>65</v>
      </c>
      <c r="JH13" s="71">
        <v>46</v>
      </c>
      <c r="JI13" s="72">
        <v>111</v>
      </c>
      <c r="JJ13" s="244"/>
      <c r="JK13" s="71">
        <v>94</v>
      </c>
      <c r="JL13" s="71">
        <v>75</v>
      </c>
      <c r="JM13" s="71">
        <v>72</v>
      </c>
      <c r="JN13" s="71">
        <v>51</v>
      </c>
      <c r="JO13" s="71">
        <v>32</v>
      </c>
      <c r="JP13" s="72">
        <v>324</v>
      </c>
      <c r="JQ13" s="73">
        <v>435</v>
      </c>
      <c r="JR13" s="70">
        <v>0</v>
      </c>
      <c r="JS13" s="71">
        <v>0</v>
      </c>
      <c r="JT13" s="72">
        <v>0</v>
      </c>
      <c r="JU13" s="244"/>
      <c r="JV13" s="71">
        <v>0</v>
      </c>
      <c r="JW13" s="71">
        <v>0</v>
      </c>
      <c r="JX13" s="71">
        <v>0</v>
      </c>
      <c r="JY13" s="71">
        <v>0</v>
      </c>
      <c r="JZ13" s="71">
        <v>0</v>
      </c>
      <c r="KA13" s="72">
        <v>0</v>
      </c>
      <c r="KB13" s="73">
        <v>0</v>
      </c>
      <c r="KC13" s="70">
        <v>206</v>
      </c>
      <c r="KD13" s="71">
        <v>139</v>
      </c>
      <c r="KE13" s="72">
        <v>345</v>
      </c>
      <c r="KF13" s="244"/>
      <c r="KG13" s="71">
        <v>245</v>
      </c>
      <c r="KH13" s="71">
        <v>169</v>
      </c>
      <c r="KI13" s="71">
        <v>136</v>
      </c>
      <c r="KJ13" s="71">
        <v>113</v>
      </c>
      <c r="KK13" s="71">
        <v>71</v>
      </c>
      <c r="KL13" s="72">
        <v>734</v>
      </c>
      <c r="KM13" s="73">
        <v>1079</v>
      </c>
    </row>
    <row r="14" spans="2:299" ht="21" customHeight="1" x14ac:dyDescent="0.2">
      <c r="B14" s="126" t="s">
        <v>10</v>
      </c>
      <c r="C14" s="315">
        <v>349</v>
      </c>
      <c r="D14" s="82">
        <v>206</v>
      </c>
      <c r="E14" s="83">
        <v>555</v>
      </c>
      <c r="F14" s="241"/>
      <c r="G14" s="82">
        <v>333</v>
      </c>
      <c r="H14" s="82">
        <v>198</v>
      </c>
      <c r="I14" s="82">
        <v>142</v>
      </c>
      <c r="J14" s="82">
        <v>149</v>
      </c>
      <c r="K14" s="82">
        <v>76</v>
      </c>
      <c r="L14" s="84">
        <v>898</v>
      </c>
      <c r="M14" s="85">
        <v>1453</v>
      </c>
      <c r="N14" s="70">
        <v>1</v>
      </c>
      <c r="O14" s="71">
        <v>3</v>
      </c>
      <c r="P14" s="72">
        <v>4</v>
      </c>
      <c r="Q14" s="244"/>
      <c r="R14" s="71">
        <v>4</v>
      </c>
      <c r="S14" s="71">
        <v>6</v>
      </c>
      <c r="T14" s="71">
        <v>2</v>
      </c>
      <c r="U14" s="71">
        <v>1</v>
      </c>
      <c r="V14" s="71">
        <v>1</v>
      </c>
      <c r="W14" s="72">
        <v>14</v>
      </c>
      <c r="X14" s="73">
        <v>18</v>
      </c>
      <c r="Y14" s="70">
        <v>9</v>
      </c>
      <c r="Z14" s="71">
        <v>9</v>
      </c>
      <c r="AA14" s="72">
        <v>18</v>
      </c>
      <c r="AB14" s="244"/>
      <c r="AC14" s="71">
        <v>17</v>
      </c>
      <c r="AD14" s="71">
        <v>6</v>
      </c>
      <c r="AE14" s="71">
        <v>3</v>
      </c>
      <c r="AF14" s="71">
        <v>9</v>
      </c>
      <c r="AG14" s="71">
        <v>5</v>
      </c>
      <c r="AH14" s="72">
        <v>40</v>
      </c>
      <c r="AI14" s="73">
        <v>58</v>
      </c>
      <c r="AJ14" s="70">
        <v>24</v>
      </c>
      <c r="AK14" s="71">
        <v>10</v>
      </c>
      <c r="AL14" s="72">
        <v>34</v>
      </c>
      <c r="AM14" s="244"/>
      <c r="AN14" s="71">
        <v>21</v>
      </c>
      <c r="AO14" s="71">
        <v>13</v>
      </c>
      <c r="AP14" s="71">
        <v>13</v>
      </c>
      <c r="AQ14" s="71">
        <v>10</v>
      </c>
      <c r="AR14" s="71">
        <v>5</v>
      </c>
      <c r="AS14" s="72">
        <v>62</v>
      </c>
      <c r="AT14" s="73">
        <v>96</v>
      </c>
      <c r="AU14" s="70">
        <v>79</v>
      </c>
      <c r="AV14" s="71">
        <v>48</v>
      </c>
      <c r="AW14" s="72">
        <v>127</v>
      </c>
      <c r="AX14" s="244"/>
      <c r="AY14" s="71">
        <v>67</v>
      </c>
      <c r="AZ14" s="71">
        <v>29</v>
      </c>
      <c r="BA14" s="71">
        <v>14</v>
      </c>
      <c r="BB14" s="71">
        <v>23</v>
      </c>
      <c r="BC14" s="71">
        <v>16</v>
      </c>
      <c r="BD14" s="72">
        <v>149</v>
      </c>
      <c r="BE14" s="73">
        <v>276</v>
      </c>
      <c r="BF14" s="70">
        <v>139</v>
      </c>
      <c r="BG14" s="71">
        <v>69</v>
      </c>
      <c r="BH14" s="72">
        <v>208</v>
      </c>
      <c r="BI14" s="244"/>
      <c r="BJ14" s="71">
        <v>108</v>
      </c>
      <c r="BK14" s="71">
        <v>59</v>
      </c>
      <c r="BL14" s="71">
        <v>42</v>
      </c>
      <c r="BM14" s="71">
        <v>51</v>
      </c>
      <c r="BN14" s="71">
        <v>22</v>
      </c>
      <c r="BO14" s="72">
        <v>282</v>
      </c>
      <c r="BP14" s="73">
        <v>490</v>
      </c>
      <c r="BQ14" s="70">
        <v>97</v>
      </c>
      <c r="BR14" s="71">
        <v>67</v>
      </c>
      <c r="BS14" s="72">
        <v>164</v>
      </c>
      <c r="BT14" s="244"/>
      <c r="BU14" s="71">
        <v>116</v>
      </c>
      <c r="BV14" s="71">
        <v>85</v>
      </c>
      <c r="BW14" s="71">
        <v>68</v>
      </c>
      <c r="BX14" s="71">
        <v>55</v>
      </c>
      <c r="BY14" s="71">
        <v>27</v>
      </c>
      <c r="BZ14" s="72">
        <v>351</v>
      </c>
      <c r="CA14" s="73">
        <v>515</v>
      </c>
      <c r="CB14" s="70">
        <v>0</v>
      </c>
      <c r="CC14" s="71">
        <v>0</v>
      </c>
      <c r="CD14" s="72">
        <v>0</v>
      </c>
      <c r="CE14" s="244"/>
      <c r="CF14" s="71">
        <v>0</v>
      </c>
      <c r="CG14" s="71">
        <v>0</v>
      </c>
      <c r="CH14" s="71">
        <v>0</v>
      </c>
      <c r="CI14" s="71">
        <v>0</v>
      </c>
      <c r="CJ14" s="71">
        <v>0</v>
      </c>
      <c r="CK14" s="72">
        <v>0</v>
      </c>
      <c r="CL14" s="73">
        <v>0</v>
      </c>
      <c r="CM14" s="70">
        <v>349</v>
      </c>
      <c r="CN14" s="71">
        <v>206</v>
      </c>
      <c r="CO14" s="72">
        <v>555</v>
      </c>
      <c r="CP14" s="244"/>
      <c r="CQ14" s="71">
        <v>333</v>
      </c>
      <c r="CR14" s="71">
        <v>198</v>
      </c>
      <c r="CS14" s="71">
        <v>142</v>
      </c>
      <c r="CT14" s="71">
        <v>149</v>
      </c>
      <c r="CU14" s="71">
        <v>76</v>
      </c>
      <c r="CV14" s="72">
        <v>898</v>
      </c>
      <c r="CW14" s="73">
        <v>1453</v>
      </c>
      <c r="CX14" s="123">
        <v>42</v>
      </c>
      <c r="CY14" s="82">
        <v>37</v>
      </c>
      <c r="CZ14" s="83">
        <v>79</v>
      </c>
      <c r="DA14" s="241"/>
      <c r="DB14" s="82">
        <v>51</v>
      </c>
      <c r="DC14" s="82">
        <v>22</v>
      </c>
      <c r="DD14" s="82">
        <v>23</v>
      </c>
      <c r="DE14" s="82">
        <v>16</v>
      </c>
      <c r="DF14" s="82">
        <v>19</v>
      </c>
      <c r="DG14" s="84">
        <v>131</v>
      </c>
      <c r="DH14" s="85">
        <v>210</v>
      </c>
      <c r="DI14" s="70">
        <v>0</v>
      </c>
      <c r="DJ14" s="71">
        <v>1</v>
      </c>
      <c r="DK14" s="72">
        <v>1</v>
      </c>
      <c r="DL14" s="244"/>
      <c r="DM14" s="71">
        <v>2</v>
      </c>
      <c r="DN14" s="71">
        <v>0</v>
      </c>
      <c r="DO14" s="71">
        <v>0</v>
      </c>
      <c r="DP14" s="71">
        <v>0</v>
      </c>
      <c r="DQ14" s="71">
        <v>0</v>
      </c>
      <c r="DR14" s="72">
        <v>2</v>
      </c>
      <c r="DS14" s="73">
        <v>3</v>
      </c>
      <c r="DT14" s="70">
        <v>1</v>
      </c>
      <c r="DU14" s="71">
        <v>0</v>
      </c>
      <c r="DV14" s="72">
        <v>1</v>
      </c>
      <c r="DW14" s="244"/>
      <c r="DX14" s="71">
        <v>2</v>
      </c>
      <c r="DY14" s="71">
        <v>1</v>
      </c>
      <c r="DZ14" s="71">
        <v>0</v>
      </c>
      <c r="EA14" s="71">
        <v>0</v>
      </c>
      <c r="EB14" s="71">
        <v>0</v>
      </c>
      <c r="EC14" s="72">
        <v>3</v>
      </c>
      <c r="ED14" s="73">
        <v>4</v>
      </c>
      <c r="EE14" s="70">
        <v>4</v>
      </c>
      <c r="EF14" s="71">
        <v>2</v>
      </c>
      <c r="EG14" s="72">
        <v>6</v>
      </c>
      <c r="EH14" s="244"/>
      <c r="EI14" s="71">
        <v>3</v>
      </c>
      <c r="EJ14" s="71">
        <v>2</v>
      </c>
      <c r="EK14" s="71">
        <v>1</v>
      </c>
      <c r="EL14" s="71">
        <v>1</v>
      </c>
      <c r="EM14" s="71">
        <v>1</v>
      </c>
      <c r="EN14" s="72">
        <v>8</v>
      </c>
      <c r="EO14" s="73">
        <v>14</v>
      </c>
      <c r="EP14" s="70">
        <v>9</v>
      </c>
      <c r="EQ14" s="71">
        <v>9</v>
      </c>
      <c r="ER14" s="72">
        <v>18</v>
      </c>
      <c r="ES14" s="244"/>
      <c r="ET14" s="71">
        <v>9</v>
      </c>
      <c r="EU14" s="71">
        <v>4</v>
      </c>
      <c r="EV14" s="71">
        <v>4</v>
      </c>
      <c r="EW14" s="71">
        <v>4</v>
      </c>
      <c r="EX14" s="71">
        <v>2</v>
      </c>
      <c r="EY14" s="72">
        <v>23</v>
      </c>
      <c r="EZ14" s="73">
        <v>41</v>
      </c>
      <c r="FA14" s="70">
        <v>19</v>
      </c>
      <c r="FB14" s="71">
        <v>15</v>
      </c>
      <c r="FC14" s="72">
        <v>34</v>
      </c>
      <c r="FD14" s="244"/>
      <c r="FE14" s="71">
        <v>14</v>
      </c>
      <c r="FF14" s="71">
        <v>4</v>
      </c>
      <c r="FG14" s="71">
        <v>7</v>
      </c>
      <c r="FH14" s="71">
        <v>3</v>
      </c>
      <c r="FI14" s="71">
        <v>5</v>
      </c>
      <c r="FJ14" s="72">
        <v>33</v>
      </c>
      <c r="FK14" s="73">
        <v>67</v>
      </c>
      <c r="FL14" s="70">
        <v>9</v>
      </c>
      <c r="FM14" s="71">
        <v>10</v>
      </c>
      <c r="FN14" s="72">
        <v>19</v>
      </c>
      <c r="FO14" s="244"/>
      <c r="FP14" s="71">
        <v>21</v>
      </c>
      <c r="FQ14" s="71">
        <v>11</v>
      </c>
      <c r="FR14" s="71">
        <v>11</v>
      </c>
      <c r="FS14" s="71">
        <v>8</v>
      </c>
      <c r="FT14" s="71">
        <v>11</v>
      </c>
      <c r="FU14" s="72">
        <v>62</v>
      </c>
      <c r="FV14" s="73">
        <v>81</v>
      </c>
      <c r="FW14" s="70">
        <v>0</v>
      </c>
      <c r="FX14" s="71">
        <v>0</v>
      </c>
      <c r="FY14" s="72">
        <v>0</v>
      </c>
      <c r="FZ14" s="244"/>
      <c r="GA14" s="71">
        <v>0</v>
      </c>
      <c r="GB14" s="71">
        <v>0</v>
      </c>
      <c r="GC14" s="71">
        <v>0</v>
      </c>
      <c r="GD14" s="71">
        <v>0</v>
      </c>
      <c r="GE14" s="71">
        <v>0</v>
      </c>
      <c r="GF14" s="72">
        <v>0</v>
      </c>
      <c r="GG14" s="73">
        <v>0</v>
      </c>
      <c r="GH14" s="70">
        <v>42</v>
      </c>
      <c r="GI14" s="71">
        <v>37</v>
      </c>
      <c r="GJ14" s="72">
        <v>79</v>
      </c>
      <c r="GK14" s="244"/>
      <c r="GL14" s="71">
        <v>51</v>
      </c>
      <c r="GM14" s="71">
        <v>22</v>
      </c>
      <c r="GN14" s="71">
        <v>23</v>
      </c>
      <c r="GO14" s="71">
        <v>16</v>
      </c>
      <c r="GP14" s="71">
        <v>19</v>
      </c>
      <c r="GQ14" s="72">
        <v>131</v>
      </c>
      <c r="GR14" s="73">
        <v>210</v>
      </c>
      <c r="GS14" s="123">
        <v>391</v>
      </c>
      <c r="GT14" s="82">
        <v>243</v>
      </c>
      <c r="GU14" s="83">
        <v>634</v>
      </c>
      <c r="GV14" s="241"/>
      <c r="GW14" s="82">
        <v>384</v>
      </c>
      <c r="GX14" s="82">
        <v>220</v>
      </c>
      <c r="GY14" s="82">
        <v>165</v>
      </c>
      <c r="GZ14" s="82">
        <v>165</v>
      </c>
      <c r="HA14" s="82">
        <v>95</v>
      </c>
      <c r="HB14" s="84">
        <v>1029</v>
      </c>
      <c r="HC14" s="85">
        <v>1663</v>
      </c>
      <c r="HD14" s="70">
        <v>1</v>
      </c>
      <c r="HE14" s="71">
        <v>4</v>
      </c>
      <c r="HF14" s="72">
        <v>5</v>
      </c>
      <c r="HG14" s="244"/>
      <c r="HH14" s="71">
        <v>6</v>
      </c>
      <c r="HI14" s="71">
        <v>6</v>
      </c>
      <c r="HJ14" s="71">
        <v>2</v>
      </c>
      <c r="HK14" s="71">
        <v>1</v>
      </c>
      <c r="HL14" s="71">
        <v>1</v>
      </c>
      <c r="HM14" s="72">
        <v>16</v>
      </c>
      <c r="HN14" s="73">
        <v>21</v>
      </c>
      <c r="HO14" s="70">
        <v>10</v>
      </c>
      <c r="HP14" s="71">
        <v>9</v>
      </c>
      <c r="HQ14" s="72">
        <v>19</v>
      </c>
      <c r="HR14" s="244"/>
      <c r="HS14" s="71">
        <v>19</v>
      </c>
      <c r="HT14" s="71">
        <v>7</v>
      </c>
      <c r="HU14" s="71">
        <v>3</v>
      </c>
      <c r="HV14" s="71">
        <v>9</v>
      </c>
      <c r="HW14" s="71">
        <v>5</v>
      </c>
      <c r="HX14" s="72">
        <v>43</v>
      </c>
      <c r="HY14" s="73">
        <v>62</v>
      </c>
      <c r="HZ14" s="70">
        <v>28</v>
      </c>
      <c r="IA14" s="71">
        <v>12</v>
      </c>
      <c r="IB14" s="72">
        <v>40</v>
      </c>
      <c r="IC14" s="244"/>
      <c r="ID14" s="71">
        <v>24</v>
      </c>
      <c r="IE14" s="71">
        <v>15</v>
      </c>
      <c r="IF14" s="71">
        <v>14</v>
      </c>
      <c r="IG14" s="71">
        <v>11</v>
      </c>
      <c r="IH14" s="71">
        <v>6</v>
      </c>
      <c r="II14" s="72">
        <v>70</v>
      </c>
      <c r="IJ14" s="73">
        <v>110</v>
      </c>
      <c r="IK14" s="70">
        <v>88</v>
      </c>
      <c r="IL14" s="71">
        <v>57</v>
      </c>
      <c r="IM14" s="72">
        <v>145</v>
      </c>
      <c r="IN14" s="244"/>
      <c r="IO14" s="71">
        <v>76</v>
      </c>
      <c r="IP14" s="71">
        <v>33</v>
      </c>
      <c r="IQ14" s="71">
        <v>18</v>
      </c>
      <c r="IR14" s="71">
        <v>27</v>
      </c>
      <c r="IS14" s="71">
        <v>18</v>
      </c>
      <c r="IT14" s="72">
        <v>172</v>
      </c>
      <c r="IU14" s="73">
        <v>317</v>
      </c>
      <c r="IV14" s="70">
        <v>158</v>
      </c>
      <c r="IW14" s="71">
        <v>84</v>
      </c>
      <c r="IX14" s="72">
        <v>242</v>
      </c>
      <c r="IY14" s="244"/>
      <c r="IZ14" s="71">
        <v>122</v>
      </c>
      <c r="JA14" s="71">
        <v>63</v>
      </c>
      <c r="JB14" s="71">
        <v>49</v>
      </c>
      <c r="JC14" s="71">
        <v>54</v>
      </c>
      <c r="JD14" s="71">
        <v>27</v>
      </c>
      <c r="JE14" s="72">
        <v>315</v>
      </c>
      <c r="JF14" s="73">
        <v>557</v>
      </c>
      <c r="JG14" s="70">
        <v>106</v>
      </c>
      <c r="JH14" s="71">
        <v>77</v>
      </c>
      <c r="JI14" s="72">
        <v>183</v>
      </c>
      <c r="JJ14" s="244"/>
      <c r="JK14" s="71">
        <v>137</v>
      </c>
      <c r="JL14" s="71">
        <v>96</v>
      </c>
      <c r="JM14" s="71">
        <v>79</v>
      </c>
      <c r="JN14" s="71">
        <v>63</v>
      </c>
      <c r="JO14" s="71">
        <v>38</v>
      </c>
      <c r="JP14" s="72">
        <v>413</v>
      </c>
      <c r="JQ14" s="73">
        <v>596</v>
      </c>
      <c r="JR14" s="70">
        <v>0</v>
      </c>
      <c r="JS14" s="71">
        <v>0</v>
      </c>
      <c r="JT14" s="72">
        <v>0</v>
      </c>
      <c r="JU14" s="244"/>
      <c r="JV14" s="71">
        <v>0</v>
      </c>
      <c r="JW14" s="71">
        <v>0</v>
      </c>
      <c r="JX14" s="71">
        <v>0</v>
      </c>
      <c r="JY14" s="71">
        <v>0</v>
      </c>
      <c r="JZ14" s="71">
        <v>0</v>
      </c>
      <c r="KA14" s="72">
        <v>0</v>
      </c>
      <c r="KB14" s="73">
        <v>0</v>
      </c>
      <c r="KC14" s="70">
        <v>391</v>
      </c>
      <c r="KD14" s="71">
        <v>243</v>
      </c>
      <c r="KE14" s="72">
        <v>634</v>
      </c>
      <c r="KF14" s="244"/>
      <c r="KG14" s="71">
        <v>384</v>
      </c>
      <c r="KH14" s="71">
        <v>220</v>
      </c>
      <c r="KI14" s="71">
        <v>165</v>
      </c>
      <c r="KJ14" s="71">
        <v>165</v>
      </c>
      <c r="KK14" s="71">
        <v>95</v>
      </c>
      <c r="KL14" s="72">
        <v>1029</v>
      </c>
      <c r="KM14" s="73">
        <v>1663</v>
      </c>
    </row>
    <row r="15" spans="2:299" ht="21" customHeight="1" x14ac:dyDescent="0.2">
      <c r="B15" s="126" t="s">
        <v>11</v>
      </c>
      <c r="C15" s="315">
        <v>88</v>
      </c>
      <c r="D15" s="82">
        <v>58</v>
      </c>
      <c r="E15" s="83">
        <v>146</v>
      </c>
      <c r="F15" s="241"/>
      <c r="G15" s="82">
        <v>132</v>
      </c>
      <c r="H15" s="82">
        <v>80</v>
      </c>
      <c r="I15" s="82">
        <v>63</v>
      </c>
      <c r="J15" s="82">
        <v>59</v>
      </c>
      <c r="K15" s="82">
        <v>23</v>
      </c>
      <c r="L15" s="84">
        <v>357</v>
      </c>
      <c r="M15" s="85">
        <v>503</v>
      </c>
      <c r="N15" s="70">
        <v>4</v>
      </c>
      <c r="O15" s="71">
        <v>1</v>
      </c>
      <c r="P15" s="72">
        <v>5</v>
      </c>
      <c r="Q15" s="244"/>
      <c r="R15" s="71">
        <v>5</v>
      </c>
      <c r="S15" s="71">
        <v>1</v>
      </c>
      <c r="T15" s="71">
        <v>1</v>
      </c>
      <c r="U15" s="71">
        <v>1</v>
      </c>
      <c r="V15" s="71">
        <v>0</v>
      </c>
      <c r="W15" s="72">
        <v>8</v>
      </c>
      <c r="X15" s="73">
        <v>13</v>
      </c>
      <c r="Y15" s="70">
        <v>9</v>
      </c>
      <c r="Z15" s="71">
        <v>6</v>
      </c>
      <c r="AA15" s="72">
        <v>15</v>
      </c>
      <c r="AB15" s="244"/>
      <c r="AC15" s="71">
        <v>8</v>
      </c>
      <c r="AD15" s="71">
        <v>2</v>
      </c>
      <c r="AE15" s="71">
        <v>5</v>
      </c>
      <c r="AF15" s="71">
        <v>4</v>
      </c>
      <c r="AG15" s="71">
        <v>3</v>
      </c>
      <c r="AH15" s="72">
        <v>22</v>
      </c>
      <c r="AI15" s="73">
        <v>37</v>
      </c>
      <c r="AJ15" s="70">
        <v>2</v>
      </c>
      <c r="AK15" s="71">
        <v>2</v>
      </c>
      <c r="AL15" s="72">
        <v>4</v>
      </c>
      <c r="AM15" s="244"/>
      <c r="AN15" s="71">
        <v>9</v>
      </c>
      <c r="AO15" s="71">
        <v>6</v>
      </c>
      <c r="AP15" s="71">
        <v>7</v>
      </c>
      <c r="AQ15" s="71">
        <v>4</v>
      </c>
      <c r="AR15" s="71">
        <v>0</v>
      </c>
      <c r="AS15" s="72">
        <v>26</v>
      </c>
      <c r="AT15" s="73">
        <v>30</v>
      </c>
      <c r="AU15" s="70">
        <v>15</v>
      </c>
      <c r="AV15" s="71">
        <v>13</v>
      </c>
      <c r="AW15" s="72">
        <v>28</v>
      </c>
      <c r="AX15" s="244"/>
      <c r="AY15" s="71">
        <v>24</v>
      </c>
      <c r="AZ15" s="71">
        <v>19</v>
      </c>
      <c r="BA15" s="71">
        <v>5</v>
      </c>
      <c r="BB15" s="71">
        <v>10</v>
      </c>
      <c r="BC15" s="71">
        <v>7</v>
      </c>
      <c r="BD15" s="72">
        <v>65</v>
      </c>
      <c r="BE15" s="73">
        <v>93</v>
      </c>
      <c r="BF15" s="70">
        <v>33</v>
      </c>
      <c r="BG15" s="71">
        <v>19</v>
      </c>
      <c r="BH15" s="72">
        <v>52</v>
      </c>
      <c r="BI15" s="244"/>
      <c r="BJ15" s="71">
        <v>36</v>
      </c>
      <c r="BK15" s="71">
        <v>23</v>
      </c>
      <c r="BL15" s="71">
        <v>18</v>
      </c>
      <c r="BM15" s="71">
        <v>21</v>
      </c>
      <c r="BN15" s="71">
        <v>8</v>
      </c>
      <c r="BO15" s="72">
        <v>106</v>
      </c>
      <c r="BP15" s="73">
        <v>158</v>
      </c>
      <c r="BQ15" s="70">
        <v>25</v>
      </c>
      <c r="BR15" s="71">
        <v>17</v>
      </c>
      <c r="BS15" s="72">
        <v>42</v>
      </c>
      <c r="BT15" s="244"/>
      <c r="BU15" s="71">
        <v>50</v>
      </c>
      <c r="BV15" s="71">
        <v>29</v>
      </c>
      <c r="BW15" s="71">
        <v>27</v>
      </c>
      <c r="BX15" s="71">
        <v>19</v>
      </c>
      <c r="BY15" s="71">
        <v>5</v>
      </c>
      <c r="BZ15" s="72">
        <v>130</v>
      </c>
      <c r="CA15" s="73">
        <v>172</v>
      </c>
      <c r="CB15" s="70">
        <v>0</v>
      </c>
      <c r="CC15" s="71">
        <v>0</v>
      </c>
      <c r="CD15" s="72">
        <v>0</v>
      </c>
      <c r="CE15" s="244"/>
      <c r="CF15" s="71">
        <v>0</v>
      </c>
      <c r="CG15" s="71">
        <v>0</v>
      </c>
      <c r="CH15" s="71">
        <v>0</v>
      </c>
      <c r="CI15" s="71">
        <v>0</v>
      </c>
      <c r="CJ15" s="71">
        <v>0</v>
      </c>
      <c r="CK15" s="72">
        <v>0</v>
      </c>
      <c r="CL15" s="73">
        <v>0</v>
      </c>
      <c r="CM15" s="70">
        <v>88</v>
      </c>
      <c r="CN15" s="71">
        <v>58</v>
      </c>
      <c r="CO15" s="72">
        <v>146</v>
      </c>
      <c r="CP15" s="244"/>
      <c r="CQ15" s="71">
        <v>132</v>
      </c>
      <c r="CR15" s="71">
        <v>80</v>
      </c>
      <c r="CS15" s="71">
        <v>63</v>
      </c>
      <c r="CT15" s="71">
        <v>59</v>
      </c>
      <c r="CU15" s="71">
        <v>23</v>
      </c>
      <c r="CV15" s="72">
        <v>357</v>
      </c>
      <c r="CW15" s="73">
        <v>503</v>
      </c>
      <c r="CX15" s="123">
        <v>14</v>
      </c>
      <c r="CY15" s="82">
        <v>16</v>
      </c>
      <c r="CZ15" s="83">
        <v>30</v>
      </c>
      <c r="DA15" s="241"/>
      <c r="DB15" s="82">
        <v>11</v>
      </c>
      <c r="DC15" s="82">
        <v>16</v>
      </c>
      <c r="DD15" s="82">
        <v>13</v>
      </c>
      <c r="DE15" s="82">
        <v>16</v>
      </c>
      <c r="DF15" s="82">
        <v>7</v>
      </c>
      <c r="DG15" s="84">
        <v>63</v>
      </c>
      <c r="DH15" s="85">
        <v>93</v>
      </c>
      <c r="DI15" s="70">
        <v>0</v>
      </c>
      <c r="DJ15" s="71">
        <v>1</v>
      </c>
      <c r="DK15" s="72">
        <v>1</v>
      </c>
      <c r="DL15" s="244"/>
      <c r="DM15" s="71">
        <v>0</v>
      </c>
      <c r="DN15" s="71">
        <v>0</v>
      </c>
      <c r="DO15" s="71">
        <v>0</v>
      </c>
      <c r="DP15" s="71">
        <v>0</v>
      </c>
      <c r="DQ15" s="71">
        <v>0</v>
      </c>
      <c r="DR15" s="72">
        <v>0</v>
      </c>
      <c r="DS15" s="73">
        <v>1</v>
      </c>
      <c r="DT15" s="70">
        <v>0</v>
      </c>
      <c r="DU15" s="71">
        <v>3</v>
      </c>
      <c r="DV15" s="72">
        <v>3</v>
      </c>
      <c r="DW15" s="244"/>
      <c r="DX15" s="71">
        <v>1</v>
      </c>
      <c r="DY15" s="71">
        <v>1</v>
      </c>
      <c r="DZ15" s="71">
        <v>0</v>
      </c>
      <c r="EA15" s="71">
        <v>1</v>
      </c>
      <c r="EB15" s="71">
        <v>0</v>
      </c>
      <c r="EC15" s="72">
        <v>3</v>
      </c>
      <c r="ED15" s="73">
        <v>6</v>
      </c>
      <c r="EE15" s="70">
        <v>0</v>
      </c>
      <c r="EF15" s="71">
        <v>0</v>
      </c>
      <c r="EG15" s="72">
        <v>0</v>
      </c>
      <c r="EH15" s="244"/>
      <c r="EI15" s="71">
        <v>0</v>
      </c>
      <c r="EJ15" s="71">
        <v>3</v>
      </c>
      <c r="EK15" s="71">
        <v>1</v>
      </c>
      <c r="EL15" s="71">
        <v>0</v>
      </c>
      <c r="EM15" s="71">
        <v>0</v>
      </c>
      <c r="EN15" s="72">
        <v>4</v>
      </c>
      <c r="EO15" s="73">
        <v>4</v>
      </c>
      <c r="EP15" s="70">
        <v>7</v>
      </c>
      <c r="EQ15" s="71">
        <v>1</v>
      </c>
      <c r="ER15" s="72">
        <v>8</v>
      </c>
      <c r="ES15" s="244"/>
      <c r="ET15" s="71">
        <v>1</v>
      </c>
      <c r="EU15" s="71">
        <v>1</v>
      </c>
      <c r="EV15" s="71">
        <v>0</v>
      </c>
      <c r="EW15" s="71">
        <v>0</v>
      </c>
      <c r="EX15" s="71">
        <v>1</v>
      </c>
      <c r="EY15" s="72">
        <v>3</v>
      </c>
      <c r="EZ15" s="73">
        <v>11</v>
      </c>
      <c r="FA15" s="70">
        <v>2</v>
      </c>
      <c r="FB15" s="71">
        <v>9</v>
      </c>
      <c r="FC15" s="72">
        <v>11</v>
      </c>
      <c r="FD15" s="244"/>
      <c r="FE15" s="71">
        <v>5</v>
      </c>
      <c r="FF15" s="71">
        <v>7</v>
      </c>
      <c r="FG15" s="71">
        <v>2</v>
      </c>
      <c r="FH15" s="71">
        <v>5</v>
      </c>
      <c r="FI15" s="71">
        <v>4</v>
      </c>
      <c r="FJ15" s="72">
        <v>23</v>
      </c>
      <c r="FK15" s="73">
        <v>34</v>
      </c>
      <c r="FL15" s="70">
        <v>5</v>
      </c>
      <c r="FM15" s="71">
        <v>2</v>
      </c>
      <c r="FN15" s="72">
        <v>7</v>
      </c>
      <c r="FO15" s="244"/>
      <c r="FP15" s="71">
        <v>4</v>
      </c>
      <c r="FQ15" s="71">
        <v>4</v>
      </c>
      <c r="FR15" s="71">
        <v>10</v>
      </c>
      <c r="FS15" s="71">
        <v>10</v>
      </c>
      <c r="FT15" s="71">
        <v>2</v>
      </c>
      <c r="FU15" s="72">
        <v>30</v>
      </c>
      <c r="FV15" s="73">
        <v>37</v>
      </c>
      <c r="FW15" s="70">
        <v>0</v>
      </c>
      <c r="FX15" s="71">
        <v>0</v>
      </c>
      <c r="FY15" s="72">
        <v>0</v>
      </c>
      <c r="FZ15" s="244"/>
      <c r="GA15" s="71">
        <v>0</v>
      </c>
      <c r="GB15" s="71">
        <v>0</v>
      </c>
      <c r="GC15" s="71">
        <v>0</v>
      </c>
      <c r="GD15" s="71">
        <v>0</v>
      </c>
      <c r="GE15" s="71">
        <v>0</v>
      </c>
      <c r="GF15" s="72">
        <v>0</v>
      </c>
      <c r="GG15" s="73">
        <v>0</v>
      </c>
      <c r="GH15" s="70">
        <v>14</v>
      </c>
      <c r="GI15" s="71">
        <v>16</v>
      </c>
      <c r="GJ15" s="72">
        <v>30</v>
      </c>
      <c r="GK15" s="244"/>
      <c r="GL15" s="71">
        <v>11</v>
      </c>
      <c r="GM15" s="71">
        <v>16</v>
      </c>
      <c r="GN15" s="71">
        <v>13</v>
      </c>
      <c r="GO15" s="71">
        <v>16</v>
      </c>
      <c r="GP15" s="71">
        <v>7</v>
      </c>
      <c r="GQ15" s="72">
        <v>63</v>
      </c>
      <c r="GR15" s="73">
        <v>93</v>
      </c>
      <c r="GS15" s="123">
        <v>102</v>
      </c>
      <c r="GT15" s="82">
        <v>74</v>
      </c>
      <c r="GU15" s="83">
        <v>176</v>
      </c>
      <c r="GV15" s="241"/>
      <c r="GW15" s="82">
        <v>143</v>
      </c>
      <c r="GX15" s="82">
        <v>96</v>
      </c>
      <c r="GY15" s="82">
        <v>76</v>
      </c>
      <c r="GZ15" s="82">
        <v>75</v>
      </c>
      <c r="HA15" s="82">
        <v>30</v>
      </c>
      <c r="HB15" s="84">
        <v>420</v>
      </c>
      <c r="HC15" s="85">
        <v>596</v>
      </c>
      <c r="HD15" s="70">
        <v>4</v>
      </c>
      <c r="HE15" s="71">
        <v>2</v>
      </c>
      <c r="HF15" s="72">
        <v>6</v>
      </c>
      <c r="HG15" s="244"/>
      <c r="HH15" s="71">
        <v>5</v>
      </c>
      <c r="HI15" s="71">
        <v>1</v>
      </c>
      <c r="HJ15" s="71">
        <v>1</v>
      </c>
      <c r="HK15" s="71">
        <v>1</v>
      </c>
      <c r="HL15" s="71">
        <v>0</v>
      </c>
      <c r="HM15" s="72">
        <v>8</v>
      </c>
      <c r="HN15" s="73">
        <v>14</v>
      </c>
      <c r="HO15" s="70">
        <v>9</v>
      </c>
      <c r="HP15" s="71">
        <v>9</v>
      </c>
      <c r="HQ15" s="72">
        <v>18</v>
      </c>
      <c r="HR15" s="244"/>
      <c r="HS15" s="71">
        <v>9</v>
      </c>
      <c r="HT15" s="71">
        <v>3</v>
      </c>
      <c r="HU15" s="71">
        <v>5</v>
      </c>
      <c r="HV15" s="71">
        <v>5</v>
      </c>
      <c r="HW15" s="71">
        <v>3</v>
      </c>
      <c r="HX15" s="72">
        <v>25</v>
      </c>
      <c r="HY15" s="73">
        <v>43</v>
      </c>
      <c r="HZ15" s="70">
        <v>2</v>
      </c>
      <c r="IA15" s="71">
        <v>2</v>
      </c>
      <c r="IB15" s="72">
        <v>4</v>
      </c>
      <c r="IC15" s="244"/>
      <c r="ID15" s="71">
        <v>9</v>
      </c>
      <c r="IE15" s="71">
        <v>9</v>
      </c>
      <c r="IF15" s="71">
        <v>8</v>
      </c>
      <c r="IG15" s="71">
        <v>4</v>
      </c>
      <c r="IH15" s="71">
        <v>0</v>
      </c>
      <c r="II15" s="72">
        <v>30</v>
      </c>
      <c r="IJ15" s="73">
        <v>34</v>
      </c>
      <c r="IK15" s="70">
        <v>22</v>
      </c>
      <c r="IL15" s="71">
        <v>14</v>
      </c>
      <c r="IM15" s="72">
        <v>36</v>
      </c>
      <c r="IN15" s="244"/>
      <c r="IO15" s="71">
        <v>25</v>
      </c>
      <c r="IP15" s="71">
        <v>20</v>
      </c>
      <c r="IQ15" s="71">
        <v>5</v>
      </c>
      <c r="IR15" s="71">
        <v>10</v>
      </c>
      <c r="IS15" s="71">
        <v>8</v>
      </c>
      <c r="IT15" s="72">
        <v>68</v>
      </c>
      <c r="IU15" s="73">
        <v>104</v>
      </c>
      <c r="IV15" s="70">
        <v>35</v>
      </c>
      <c r="IW15" s="71">
        <v>28</v>
      </c>
      <c r="IX15" s="72">
        <v>63</v>
      </c>
      <c r="IY15" s="244"/>
      <c r="IZ15" s="71">
        <v>41</v>
      </c>
      <c r="JA15" s="71">
        <v>30</v>
      </c>
      <c r="JB15" s="71">
        <v>20</v>
      </c>
      <c r="JC15" s="71">
        <v>26</v>
      </c>
      <c r="JD15" s="71">
        <v>12</v>
      </c>
      <c r="JE15" s="72">
        <v>129</v>
      </c>
      <c r="JF15" s="73">
        <v>192</v>
      </c>
      <c r="JG15" s="70">
        <v>30</v>
      </c>
      <c r="JH15" s="71">
        <v>19</v>
      </c>
      <c r="JI15" s="72">
        <v>49</v>
      </c>
      <c r="JJ15" s="244"/>
      <c r="JK15" s="71">
        <v>54</v>
      </c>
      <c r="JL15" s="71">
        <v>33</v>
      </c>
      <c r="JM15" s="71">
        <v>37</v>
      </c>
      <c r="JN15" s="71">
        <v>29</v>
      </c>
      <c r="JO15" s="71">
        <v>7</v>
      </c>
      <c r="JP15" s="72">
        <v>160</v>
      </c>
      <c r="JQ15" s="73">
        <v>209</v>
      </c>
      <c r="JR15" s="70">
        <v>0</v>
      </c>
      <c r="JS15" s="71">
        <v>0</v>
      </c>
      <c r="JT15" s="72">
        <v>0</v>
      </c>
      <c r="JU15" s="244"/>
      <c r="JV15" s="71">
        <v>0</v>
      </c>
      <c r="JW15" s="71">
        <v>0</v>
      </c>
      <c r="JX15" s="71">
        <v>0</v>
      </c>
      <c r="JY15" s="71">
        <v>0</v>
      </c>
      <c r="JZ15" s="71">
        <v>0</v>
      </c>
      <c r="KA15" s="72">
        <v>0</v>
      </c>
      <c r="KB15" s="73">
        <v>0</v>
      </c>
      <c r="KC15" s="70">
        <v>102</v>
      </c>
      <c r="KD15" s="71">
        <v>74</v>
      </c>
      <c r="KE15" s="72">
        <v>176</v>
      </c>
      <c r="KF15" s="244"/>
      <c r="KG15" s="71">
        <v>143</v>
      </c>
      <c r="KH15" s="71">
        <v>96</v>
      </c>
      <c r="KI15" s="71">
        <v>76</v>
      </c>
      <c r="KJ15" s="71">
        <v>75</v>
      </c>
      <c r="KK15" s="71">
        <v>30</v>
      </c>
      <c r="KL15" s="72">
        <v>420</v>
      </c>
      <c r="KM15" s="73">
        <v>596</v>
      </c>
    </row>
    <row r="16" spans="2:299" ht="21" customHeight="1" x14ac:dyDescent="0.2">
      <c r="B16" s="126" t="s">
        <v>12</v>
      </c>
      <c r="C16" s="315">
        <v>158</v>
      </c>
      <c r="D16" s="82">
        <v>125</v>
      </c>
      <c r="E16" s="83">
        <v>283</v>
      </c>
      <c r="F16" s="241"/>
      <c r="G16" s="82">
        <v>159</v>
      </c>
      <c r="H16" s="82">
        <v>124</v>
      </c>
      <c r="I16" s="82">
        <v>101</v>
      </c>
      <c r="J16" s="82">
        <v>87</v>
      </c>
      <c r="K16" s="82">
        <v>45</v>
      </c>
      <c r="L16" s="84">
        <v>516</v>
      </c>
      <c r="M16" s="85">
        <v>799</v>
      </c>
      <c r="N16" s="86">
        <v>4</v>
      </c>
      <c r="O16" s="71">
        <v>3</v>
      </c>
      <c r="P16" s="72">
        <v>7</v>
      </c>
      <c r="Q16" s="244"/>
      <c r="R16" s="71">
        <v>2</v>
      </c>
      <c r="S16" s="71">
        <v>1</v>
      </c>
      <c r="T16" s="71">
        <v>1</v>
      </c>
      <c r="U16" s="71">
        <v>1</v>
      </c>
      <c r="V16" s="71">
        <v>3</v>
      </c>
      <c r="W16" s="72">
        <v>8</v>
      </c>
      <c r="X16" s="73">
        <v>15</v>
      </c>
      <c r="Y16" s="70">
        <v>6</v>
      </c>
      <c r="Z16" s="71">
        <v>12</v>
      </c>
      <c r="AA16" s="72">
        <v>18</v>
      </c>
      <c r="AB16" s="244"/>
      <c r="AC16" s="71">
        <v>4</v>
      </c>
      <c r="AD16" s="71">
        <v>8</v>
      </c>
      <c r="AE16" s="71">
        <v>6</v>
      </c>
      <c r="AF16" s="71">
        <v>1</v>
      </c>
      <c r="AG16" s="71">
        <v>3</v>
      </c>
      <c r="AH16" s="72">
        <v>22</v>
      </c>
      <c r="AI16" s="73">
        <v>40</v>
      </c>
      <c r="AJ16" s="86">
        <v>15</v>
      </c>
      <c r="AK16" s="71">
        <v>13</v>
      </c>
      <c r="AL16" s="72">
        <v>28</v>
      </c>
      <c r="AM16" s="244"/>
      <c r="AN16" s="71">
        <v>7</v>
      </c>
      <c r="AO16" s="71">
        <v>7</v>
      </c>
      <c r="AP16" s="71">
        <v>9</v>
      </c>
      <c r="AQ16" s="71">
        <v>4</v>
      </c>
      <c r="AR16" s="71">
        <v>5</v>
      </c>
      <c r="AS16" s="72">
        <v>32</v>
      </c>
      <c r="AT16" s="73">
        <v>60</v>
      </c>
      <c r="AU16" s="70">
        <v>29</v>
      </c>
      <c r="AV16" s="71">
        <v>18</v>
      </c>
      <c r="AW16" s="72">
        <v>47</v>
      </c>
      <c r="AX16" s="244"/>
      <c r="AY16" s="71">
        <v>32</v>
      </c>
      <c r="AZ16" s="71">
        <v>28</v>
      </c>
      <c r="BA16" s="71">
        <v>15</v>
      </c>
      <c r="BB16" s="71">
        <v>15</v>
      </c>
      <c r="BC16" s="71">
        <v>14</v>
      </c>
      <c r="BD16" s="72">
        <v>104</v>
      </c>
      <c r="BE16" s="73">
        <v>151</v>
      </c>
      <c r="BF16" s="86">
        <v>57</v>
      </c>
      <c r="BG16" s="71">
        <v>31</v>
      </c>
      <c r="BH16" s="72">
        <v>88</v>
      </c>
      <c r="BI16" s="244"/>
      <c r="BJ16" s="71">
        <v>58</v>
      </c>
      <c r="BK16" s="71">
        <v>33</v>
      </c>
      <c r="BL16" s="71">
        <v>32</v>
      </c>
      <c r="BM16" s="71">
        <v>26</v>
      </c>
      <c r="BN16" s="71">
        <v>12</v>
      </c>
      <c r="BO16" s="72">
        <v>161</v>
      </c>
      <c r="BP16" s="73">
        <v>249</v>
      </c>
      <c r="BQ16" s="70">
        <v>47</v>
      </c>
      <c r="BR16" s="71">
        <v>48</v>
      </c>
      <c r="BS16" s="72">
        <v>95</v>
      </c>
      <c r="BT16" s="244"/>
      <c r="BU16" s="71">
        <v>56</v>
      </c>
      <c r="BV16" s="71">
        <v>47</v>
      </c>
      <c r="BW16" s="71">
        <v>38</v>
      </c>
      <c r="BX16" s="71">
        <v>40</v>
      </c>
      <c r="BY16" s="71">
        <v>8</v>
      </c>
      <c r="BZ16" s="72">
        <v>189</v>
      </c>
      <c r="CA16" s="73">
        <v>284</v>
      </c>
      <c r="CB16" s="70">
        <v>0</v>
      </c>
      <c r="CC16" s="71">
        <v>0</v>
      </c>
      <c r="CD16" s="72">
        <v>0</v>
      </c>
      <c r="CE16" s="244"/>
      <c r="CF16" s="71">
        <v>0</v>
      </c>
      <c r="CG16" s="71">
        <v>0</v>
      </c>
      <c r="CH16" s="71">
        <v>0</v>
      </c>
      <c r="CI16" s="71">
        <v>0</v>
      </c>
      <c r="CJ16" s="71">
        <v>0</v>
      </c>
      <c r="CK16" s="72">
        <v>0</v>
      </c>
      <c r="CL16" s="73">
        <v>0</v>
      </c>
      <c r="CM16" s="70">
        <v>158</v>
      </c>
      <c r="CN16" s="71">
        <v>125</v>
      </c>
      <c r="CO16" s="72">
        <v>283</v>
      </c>
      <c r="CP16" s="244"/>
      <c r="CQ16" s="71">
        <v>159</v>
      </c>
      <c r="CR16" s="71">
        <v>124</v>
      </c>
      <c r="CS16" s="71">
        <v>101</v>
      </c>
      <c r="CT16" s="71">
        <v>87</v>
      </c>
      <c r="CU16" s="71">
        <v>45</v>
      </c>
      <c r="CV16" s="72">
        <v>516</v>
      </c>
      <c r="CW16" s="73">
        <v>799</v>
      </c>
      <c r="CX16" s="123">
        <v>13</v>
      </c>
      <c r="CY16" s="82">
        <v>20</v>
      </c>
      <c r="CZ16" s="83">
        <v>33</v>
      </c>
      <c r="DA16" s="241"/>
      <c r="DB16" s="82">
        <v>23</v>
      </c>
      <c r="DC16" s="82">
        <v>5</v>
      </c>
      <c r="DD16" s="82">
        <v>13</v>
      </c>
      <c r="DE16" s="82">
        <v>16</v>
      </c>
      <c r="DF16" s="82">
        <v>8</v>
      </c>
      <c r="DG16" s="84">
        <v>65</v>
      </c>
      <c r="DH16" s="85">
        <v>98</v>
      </c>
      <c r="DI16" s="86">
        <v>0</v>
      </c>
      <c r="DJ16" s="71">
        <v>0</v>
      </c>
      <c r="DK16" s="72">
        <v>0</v>
      </c>
      <c r="DL16" s="244"/>
      <c r="DM16" s="71">
        <v>1</v>
      </c>
      <c r="DN16" s="71">
        <v>0</v>
      </c>
      <c r="DO16" s="71">
        <v>0</v>
      </c>
      <c r="DP16" s="71">
        <v>0</v>
      </c>
      <c r="DQ16" s="71">
        <v>0</v>
      </c>
      <c r="DR16" s="72">
        <v>1</v>
      </c>
      <c r="DS16" s="73">
        <v>1</v>
      </c>
      <c r="DT16" s="70">
        <v>0</v>
      </c>
      <c r="DU16" s="71">
        <v>1</v>
      </c>
      <c r="DV16" s="72">
        <v>1</v>
      </c>
      <c r="DW16" s="244"/>
      <c r="DX16" s="71">
        <v>2</v>
      </c>
      <c r="DY16" s="71">
        <v>0</v>
      </c>
      <c r="DZ16" s="71">
        <v>1</v>
      </c>
      <c r="EA16" s="71">
        <v>0</v>
      </c>
      <c r="EB16" s="71">
        <v>1</v>
      </c>
      <c r="EC16" s="72">
        <v>4</v>
      </c>
      <c r="ED16" s="73">
        <v>5</v>
      </c>
      <c r="EE16" s="86">
        <v>3</v>
      </c>
      <c r="EF16" s="71">
        <v>2</v>
      </c>
      <c r="EG16" s="72">
        <v>5</v>
      </c>
      <c r="EH16" s="244"/>
      <c r="EI16" s="71">
        <v>2</v>
      </c>
      <c r="EJ16" s="71">
        <v>0</v>
      </c>
      <c r="EK16" s="71">
        <v>1</v>
      </c>
      <c r="EL16" s="71">
        <v>0</v>
      </c>
      <c r="EM16" s="71">
        <v>0</v>
      </c>
      <c r="EN16" s="72">
        <v>3</v>
      </c>
      <c r="EO16" s="73">
        <v>8</v>
      </c>
      <c r="EP16" s="70">
        <v>3</v>
      </c>
      <c r="EQ16" s="71">
        <v>4</v>
      </c>
      <c r="ER16" s="72">
        <v>7</v>
      </c>
      <c r="ES16" s="244"/>
      <c r="ET16" s="71">
        <v>1</v>
      </c>
      <c r="EU16" s="71">
        <v>1</v>
      </c>
      <c r="EV16" s="71">
        <v>0</v>
      </c>
      <c r="EW16" s="71">
        <v>2</v>
      </c>
      <c r="EX16" s="71">
        <v>0</v>
      </c>
      <c r="EY16" s="72">
        <v>4</v>
      </c>
      <c r="EZ16" s="73">
        <v>11</v>
      </c>
      <c r="FA16" s="86">
        <v>2</v>
      </c>
      <c r="FB16" s="71">
        <v>10</v>
      </c>
      <c r="FC16" s="72">
        <v>12</v>
      </c>
      <c r="FD16" s="244"/>
      <c r="FE16" s="71">
        <v>4</v>
      </c>
      <c r="FF16" s="71">
        <v>1</v>
      </c>
      <c r="FG16" s="71">
        <v>3</v>
      </c>
      <c r="FH16" s="71">
        <v>1</v>
      </c>
      <c r="FI16" s="71">
        <v>2</v>
      </c>
      <c r="FJ16" s="72">
        <v>11</v>
      </c>
      <c r="FK16" s="73">
        <v>23</v>
      </c>
      <c r="FL16" s="70">
        <v>5</v>
      </c>
      <c r="FM16" s="71">
        <v>3</v>
      </c>
      <c r="FN16" s="72">
        <v>8</v>
      </c>
      <c r="FO16" s="244"/>
      <c r="FP16" s="71">
        <v>13</v>
      </c>
      <c r="FQ16" s="71">
        <v>3</v>
      </c>
      <c r="FR16" s="71">
        <v>8</v>
      </c>
      <c r="FS16" s="71">
        <v>13</v>
      </c>
      <c r="FT16" s="71">
        <v>5</v>
      </c>
      <c r="FU16" s="72">
        <v>42</v>
      </c>
      <c r="FV16" s="73">
        <v>50</v>
      </c>
      <c r="FW16" s="70">
        <v>0</v>
      </c>
      <c r="FX16" s="71">
        <v>0</v>
      </c>
      <c r="FY16" s="72">
        <v>0</v>
      </c>
      <c r="FZ16" s="244"/>
      <c r="GA16" s="71">
        <v>0</v>
      </c>
      <c r="GB16" s="71">
        <v>0</v>
      </c>
      <c r="GC16" s="71">
        <v>0</v>
      </c>
      <c r="GD16" s="71">
        <v>0</v>
      </c>
      <c r="GE16" s="71">
        <v>0</v>
      </c>
      <c r="GF16" s="72">
        <v>0</v>
      </c>
      <c r="GG16" s="73">
        <v>0</v>
      </c>
      <c r="GH16" s="70">
        <v>13</v>
      </c>
      <c r="GI16" s="71">
        <v>20</v>
      </c>
      <c r="GJ16" s="72">
        <v>33</v>
      </c>
      <c r="GK16" s="244"/>
      <c r="GL16" s="71">
        <v>23</v>
      </c>
      <c r="GM16" s="71">
        <v>5</v>
      </c>
      <c r="GN16" s="71">
        <v>13</v>
      </c>
      <c r="GO16" s="71">
        <v>16</v>
      </c>
      <c r="GP16" s="71">
        <v>8</v>
      </c>
      <c r="GQ16" s="72">
        <v>65</v>
      </c>
      <c r="GR16" s="73">
        <v>98</v>
      </c>
      <c r="GS16" s="123">
        <v>171</v>
      </c>
      <c r="GT16" s="82">
        <v>145</v>
      </c>
      <c r="GU16" s="83">
        <v>316</v>
      </c>
      <c r="GV16" s="241"/>
      <c r="GW16" s="82">
        <v>182</v>
      </c>
      <c r="GX16" s="82">
        <v>129</v>
      </c>
      <c r="GY16" s="82">
        <v>114</v>
      </c>
      <c r="GZ16" s="82">
        <v>103</v>
      </c>
      <c r="HA16" s="82">
        <v>53</v>
      </c>
      <c r="HB16" s="84">
        <v>581</v>
      </c>
      <c r="HC16" s="85">
        <v>897</v>
      </c>
      <c r="HD16" s="86">
        <v>4</v>
      </c>
      <c r="HE16" s="71">
        <v>3</v>
      </c>
      <c r="HF16" s="72">
        <v>7</v>
      </c>
      <c r="HG16" s="244"/>
      <c r="HH16" s="71">
        <v>3</v>
      </c>
      <c r="HI16" s="71">
        <v>1</v>
      </c>
      <c r="HJ16" s="71">
        <v>1</v>
      </c>
      <c r="HK16" s="71">
        <v>1</v>
      </c>
      <c r="HL16" s="71">
        <v>3</v>
      </c>
      <c r="HM16" s="72">
        <v>9</v>
      </c>
      <c r="HN16" s="73">
        <v>16</v>
      </c>
      <c r="HO16" s="70">
        <v>6</v>
      </c>
      <c r="HP16" s="71">
        <v>13</v>
      </c>
      <c r="HQ16" s="72">
        <v>19</v>
      </c>
      <c r="HR16" s="244"/>
      <c r="HS16" s="71">
        <v>6</v>
      </c>
      <c r="HT16" s="71">
        <v>8</v>
      </c>
      <c r="HU16" s="71">
        <v>7</v>
      </c>
      <c r="HV16" s="71">
        <v>1</v>
      </c>
      <c r="HW16" s="71">
        <v>4</v>
      </c>
      <c r="HX16" s="72">
        <v>26</v>
      </c>
      <c r="HY16" s="73">
        <v>45</v>
      </c>
      <c r="HZ16" s="86">
        <v>18</v>
      </c>
      <c r="IA16" s="71">
        <v>15</v>
      </c>
      <c r="IB16" s="72">
        <v>33</v>
      </c>
      <c r="IC16" s="244"/>
      <c r="ID16" s="71">
        <v>9</v>
      </c>
      <c r="IE16" s="71">
        <v>7</v>
      </c>
      <c r="IF16" s="71">
        <v>10</v>
      </c>
      <c r="IG16" s="71">
        <v>4</v>
      </c>
      <c r="IH16" s="71">
        <v>5</v>
      </c>
      <c r="II16" s="72">
        <v>35</v>
      </c>
      <c r="IJ16" s="73">
        <v>68</v>
      </c>
      <c r="IK16" s="70">
        <v>32</v>
      </c>
      <c r="IL16" s="71">
        <v>22</v>
      </c>
      <c r="IM16" s="72">
        <v>54</v>
      </c>
      <c r="IN16" s="244"/>
      <c r="IO16" s="71">
        <v>33</v>
      </c>
      <c r="IP16" s="71">
        <v>29</v>
      </c>
      <c r="IQ16" s="71">
        <v>15</v>
      </c>
      <c r="IR16" s="71">
        <v>17</v>
      </c>
      <c r="IS16" s="71">
        <v>14</v>
      </c>
      <c r="IT16" s="72">
        <v>108</v>
      </c>
      <c r="IU16" s="73">
        <v>162</v>
      </c>
      <c r="IV16" s="86">
        <v>59</v>
      </c>
      <c r="IW16" s="71">
        <v>41</v>
      </c>
      <c r="IX16" s="72">
        <v>100</v>
      </c>
      <c r="IY16" s="244"/>
      <c r="IZ16" s="71">
        <v>62</v>
      </c>
      <c r="JA16" s="71">
        <v>34</v>
      </c>
      <c r="JB16" s="71">
        <v>35</v>
      </c>
      <c r="JC16" s="71">
        <v>27</v>
      </c>
      <c r="JD16" s="71">
        <v>14</v>
      </c>
      <c r="JE16" s="72">
        <v>172</v>
      </c>
      <c r="JF16" s="73">
        <v>272</v>
      </c>
      <c r="JG16" s="70">
        <v>52</v>
      </c>
      <c r="JH16" s="71">
        <v>51</v>
      </c>
      <c r="JI16" s="72">
        <v>103</v>
      </c>
      <c r="JJ16" s="244"/>
      <c r="JK16" s="71">
        <v>69</v>
      </c>
      <c r="JL16" s="71">
        <v>50</v>
      </c>
      <c r="JM16" s="71">
        <v>46</v>
      </c>
      <c r="JN16" s="71">
        <v>53</v>
      </c>
      <c r="JO16" s="71">
        <v>13</v>
      </c>
      <c r="JP16" s="72">
        <v>231</v>
      </c>
      <c r="JQ16" s="73">
        <v>334</v>
      </c>
      <c r="JR16" s="70">
        <v>0</v>
      </c>
      <c r="JS16" s="71">
        <v>0</v>
      </c>
      <c r="JT16" s="72">
        <v>0</v>
      </c>
      <c r="JU16" s="244"/>
      <c r="JV16" s="71">
        <v>0</v>
      </c>
      <c r="JW16" s="71">
        <v>0</v>
      </c>
      <c r="JX16" s="71">
        <v>0</v>
      </c>
      <c r="JY16" s="71">
        <v>0</v>
      </c>
      <c r="JZ16" s="71">
        <v>0</v>
      </c>
      <c r="KA16" s="72">
        <v>0</v>
      </c>
      <c r="KB16" s="73">
        <v>0</v>
      </c>
      <c r="KC16" s="70">
        <v>171</v>
      </c>
      <c r="KD16" s="71">
        <v>145</v>
      </c>
      <c r="KE16" s="72">
        <v>316</v>
      </c>
      <c r="KF16" s="244"/>
      <c r="KG16" s="71">
        <v>182</v>
      </c>
      <c r="KH16" s="71">
        <v>129</v>
      </c>
      <c r="KI16" s="71">
        <v>114</v>
      </c>
      <c r="KJ16" s="71">
        <v>103</v>
      </c>
      <c r="KK16" s="71">
        <v>53</v>
      </c>
      <c r="KL16" s="72">
        <v>581</v>
      </c>
      <c r="KM16" s="73">
        <v>897</v>
      </c>
    </row>
    <row r="17" spans="2:299" ht="21" customHeight="1" x14ac:dyDescent="0.2">
      <c r="B17" s="126" t="s">
        <v>13</v>
      </c>
      <c r="C17" s="315">
        <v>41</v>
      </c>
      <c r="D17" s="82">
        <v>55</v>
      </c>
      <c r="E17" s="83">
        <v>96</v>
      </c>
      <c r="F17" s="241"/>
      <c r="G17" s="82">
        <v>86</v>
      </c>
      <c r="H17" s="82">
        <v>71</v>
      </c>
      <c r="I17" s="82">
        <v>40</v>
      </c>
      <c r="J17" s="82">
        <v>42</v>
      </c>
      <c r="K17" s="82">
        <v>27</v>
      </c>
      <c r="L17" s="84">
        <v>266</v>
      </c>
      <c r="M17" s="85">
        <v>362</v>
      </c>
      <c r="N17" s="70">
        <v>0</v>
      </c>
      <c r="O17" s="71">
        <v>0</v>
      </c>
      <c r="P17" s="72">
        <v>0</v>
      </c>
      <c r="Q17" s="244"/>
      <c r="R17" s="71">
        <v>2</v>
      </c>
      <c r="S17" s="71">
        <v>0</v>
      </c>
      <c r="T17" s="71">
        <v>0</v>
      </c>
      <c r="U17" s="71">
        <v>0</v>
      </c>
      <c r="V17" s="71">
        <v>0</v>
      </c>
      <c r="W17" s="72">
        <v>2</v>
      </c>
      <c r="X17" s="73">
        <v>2</v>
      </c>
      <c r="Y17" s="70">
        <v>3</v>
      </c>
      <c r="Z17" s="71">
        <v>0</v>
      </c>
      <c r="AA17" s="72">
        <v>3</v>
      </c>
      <c r="AB17" s="244"/>
      <c r="AC17" s="71">
        <v>3</v>
      </c>
      <c r="AD17" s="71">
        <v>2</v>
      </c>
      <c r="AE17" s="71">
        <v>0</v>
      </c>
      <c r="AF17" s="71">
        <v>0</v>
      </c>
      <c r="AG17" s="71">
        <v>3</v>
      </c>
      <c r="AH17" s="72">
        <v>8</v>
      </c>
      <c r="AI17" s="73">
        <v>11</v>
      </c>
      <c r="AJ17" s="70">
        <v>6</v>
      </c>
      <c r="AK17" s="71">
        <v>3</v>
      </c>
      <c r="AL17" s="72">
        <v>9</v>
      </c>
      <c r="AM17" s="244"/>
      <c r="AN17" s="71">
        <v>3</v>
      </c>
      <c r="AO17" s="71">
        <v>7</v>
      </c>
      <c r="AP17" s="71">
        <v>4</v>
      </c>
      <c r="AQ17" s="71">
        <v>2</v>
      </c>
      <c r="AR17" s="71">
        <v>3</v>
      </c>
      <c r="AS17" s="72">
        <v>19</v>
      </c>
      <c r="AT17" s="73">
        <v>28</v>
      </c>
      <c r="AU17" s="70">
        <v>2</v>
      </c>
      <c r="AV17" s="71">
        <v>17</v>
      </c>
      <c r="AW17" s="72">
        <v>19</v>
      </c>
      <c r="AX17" s="244"/>
      <c r="AY17" s="71">
        <v>15</v>
      </c>
      <c r="AZ17" s="71">
        <v>8</v>
      </c>
      <c r="BA17" s="71">
        <v>8</v>
      </c>
      <c r="BB17" s="71">
        <v>5</v>
      </c>
      <c r="BC17" s="71">
        <v>7</v>
      </c>
      <c r="BD17" s="72">
        <v>43</v>
      </c>
      <c r="BE17" s="73">
        <v>62</v>
      </c>
      <c r="BF17" s="70">
        <v>18</v>
      </c>
      <c r="BG17" s="71">
        <v>22</v>
      </c>
      <c r="BH17" s="72">
        <v>40</v>
      </c>
      <c r="BI17" s="244"/>
      <c r="BJ17" s="71">
        <v>34</v>
      </c>
      <c r="BK17" s="71">
        <v>23</v>
      </c>
      <c r="BL17" s="71">
        <v>14</v>
      </c>
      <c r="BM17" s="71">
        <v>20</v>
      </c>
      <c r="BN17" s="71">
        <v>4</v>
      </c>
      <c r="BO17" s="72">
        <v>95</v>
      </c>
      <c r="BP17" s="73">
        <v>135</v>
      </c>
      <c r="BQ17" s="70">
        <v>12</v>
      </c>
      <c r="BR17" s="71">
        <v>13</v>
      </c>
      <c r="BS17" s="72">
        <v>25</v>
      </c>
      <c r="BT17" s="244"/>
      <c r="BU17" s="71">
        <v>29</v>
      </c>
      <c r="BV17" s="71">
        <v>31</v>
      </c>
      <c r="BW17" s="71">
        <v>14</v>
      </c>
      <c r="BX17" s="71">
        <v>15</v>
      </c>
      <c r="BY17" s="71">
        <v>10</v>
      </c>
      <c r="BZ17" s="72">
        <v>99</v>
      </c>
      <c r="CA17" s="73">
        <v>124</v>
      </c>
      <c r="CB17" s="70">
        <v>0</v>
      </c>
      <c r="CC17" s="71">
        <v>0</v>
      </c>
      <c r="CD17" s="72">
        <v>0</v>
      </c>
      <c r="CE17" s="244"/>
      <c r="CF17" s="71">
        <v>0</v>
      </c>
      <c r="CG17" s="71">
        <v>0</v>
      </c>
      <c r="CH17" s="71">
        <v>0</v>
      </c>
      <c r="CI17" s="71">
        <v>0</v>
      </c>
      <c r="CJ17" s="71">
        <v>0</v>
      </c>
      <c r="CK17" s="72">
        <v>0</v>
      </c>
      <c r="CL17" s="73">
        <v>0</v>
      </c>
      <c r="CM17" s="70">
        <v>41</v>
      </c>
      <c r="CN17" s="71">
        <v>55</v>
      </c>
      <c r="CO17" s="72">
        <v>96</v>
      </c>
      <c r="CP17" s="244"/>
      <c r="CQ17" s="71">
        <v>86</v>
      </c>
      <c r="CR17" s="71">
        <v>71</v>
      </c>
      <c r="CS17" s="71">
        <v>40</v>
      </c>
      <c r="CT17" s="71">
        <v>42</v>
      </c>
      <c r="CU17" s="71">
        <v>27</v>
      </c>
      <c r="CV17" s="72">
        <v>266</v>
      </c>
      <c r="CW17" s="73">
        <v>362</v>
      </c>
      <c r="CX17" s="123">
        <v>8</v>
      </c>
      <c r="CY17" s="82">
        <v>5</v>
      </c>
      <c r="CZ17" s="83">
        <v>13</v>
      </c>
      <c r="DA17" s="241"/>
      <c r="DB17" s="82">
        <v>10</v>
      </c>
      <c r="DC17" s="82">
        <v>5</v>
      </c>
      <c r="DD17" s="82">
        <v>5</v>
      </c>
      <c r="DE17" s="82">
        <v>8</v>
      </c>
      <c r="DF17" s="82">
        <v>3</v>
      </c>
      <c r="DG17" s="84">
        <v>31</v>
      </c>
      <c r="DH17" s="85">
        <v>44</v>
      </c>
      <c r="DI17" s="70">
        <v>0</v>
      </c>
      <c r="DJ17" s="71">
        <v>0</v>
      </c>
      <c r="DK17" s="72">
        <v>0</v>
      </c>
      <c r="DL17" s="244"/>
      <c r="DM17" s="71">
        <v>0</v>
      </c>
      <c r="DN17" s="71">
        <v>0</v>
      </c>
      <c r="DO17" s="71">
        <v>0</v>
      </c>
      <c r="DP17" s="71">
        <v>1</v>
      </c>
      <c r="DQ17" s="71">
        <v>0</v>
      </c>
      <c r="DR17" s="72">
        <v>1</v>
      </c>
      <c r="DS17" s="73">
        <v>1</v>
      </c>
      <c r="DT17" s="70">
        <v>0</v>
      </c>
      <c r="DU17" s="71">
        <v>0</v>
      </c>
      <c r="DV17" s="72">
        <v>0</v>
      </c>
      <c r="DW17" s="244"/>
      <c r="DX17" s="71">
        <v>0</v>
      </c>
      <c r="DY17" s="71">
        <v>0</v>
      </c>
      <c r="DZ17" s="71">
        <v>0</v>
      </c>
      <c r="EA17" s="71">
        <v>0</v>
      </c>
      <c r="EB17" s="71">
        <v>0</v>
      </c>
      <c r="EC17" s="72">
        <v>0</v>
      </c>
      <c r="ED17" s="73">
        <v>0</v>
      </c>
      <c r="EE17" s="70">
        <v>1</v>
      </c>
      <c r="EF17" s="71">
        <v>0</v>
      </c>
      <c r="EG17" s="72">
        <v>1</v>
      </c>
      <c r="EH17" s="244"/>
      <c r="EI17" s="71">
        <v>1</v>
      </c>
      <c r="EJ17" s="71">
        <v>0</v>
      </c>
      <c r="EK17" s="71">
        <v>1</v>
      </c>
      <c r="EL17" s="71">
        <v>0</v>
      </c>
      <c r="EM17" s="71">
        <v>0</v>
      </c>
      <c r="EN17" s="72">
        <v>2</v>
      </c>
      <c r="EO17" s="73">
        <v>3</v>
      </c>
      <c r="EP17" s="70">
        <v>1</v>
      </c>
      <c r="EQ17" s="71">
        <v>1</v>
      </c>
      <c r="ER17" s="72">
        <v>2</v>
      </c>
      <c r="ES17" s="244"/>
      <c r="ET17" s="71">
        <v>3</v>
      </c>
      <c r="EU17" s="71">
        <v>1</v>
      </c>
      <c r="EV17" s="71">
        <v>0</v>
      </c>
      <c r="EW17" s="71">
        <v>0</v>
      </c>
      <c r="EX17" s="71">
        <v>0</v>
      </c>
      <c r="EY17" s="72">
        <v>4</v>
      </c>
      <c r="EZ17" s="73">
        <v>6</v>
      </c>
      <c r="FA17" s="70">
        <v>3</v>
      </c>
      <c r="FB17" s="71">
        <v>0</v>
      </c>
      <c r="FC17" s="72">
        <v>3</v>
      </c>
      <c r="FD17" s="244"/>
      <c r="FE17" s="71">
        <v>3</v>
      </c>
      <c r="FF17" s="71">
        <v>1</v>
      </c>
      <c r="FG17" s="71">
        <v>2</v>
      </c>
      <c r="FH17" s="71">
        <v>1</v>
      </c>
      <c r="FI17" s="71">
        <v>1</v>
      </c>
      <c r="FJ17" s="72">
        <v>8</v>
      </c>
      <c r="FK17" s="73">
        <v>11</v>
      </c>
      <c r="FL17" s="70">
        <v>3</v>
      </c>
      <c r="FM17" s="71">
        <v>4</v>
      </c>
      <c r="FN17" s="72">
        <v>7</v>
      </c>
      <c r="FO17" s="244"/>
      <c r="FP17" s="71">
        <v>3</v>
      </c>
      <c r="FQ17" s="71">
        <v>3</v>
      </c>
      <c r="FR17" s="71">
        <v>2</v>
      </c>
      <c r="FS17" s="71">
        <v>6</v>
      </c>
      <c r="FT17" s="71">
        <v>2</v>
      </c>
      <c r="FU17" s="72">
        <v>16</v>
      </c>
      <c r="FV17" s="73">
        <v>23</v>
      </c>
      <c r="FW17" s="70">
        <v>0</v>
      </c>
      <c r="FX17" s="71">
        <v>0</v>
      </c>
      <c r="FY17" s="72">
        <v>0</v>
      </c>
      <c r="FZ17" s="244"/>
      <c r="GA17" s="71">
        <v>0</v>
      </c>
      <c r="GB17" s="71">
        <v>0</v>
      </c>
      <c r="GC17" s="71">
        <v>0</v>
      </c>
      <c r="GD17" s="71">
        <v>0</v>
      </c>
      <c r="GE17" s="71">
        <v>0</v>
      </c>
      <c r="GF17" s="72">
        <v>0</v>
      </c>
      <c r="GG17" s="73">
        <v>0</v>
      </c>
      <c r="GH17" s="70">
        <v>8</v>
      </c>
      <c r="GI17" s="71">
        <v>5</v>
      </c>
      <c r="GJ17" s="72">
        <v>13</v>
      </c>
      <c r="GK17" s="244"/>
      <c r="GL17" s="71">
        <v>10</v>
      </c>
      <c r="GM17" s="71">
        <v>5</v>
      </c>
      <c r="GN17" s="71">
        <v>5</v>
      </c>
      <c r="GO17" s="71">
        <v>8</v>
      </c>
      <c r="GP17" s="71">
        <v>3</v>
      </c>
      <c r="GQ17" s="72">
        <v>31</v>
      </c>
      <c r="GR17" s="73">
        <v>44</v>
      </c>
      <c r="GS17" s="123">
        <v>49</v>
      </c>
      <c r="GT17" s="82">
        <v>60</v>
      </c>
      <c r="GU17" s="83">
        <v>109</v>
      </c>
      <c r="GV17" s="241"/>
      <c r="GW17" s="82">
        <v>96</v>
      </c>
      <c r="GX17" s="82">
        <v>76</v>
      </c>
      <c r="GY17" s="82">
        <v>45</v>
      </c>
      <c r="GZ17" s="82">
        <v>50</v>
      </c>
      <c r="HA17" s="82">
        <v>30</v>
      </c>
      <c r="HB17" s="84">
        <v>297</v>
      </c>
      <c r="HC17" s="85">
        <v>406</v>
      </c>
      <c r="HD17" s="70">
        <v>0</v>
      </c>
      <c r="HE17" s="71">
        <v>0</v>
      </c>
      <c r="HF17" s="72">
        <v>0</v>
      </c>
      <c r="HG17" s="244"/>
      <c r="HH17" s="71">
        <v>2</v>
      </c>
      <c r="HI17" s="71">
        <v>0</v>
      </c>
      <c r="HJ17" s="71">
        <v>0</v>
      </c>
      <c r="HK17" s="71">
        <v>1</v>
      </c>
      <c r="HL17" s="71">
        <v>0</v>
      </c>
      <c r="HM17" s="72">
        <v>3</v>
      </c>
      <c r="HN17" s="73">
        <v>3</v>
      </c>
      <c r="HO17" s="70">
        <v>3</v>
      </c>
      <c r="HP17" s="71">
        <v>0</v>
      </c>
      <c r="HQ17" s="72">
        <v>3</v>
      </c>
      <c r="HR17" s="244"/>
      <c r="HS17" s="71">
        <v>3</v>
      </c>
      <c r="HT17" s="71">
        <v>2</v>
      </c>
      <c r="HU17" s="71">
        <v>0</v>
      </c>
      <c r="HV17" s="71">
        <v>0</v>
      </c>
      <c r="HW17" s="71">
        <v>3</v>
      </c>
      <c r="HX17" s="72">
        <v>8</v>
      </c>
      <c r="HY17" s="73">
        <v>11</v>
      </c>
      <c r="HZ17" s="70">
        <v>7</v>
      </c>
      <c r="IA17" s="71">
        <v>3</v>
      </c>
      <c r="IB17" s="72">
        <v>10</v>
      </c>
      <c r="IC17" s="244"/>
      <c r="ID17" s="71">
        <v>4</v>
      </c>
      <c r="IE17" s="71">
        <v>7</v>
      </c>
      <c r="IF17" s="71">
        <v>5</v>
      </c>
      <c r="IG17" s="71">
        <v>2</v>
      </c>
      <c r="IH17" s="71">
        <v>3</v>
      </c>
      <c r="II17" s="72">
        <v>21</v>
      </c>
      <c r="IJ17" s="73">
        <v>31</v>
      </c>
      <c r="IK17" s="70">
        <v>3</v>
      </c>
      <c r="IL17" s="71">
        <v>18</v>
      </c>
      <c r="IM17" s="72">
        <v>21</v>
      </c>
      <c r="IN17" s="244"/>
      <c r="IO17" s="71">
        <v>18</v>
      </c>
      <c r="IP17" s="71">
        <v>9</v>
      </c>
      <c r="IQ17" s="71">
        <v>8</v>
      </c>
      <c r="IR17" s="71">
        <v>5</v>
      </c>
      <c r="IS17" s="71">
        <v>7</v>
      </c>
      <c r="IT17" s="72">
        <v>47</v>
      </c>
      <c r="IU17" s="73">
        <v>68</v>
      </c>
      <c r="IV17" s="70">
        <v>21</v>
      </c>
      <c r="IW17" s="71">
        <v>22</v>
      </c>
      <c r="IX17" s="72">
        <v>43</v>
      </c>
      <c r="IY17" s="244"/>
      <c r="IZ17" s="71">
        <v>37</v>
      </c>
      <c r="JA17" s="71">
        <v>24</v>
      </c>
      <c r="JB17" s="71">
        <v>16</v>
      </c>
      <c r="JC17" s="71">
        <v>21</v>
      </c>
      <c r="JD17" s="71">
        <v>5</v>
      </c>
      <c r="JE17" s="72">
        <v>103</v>
      </c>
      <c r="JF17" s="73">
        <v>146</v>
      </c>
      <c r="JG17" s="70">
        <v>15</v>
      </c>
      <c r="JH17" s="71">
        <v>17</v>
      </c>
      <c r="JI17" s="72">
        <v>32</v>
      </c>
      <c r="JJ17" s="244"/>
      <c r="JK17" s="71">
        <v>32</v>
      </c>
      <c r="JL17" s="71">
        <v>34</v>
      </c>
      <c r="JM17" s="71">
        <v>16</v>
      </c>
      <c r="JN17" s="71">
        <v>21</v>
      </c>
      <c r="JO17" s="71">
        <v>12</v>
      </c>
      <c r="JP17" s="72">
        <v>115</v>
      </c>
      <c r="JQ17" s="73">
        <v>147</v>
      </c>
      <c r="JR17" s="70">
        <v>0</v>
      </c>
      <c r="JS17" s="71">
        <v>0</v>
      </c>
      <c r="JT17" s="72">
        <v>0</v>
      </c>
      <c r="JU17" s="244"/>
      <c r="JV17" s="71">
        <v>0</v>
      </c>
      <c r="JW17" s="71">
        <v>0</v>
      </c>
      <c r="JX17" s="71">
        <v>0</v>
      </c>
      <c r="JY17" s="71">
        <v>0</v>
      </c>
      <c r="JZ17" s="71">
        <v>0</v>
      </c>
      <c r="KA17" s="72">
        <v>0</v>
      </c>
      <c r="KB17" s="73">
        <v>0</v>
      </c>
      <c r="KC17" s="70">
        <v>49</v>
      </c>
      <c r="KD17" s="71">
        <v>60</v>
      </c>
      <c r="KE17" s="72">
        <v>109</v>
      </c>
      <c r="KF17" s="244"/>
      <c r="KG17" s="71">
        <v>96</v>
      </c>
      <c r="KH17" s="71">
        <v>76</v>
      </c>
      <c r="KI17" s="71">
        <v>45</v>
      </c>
      <c r="KJ17" s="71">
        <v>50</v>
      </c>
      <c r="KK17" s="71">
        <v>30</v>
      </c>
      <c r="KL17" s="72">
        <v>297</v>
      </c>
      <c r="KM17" s="73">
        <v>406</v>
      </c>
    </row>
    <row r="18" spans="2:299" ht="21" customHeight="1" x14ac:dyDescent="0.2">
      <c r="B18" s="126" t="s">
        <v>15</v>
      </c>
      <c r="C18" s="315">
        <v>21</v>
      </c>
      <c r="D18" s="82">
        <v>26</v>
      </c>
      <c r="E18" s="83">
        <v>47</v>
      </c>
      <c r="F18" s="241"/>
      <c r="G18" s="82">
        <v>36</v>
      </c>
      <c r="H18" s="82">
        <v>25</v>
      </c>
      <c r="I18" s="82">
        <v>25</v>
      </c>
      <c r="J18" s="82">
        <v>22</v>
      </c>
      <c r="K18" s="82">
        <v>8</v>
      </c>
      <c r="L18" s="84">
        <v>116</v>
      </c>
      <c r="M18" s="85">
        <v>163</v>
      </c>
      <c r="N18" s="70">
        <v>1</v>
      </c>
      <c r="O18" s="71">
        <v>0</v>
      </c>
      <c r="P18" s="72">
        <v>1</v>
      </c>
      <c r="Q18" s="244"/>
      <c r="R18" s="71">
        <v>0</v>
      </c>
      <c r="S18" s="71">
        <v>1</v>
      </c>
      <c r="T18" s="71">
        <v>0</v>
      </c>
      <c r="U18" s="71">
        <v>1</v>
      </c>
      <c r="V18" s="71">
        <v>0</v>
      </c>
      <c r="W18" s="72">
        <v>2</v>
      </c>
      <c r="X18" s="73">
        <v>3</v>
      </c>
      <c r="Y18" s="70">
        <v>1</v>
      </c>
      <c r="Z18" s="71">
        <v>2</v>
      </c>
      <c r="AA18" s="72">
        <v>3</v>
      </c>
      <c r="AB18" s="244"/>
      <c r="AC18" s="71">
        <v>3</v>
      </c>
      <c r="AD18" s="71">
        <v>0</v>
      </c>
      <c r="AE18" s="71">
        <v>1</v>
      </c>
      <c r="AF18" s="71">
        <v>4</v>
      </c>
      <c r="AG18" s="71">
        <v>2</v>
      </c>
      <c r="AH18" s="72">
        <v>10</v>
      </c>
      <c r="AI18" s="73">
        <v>13</v>
      </c>
      <c r="AJ18" s="70">
        <v>4</v>
      </c>
      <c r="AK18" s="71">
        <v>2</v>
      </c>
      <c r="AL18" s="72">
        <v>6</v>
      </c>
      <c r="AM18" s="244"/>
      <c r="AN18" s="71">
        <v>4</v>
      </c>
      <c r="AO18" s="71">
        <v>3</v>
      </c>
      <c r="AP18" s="71">
        <v>1</v>
      </c>
      <c r="AQ18" s="71">
        <v>2</v>
      </c>
      <c r="AR18" s="71">
        <v>1</v>
      </c>
      <c r="AS18" s="72">
        <v>11</v>
      </c>
      <c r="AT18" s="73">
        <v>17</v>
      </c>
      <c r="AU18" s="70">
        <v>6</v>
      </c>
      <c r="AV18" s="71">
        <v>3</v>
      </c>
      <c r="AW18" s="72">
        <v>9</v>
      </c>
      <c r="AX18" s="244"/>
      <c r="AY18" s="71">
        <v>8</v>
      </c>
      <c r="AZ18" s="71">
        <v>6</v>
      </c>
      <c r="BA18" s="71">
        <v>3</v>
      </c>
      <c r="BB18" s="71">
        <v>4</v>
      </c>
      <c r="BC18" s="71">
        <v>2</v>
      </c>
      <c r="BD18" s="72">
        <v>23</v>
      </c>
      <c r="BE18" s="73">
        <v>32</v>
      </c>
      <c r="BF18" s="70">
        <v>5</v>
      </c>
      <c r="BG18" s="71">
        <v>11</v>
      </c>
      <c r="BH18" s="72">
        <v>16</v>
      </c>
      <c r="BI18" s="244"/>
      <c r="BJ18" s="71">
        <v>7</v>
      </c>
      <c r="BK18" s="71">
        <v>4</v>
      </c>
      <c r="BL18" s="71">
        <v>4</v>
      </c>
      <c r="BM18" s="71">
        <v>4</v>
      </c>
      <c r="BN18" s="71">
        <v>2</v>
      </c>
      <c r="BO18" s="72">
        <v>21</v>
      </c>
      <c r="BP18" s="73">
        <v>37</v>
      </c>
      <c r="BQ18" s="70">
        <v>4</v>
      </c>
      <c r="BR18" s="71">
        <v>8</v>
      </c>
      <c r="BS18" s="72">
        <v>12</v>
      </c>
      <c r="BT18" s="244"/>
      <c r="BU18" s="71">
        <v>14</v>
      </c>
      <c r="BV18" s="71">
        <v>11</v>
      </c>
      <c r="BW18" s="71">
        <v>16</v>
      </c>
      <c r="BX18" s="71">
        <v>7</v>
      </c>
      <c r="BY18" s="71">
        <v>1</v>
      </c>
      <c r="BZ18" s="72">
        <v>49</v>
      </c>
      <c r="CA18" s="73">
        <v>61</v>
      </c>
      <c r="CB18" s="70">
        <v>0</v>
      </c>
      <c r="CC18" s="71">
        <v>0</v>
      </c>
      <c r="CD18" s="72">
        <v>0</v>
      </c>
      <c r="CE18" s="244"/>
      <c r="CF18" s="71">
        <v>0</v>
      </c>
      <c r="CG18" s="71">
        <v>0</v>
      </c>
      <c r="CH18" s="71">
        <v>0</v>
      </c>
      <c r="CI18" s="71">
        <v>0</v>
      </c>
      <c r="CJ18" s="71">
        <v>0</v>
      </c>
      <c r="CK18" s="72">
        <v>0</v>
      </c>
      <c r="CL18" s="73">
        <v>0</v>
      </c>
      <c r="CM18" s="70">
        <v>21</v>
      </c>
      <c r="CN18" s="71">
        <v>26</v>
      </c>
      <c r="CO18" s="72">
        <v>47</v>
      </c>
      <c r="CP18" s="244"/>
      <c r="CQ18" s="71">
        <v>36</v>
      </c>
      <c r="CR18" s="71">
        <v>25</v>
      </c>
      <c r="CS18" s="71">
        <v>25</v>
      </c>
      <c r="CT18" s="71">
        <v>22</v>
      </c>
      <c r="CU18" s="71">
        <v>8</v>
      </c>
      <c r="CV18" s="72">
        <v>116</v>
      </c>
      <c r="CW18" s="73">
        <v>163</v>
      </c>
      <c r="CX18" s="123">
        <v>2</v>
      </c>
      <c r="CY18" s="82">
        <v>2</v>
      </c>
      <c r="CZ18" s="83">
        <v>4</v>
      </c>
      <c r="DA18" s="241"/>
      <c r="DB18" s="82">
        <v>2</v>
      </c>
      <c r="DC18" s="82">
        <v>9</v>
      </c>
      <c r="DD18" s="82">
        <v>1</v>
      </c>
      <c r="DE18" s="82">
        <v>2</v>
      </c>
      <c r="DF18" s="82">
        <v>2</v>
      </c>
      <c r="DG18" s="84">
        <v>16</v>
      </c>
      <c r="DH18" s="85">
        <v>20</v>
      </c>
      <c r="DI18" s="70">
        <v>0</v>
      </c>
      <c r="DJ18" s="71">
        <v>0</v>
      </c>
      <c r="DK18" s="72">
        <v>0</v>
      </c>
      <c r="DL18" s="244"/>
      <c r="DM18" s="71">
        <v>0</v>
      </c>
      <c r="DN18" s="71">
        <v>0</v>
      </c>
      <c r="DO18" s="71">
        <v>0</v>
      </c>
      <c r="DP18" s="71">
        <v>0</v>
      </c>
      <c r="DQ18" s="71">
        <v>0</v>
      </c>
      <c r="DR18" s="72">
        <v>0</v>
      </c>
      <c r="DS18" s="73">
        <v>0</v>
      </c>
      <c r="DT18" s="70">
        <v>0</v>
      </c>
      <c r="DU18" s="71">
        <v>0</v>
      </c>
      <c r="DV18" s="72">
        <v>0</v>
      </c>
      <c r="DW18" s="244"/>
      <c r="DX18" s="71">
        <v>0</v>
      </c>
      <c r="DY18" s="71">
        <v>0</v>
      </c>
      <c r="DZ18" s="71">
        <v>0</v>
      </c>
      <c r="EA18" s="71">
        <v>0</v>
      </c>
      <c r="EB18" s="71">
        <v>0</v>
      </c>
      <c r="EC18" s="72">
        <v>0</v>
      </c>
      <c r="ED18" s="73">
        <v>0</v>
      </c>
      <c r="EE18" s="70">
        <v>0</v>
      </c>
      <c r="EF18" s="71">
        <v>0</v>
      </c>
      <c r="EG18" s="72">
        <v>0</v>
      </c>
      <c r="EH18" s="244"/>
      <c r="EI18" s="71">
        <v>0</v>
      </c>
      <c r="EJ18" s="71">
        <v>1</v>
      </c>
      <c r="EK18" s="71">
        <v>0</v>
      </c>
      <c r="EL18" s="71">
        <v>0</v>
      </c>
      <c r="EM18" s="71">
        <v>0</v>
      </c>
      <c r="EN18" s="72">
        <v>1</v>
      </c>
      <c r="EO18" s="73">
        <v>1</v>
      </c>
      <c r="EP18" s="70">
        <v>0</v>
      </c>
      <c r="EQ18" s="71">
        <v>0</v>
      </c>
      <c r="ER18" s="72">
        <v>0</v>
      </c>
      <c r="ES18" s="244"/>
      <c r="ET18" s="71">
        <v>0</v>
      </c>
      <c r="EU18" s="71">
        <v>1</v>
      </c>
      <c r="EV18" s="71">
        <v>0</v>
      </c>
      <c r="EW18" s="71">
        <v>0</v>
      </c>
      <c r="EX18" s="71">
        <v>0</v>
      </c>
      <c r="EY18" s="72">
        <v>1</v>
      </c>
      <c r="EZ18" s="73">
        <v>1</v>
      </c>
      <c r="FA18" s="70">
        <v>0</v>
      </c>
      <c r="FB18" s="71">
        <v>0</v>
      </c>
      <c r="FC18" s="72">
        <v>0</v>
      </c>
      <c r="FD18" s="244"/>
      <c r="FE18" s="71">
        <v>0</v>
      </c>
      <c r="FF18" s="71">
        <v>0</v>
      </c>
      <c r="FG18" s="71">
        <v>0</v>
      </c>
      <c r="FH18" s="71">
        <v>1</v>
      </c>
      <c r="FI18" s="71">
        <v>1</v>
      </c>
      <c r="FJ18" s="72">
        <v>2</v>
      </c>
      <c r="FK18" s="73">
        <v>2</v>
      </c>
      <c r="FL18" s="70">
        <v>2</v>
      </c>
      <c r="FM18" s="71">
        <v>2</v>
      </c>
      <c r="FN18" s="72">
        <v>4</v>
      </c>
      <c r="FO18" s="244"/>
      <c r="FP18" s="71">
        <v>2</v>
      </c>
      <c r="FQ18" s="71">
        <v>7</v>
      </c>
      <c r="FR18" s="71">
        <v>1</v>
      </c>
      <c r="FS18" s="71">
        <v>1</v>
      </c>
      <c r="FT18" s="71">
        <v>1</v>
      </c>
      <c r="FU18" s="72">
        <v>12</v>
      </c>
      <c r="FV18" s="73">
        <v>16</v>
      </c>
      <c r="FW18" s="70">
        <v>0</v>
      </c>
      <c r="FX18" s="71">
        <v>0</v>
      </c>
      <c r="FY18" s="72">
        <v>0</v>
      </c>
      <c r="FZ18" s="244"/>
      <c r="GA18" s="71">
        <v>0</v>
      </c>
      <c r="GB18" s="71">
        <v>0</v>
      </c>
      <c r="GC18" s="71">
        <v>0</v>
      </c>
      <c r="GD18" s="71">
        <v>0</v>
      </c>
      <c r="GE18" s="71">
        <v>0</v>
      </c>
      <c r="GF18" s="72">
        <v>0</v>
      </c>
      <c r="GG18" s="73">
        <v>0</v>
      </c>
      <c r="GH18" s="70">
        <v>2</v>
      </c>
      <c r="GI18" s="71">
        <v>2</v>
      </c>
      <c r="GJ18" s="72">
        <v>4</v>
      </c>
      <c r="GK18" s="244"/>
      <c r="GL18" s="71">
        <v>2</v>
      </c>
      <c r="GM18" s="71">
        <v>9</v>
      </c>
      <c r="GN18" s="71">
        <v>1</v>
      </c>
      <c r="GO18" s="71">
        <v>2</v>
      </c>
      <c r="GP18" s="71">
        <v>2</v>
      </c>
      <c r="GQ18" s="72">
        <v>16</v>
      </c>
      <c r="GR18" s="73">
        <v>20</v>
      </c>
      <c r="GS18" s="123">
        <v>23</v>
      </c>
      <c r="GT18" s="82">
        <v>28</v>
      </c>
      <c r="GU18" s="83">
        <v>51</v>
      </c>
      <c r="GV18" s="241"/>
      <c r="GW18" s="82">
        <v>38</v>
      </c>
      <c r="GX18" s="82">
        <v>34</v>
      </c>
      <c r="GY18" s="82">
        <v>26</v>
      </c>
      <c r="GZ18" s="82">
        <v>24</v>
      </c>
      <c r="HA18" s="82">
        <v>10</v>
      </c>
      <c r="HB18" s="84">
        <v>132</v>
      </c>
      <c r="HC18" s="85">
        <v>183</v>
      </c>
      <c r="HD18" s="70">
        <v>1</v>
      </c>
      <c r="HE18" s="71">
        <v>0</v>
      </c>
      <c r="HF18" s="72">
        <v>1</v>
      </c>
      <c r="HG18" s="244"/>
      <c r="HH18" s="71">
        <v>0</v>
      </c>
      <c r="HI18" s="71">
        <v>1</v>
      </c>
      <c r="HJ18" s="71">
        <v>0</v>
      </c>
      <c r="HK18" s="71">
        <v>1</v>
      </c>
      <c r="HL18" s="71">
        <v>0</v>
      </c>
      <c r="HM18" s="72">
        <v>2</v>
      </c>
      <c r="HN18" s="73">
        <v>3</v>
      </c>
      <c r="HO18" s="70">
        <v>1</v>
      </c>
      <c r="HP18" s="71">
        <v>2</v>
      </c>
      <c r="HQ18" s="72">
        <v>3</v>
      </c>
      <c r="HR18" s="244"/>
      <c r="HS18" s="71">
        <v>3</v>
      </c>
      <c r="HT18" s="71">
        <v>0</v>
      </c>
      <c r="HU18" s="71">
        <v>1</v>
      </c>
      <c r="HV18" s="71">
        <v>4</v>
      </c>
      <c r="HW18" s="71">
        <v>2</v>
      </c>
      <c r="HX18" s="72">
        <v>10</v>
      </c>
      <c r="HY18" s="73">
        <v>13</v>
      </c>
      <c r="HZ18" s="70">
        <v>4</v>
      </c>
      <c r="IA18" s="71">
        <v>2</v>
      </c>
      <c r="IB18" s="72">
        <v>6</v>
      </c>
      <c r="IC18" s="244"/>
      <c r="ID18" s="71">
        <v>4</v>
      </c>
      <c r="IE18" s="71">
        <v>4</v>
      </c>
      <c r="IF18" s="71">
        <v>1</v>
      </c>
      <c r="IG18" s="71">
        <v>2</v>
      </c>
      <c r="IH18" s="71">
        <v>1</v>
      </c>
      <c r="II18" s="72">
        <v>12</v>
      </c>
      <c r="IJ18" s="73">
        <v>18</v>
      </c>
      <c r="IK18" s="70">
        <v>6</v>
      </c>
      <c r="IL18" s="71">
        <v>3</v>
      </c>
      <c r="IM18" s="72">
        <v>9</v>
      </c>
      <c r="IN18" s="244"/>
      <c r="IO18" s="71">
        <v>8</v>
      </c>
      <c r="IP18" s="71">
        <v>7</v>
      </c>
      <c r="IQ18" s="71">
        <v>3</v>
      </c>
      <c r="IR18" s="71">
        <v>4</v>
      </c>
      <c r="IS18" s="71">
        <v>2</v>
      </c>
      <c r="IT18" s="72">
        <v>24</v>
      </c>
      <c r="IU18" s="73">
        <v>33</v>
      </c>
      <c r="IV18" s="70">
        <v>5</v>
      </c>
      <c r="IW18" s="71">
        <v>11</v>
      </c>
      <c r="IX18" s="72">
        <v>16</v>
      </c>
      <c r="IY18" s="244"/>
      <c r="IZ18" s="71">
        <v>7</v>
      </c>
      <c r="JA18" s="71">
        <v>4</v>
      </c>
      <c r="JB18" s="71">
        <v>4</v>
      </c>
      <c r="JC18" s="71">
        <v>5</v>
      </c>
      <c r="JD18" s="71">
        <v>3</v>
      </c>
      <c r="JE18" s="72">
        <v>23</v>
      </c>
      <c r="JF18" s="73">
        <v>39</v>
      </c>
      <c r="JG18" s="70">
        <v>6</v>
      </c>
      <c r="JH18" s="71">
        <v>10</v>
      </c>
      <c r="JI18" s="72">
        <v>16</v>
      </c>
      <c r="JJ18" s="244"/>
      <c r="JK18" s="71">
        <v>16</v>
      </c>
      <c r="JL18" s="71">
        <v>18</v>
      </c>
      <c r="JM18" s="71">
        <v>17</v>
      </c>
      <c r="JN18" s="71">
        <v>8</v>
      </c>
      <c r="JO18" s="71">
        <v>2</v>
      </c>
      <c r="JP18" s="72">
        <v>61</v>
      </c>
      <c r="JQ18" s="73">
        <v>77</v>
      </c>
      <c r="JR18" s="70">
        <v>0</v>
      </c>
      <c r="JS18" s="71">
        <v>0</v>
      </c>
      <c r="JT18" s="72">
        <v>0</v>
      </c>
      <c r="JU18" s="244"/>
      <c r="JV18" s="71">
        <v>0</v>
      </c>
      <c r="JW18" s="71">
        <v>0</v>
      </c>
      <c r="JX18" s="71">
        <v>0</v>
      </c>
      <c r="JY18" s="71">
        <v>0</v>
      </c>
      <c r="JZ18" s="71">
        <v>0</v>
      </c>
      <c r="KA18" s="72">
        <v>0</v>
      </c>
      <c r="KB18" s="73">
        <v>0</v>
      </c>
      <c r="KC18" s="70">
        <v>23</v>
      </c>
      <c r="KD18" s="71">
        <v>28</v>
      </c>
      <c r="KE18" s="72">
        <v>51</v>
      </c>
      <c r="KF18" s="244"/>
      <c r="KG18" s="71">
        <v>38</v>
      </c>
      <c r="KH18" s="71">
        <v>34</v>
      </c>
      <c r="KI18" s="71">
        <v>26</v>
      </c>
      <c r="KJ18" s="71">
        <v>24</v>
      </c>
      <c r="KK18" s="71">
        <v>10</v>
      </c>
      <c r="KL18" s="72">
        <v>132</v>
      </c>
      <c r="KM18" s="73">
        <v>183</v>
      </c>
    </row>
    <row r="19" spans="2:299" ht="21" customHeight="1" x14ac:dyDescent="0.2">
      <c r="B19" s="126" t="s">
        <v>16</v>
      </c>
      <c r="C19" s="315">
        <v>35</v>
      </c>
      <c r="D19" s="82">
        <v>40</v>
      </c>
      <c r="E19" s="83">
        <v>75</v>
      </c>
      <c r="F19" s="241"/>
      <c r="G19" s="82">
        <v>83</v>
      </c>
      <c r="H19" s="82">
        <v>88</v>
      </c>
      <c r="I19" s="82">
        <v>52</v>
      </c>
      <c r="J19" s="82">
        <v>47</v>
      </c>
      <c r="K19" s="82">
        <v>20</v>
      </c>
      <c r="L19" s="84">
        <v>290</v>
      </c>
      <c r="M19" s="85">
        <v>365</v>
      </c>
      <c r="N19" s="70">
        <v>0</v>
      </c>
      <c r="O19" s="71">
        <v>3</v>
      </c>
      <c r="P19" s="72">
        <v>3</v>
      </c>
      <c r="Q19" s="244"/>
      <c r="R19" s="71">
        <v>3</v>
      </c>
      <c r="S19" s="71">
        <v>2</v>
      </c>
      <c r="T19" s="71">
        <v>0</v>
      </c>
      <c r="U19" s="71">
        <v>2</v>
      </c>
      <c r="V19" s="71">
        <v>1</v>
      </c>
      <c r="W19" s="72">
        <v>8</v>
      </c>
      <c r="X19" s="73">
        <v>11</v>
      </c>
      <c r="Y19" s="70">
        <v>8</v>
      </c>
      <c r="Z19" s="71">
        <v>4</v>
      </c>
      <c r="AA19" s="72">
        <v>12</v>
      </c>
      <c r="AB19" s="244"/>
      <c r="AC19" s="71">
        <v>1</v>
      </c>
      <c r="AD19" s="71">
        <v>6</v>
      </c>
      <c r="AE19" s="71">
        <v>7</v>
      </c>
      <c r="AF19" s="71">
        <v>1</v>
      </c>
      <c r="AG19" s="71">
        <v>1</v>
      </c>
      <c r="AH19" s="72">
        <v>16</v>
      </c>
      <c r="AI19" s="73">
        <v>28</v>
      </c>
      <c r="AJ19" s="70">
        <v>4</v>
      </c>
      <c r="AK19" s="71">
        <v>3</v>
      </c>
      <c r="AL19" s="72">
        <v>7</v>
      </c>
      <c r="AM19" s="244"/>
      <c r="AN19" s="71">
        <v>12</v>
      </c>
      <c r="AO19" s="71">
        <v>5</v>
      </c>
      <c r="AP19" s="71">
        <v>4</v>
      </c>
      <c r="AQ19" s="71">
        <v>3</v>
      </c>
      <c r="AR19" s="71">
        <v>2</v>
      </c>
      <c r="AS19" s="72">
        <v>26</v>
      </c>
      <c r="AT19" s="73">
        <v>33</v>
      </c>
      <c r="AU19" s="70">
        <v>6</v>
      </c>
      <c r="AV19" s="71">
        <v>6</v>
      </c>
      <c r="AW19" s="72">
        <v>12</v>
      </c>
      <c r="AX19" s="244"/>
      <c r="AY19" s="71">
        <v>19</v>
      </c>
      <c r="AZ19" s="71">
        <v>24</v>
      </c>
      <c r="BA19" s="71">
        <v>8</v>
      </c>
      <c r="BB19" s="71">
        <v>5</v>
      </c>
      <c r="BC19" s="71">
        <v>9</v>
      </c>
      <c r="BD19" s="72">
        <v>65</v>
      </c>
      <c r="BE19" s="73">
        <v>77</v>
      </c>
      <c r="BF19" s="70">
        <v>13</v>
      </c>
      <c r="BG19" s="71">
        <v>13</v>
      </c>
      <c r="BH19" s="72">
        <v>26</v>
      </c>
      <c r="BI19" s="244"/>
      <c r="BJ19" s="71">
        <v>18</v>
      </c>
      <c r="BK19" s="71">
        <v>23</v>
      </c>
      <c r="BL19" s="71">
        <v>14</v>
      </c>
      <c r="BM19" s="71">
        <v>9</v>
      </c>
      <c r="BN19" s="71">
        <v>3</v>
      </c>
      <c r="BO19" s="72">
        <v>67</v>
      </c>
      <c r="BP19" s="73">
        <v>93</v>
      </c>
      <c r="BQ19" s="70">
        <v>4</v>
      </c>
      <c r="BR19" s="71">
        <v>11</v>
      </c>
      <c r="BS19" s="72">
        <v>15</v>
      </c>
      <c r="BT19" s="244"/>
      <c r="BU19" s="71">
        <v>30</v>
      </c>
      <c r="BV19" s="71">
        <v>28</v>
      </c>
      <c r="BW19" s="71">
        <v>19</v>
      </c>
      <c r="BX19" s="71">
        <v>27</v>
      </c>
      <c r="BY19" s="71">
        <v>4</v>
      </c>
      <c r="BZ19" s="72">
        <v>108</v>
      </c>
      <c r="CA19" s="73">
        <v>123</v>
      </c>
      <c r="CB19" s="70">
        <v>0</v>
      </c>
      <c r="CC19" s="71">
        <v>0</v>
      </c>
      <c r="CD19" s="72">
        <v>0</v>
      </c>
      <c r="CE19" s="244"/>
      <c r="CF19" s="71">
        <v>0</v>
      </c>
      <c r="CG19" s="71">
        <v>0</v>
      </c>
      <c r="CH19" s="71">
        <v>0</v>
      </c>
      <c r="CI19" s="71">
        <v>0</v>
      </c>
      <c r="CJ19" s="71">
        <v>0</v>
      </c>
      <c r="CK19" s="72">
        <v>0</v>
      </c>
      <c r="CL19" s="73">
        <v>0</v>
      </c>
      <c r="CM19" s="70">
        <v>35</v>
      </c>
      <c r="CN19" s="71">
        <v>40</v>
      </c>
      <c r="CO19" s="72">
        <v>75</v>
      </c>
      <c r="CP19" s="244"/>
      <c r="CQ19" s="71">
        <v>83</v>
      </c>
      <c r="CR19" s="71">
        <v>88</v>
      </c>
      <c r="CS19" s="71">
        <v>52</v>
      </c>
      <c r="CT19" s="71">
        <v>47</v>
      </c>
      <c r="CU19" s="71">
        <v>20</v>
      </c>
      <c r="CV19" s="72">
        <v>290</v>
      </c>
      <c r="CW19" s="73">
        <v>365</v>
      </c>
      <c r="CX19" s="123">
        <v>4</v>
      </c>
      <c r="CY19" s="82">
        <v>7</v>
      </c>
      <c r="CZ19" s="83">
        <v>11</v>
      </c>
      <c r="DA19" s="241"/>
      <c r="DB19" s="82">
        <v>14</v>
      </c>
      <c r="DC19" s="82">
        <v>19</v>
      </c>
      <c r="DD19" s="82">
        <v>6</v>
      </c>
      <c r="DE19" s="82">
        <v>9</v>
      </c>
      <c r="DF19" s="82">
        <v>8</v>
      </c>
      <c r="DG19" s="84">
        <v>56</v>
      </c>
      <c r="DH19" s="85">
        <v>67</v>
      </c>
      <c r="DI19" s="70">
        <v>0</v>
      </c>
      <c r="DJ19" s="71">
        <v>0</v>
      </c>
      <c r="DK19" s="72">
        <v>0</v>
      </c>
      <c r="DL19" s="244"/>
      <c r="DM19" s="71">
        <v>1</v>
      </c>
      <c r="DN19" s="71">
        <v>0</v>
      </c>
      <c r="DO19" s="71">
        <v>0</v>
      </c>
      <c r="DP19" s="71">
        <v>0</v>
      </c>
      <c r="DQ19" s="71">
        <v>0</v>
      </c>
      <c r="DR19" s="72">
        <v>1</v>
      </c>
      <c r="DS19" s="73">
        <v>1</v>
      </c>
      <c r="DT19" s="70">
        <v>0</v>
      </c>
      <c r="DU19" s="71">
        <v>1</v>
      </c>
      <c r="DV19" s="72">
        <v>1</v>
      </c>
      <c r="DW19" s="244"/>
      <c r="DX19" s="71">
        <v>2</v>
      </c>
      <c r="DY19" s="71">
        <v>1</v>
      </c>
      <c r="DZ19" s="71">
        <v>0</v>
      </c>
      <c r="EA19" s="71">
        <v>1</v>
      </c>
      <c r="EB19" s="71">
        <v>0</v>
      </c>
      <c r="EC19" s="72">
        <v>4</v>
      </c>
      <c r="ED19" s="73">
        <v>5</v>
      </c>
      <c r="EE19" s="70">
        <v>1</v>
      </c>
      <c r="EF19" s="71">
        <v>1</v>
      </c>
      <c r="EG19" s="72">
        <v>2</v>
      </c>
      <c r="EH19" s="244"/>
      <c r="EI19" s="71">
        <v>0</v>
      </c>
      <c r="EJ19" s="71">
        <v>1</v>
      </c>
      <c r="EK19" s="71">
        <v>1</v>
      </c>
      <c r="EL19" s="71">
        <v>0</v>
      </c>
      <c r="EM19" s="71">
        <v>0</v>
      </c>
      <c r="EN19" s="72">
        <v>2</v>
      </c>
      <c r="EO19" s="73">
        <v>4</v>
      </c>
      <c r="EP19" s="70">
        <v>0</v>
      </c>
      <c r="EQ19" s="71">
        <v>2</v>
      </c>
      <c r="ER19" s="72">
        <v>2</v>
      </c>
      <c r="ES19" s="244"/>
      <c r="ET19" s="71">
        <v>3</v>
      </c>
      <c r="EU19" s="71">
        <v>4</v>
      </c>
      <c r="EV19" s="71">
        <v>1</v>
      </c>
      <c r="EW19" s="71">
        <v>0</v>
      </c>
      <c r="EX19" s="71">
        <v>0</v>
      </c>
      <c r="EY19" s="72">
        <v>8</v>
      </c>
      <c r="EZ19" s="73">
        <v>10</v>
      </c>
      <c r="FA19" s="70">
        <v>2</v>
      </c>
      <c r="FB19" s="71">
        <v>1</v>
      </c>
      <c r="FC19" s="72">
        <v>3</v>
      </c>
      <c r="FD19" s="244"/>
      <c r="FE19" s="71">
        <v>0</v>
      </c>
      <c r="FF19" s="71">
        <v>6</v>
      </c>
      <c r="FG19" s="71">
        <v>1</v>
      </c>
      <c r="FH19" s="71">
        <v>1</v>
      </c>
      <c r="FI19" s="71">
        <v>3</v>
      </c>
      <c r="FJ19" s="72">
        <v>11</v>
      </c>
      <c r="FK19" s="73">
        <v>14</v>
      </c>
      <c r="FL19" s="70">
        <v>1</v>
      </c>
      <c r="FM19" s="71">
        <v>2</v>
      </c>
      <c r="FN19" s="72">
        <v>3</v>
      </c>
      <c r="FO19" s="244"/>
      <c r="FP19" s="71">
        <v>8</v>
      </c>
      <c r="FQ19" s="71">
        <v>7</v>
      </c>
      <c r="FR19" s="71">
        <v>3</v>
      </c>
      <c r="FS19" s="71">
        <v>7</v>
      </c>
      <c r="FT19" s="71">
        <v>5</v>
      </c>
      <c r="FU19" s="72">
        <v>30</v>
      </c>
      <c r="FV19" s="73">
        <v>33</v>
      </c>
      <c r="FW19" s="70">
        <v>0</v>
      </c>
      <c r="FX19" s="71">
        <v>0</v>
      </c>
      <c r="FY19" s="72">
        <v>0</v>
      </c>
      <c r="FZ19" s="244"/>
      <c r="GA19" s="71">
        <v>0</v>
      </c>
      <c r="GB19" s="71">
        <v>0</v>
      </c>
      <c r="GC19" s="71">
        <v>0</v>
      </c>
      <c r="GD19" s="71">
        <v>0</v>
      </c>
      <c r="GE19" s="71">
        <v>0</v>
      </c>
      <c r="GF19" s="72">
        <v>0</v>
      </c>
      <c r="GG19" s="73">
        <v>0</v>
      </c>
      <c r="GH19" s="70">
        <v>4</v>
      </c>
      <c r="GI19" s="71">
        <v>7</v>
      </c>
      <c r="GJ19" s="72">
        <v>11</v>
      </c>
      <c r="GK19" s="244"/>
      <c r="GL19" s="71">
        <v>14</v>
      </c>
      <c r="GM19" s="71">
        <v>19</v>
      </c>
      <c r="GN19" s="71">
        <v>6</v>
      </c>
      <c r="GO19" s="71">
        <v>9</v>
      </c>
      <c r="GP19" s="71">
        <v>8</v>
      </c>
      <c r="GQ19" s="72">
        <v>56</v>
      </c>
      <c r="GR19" s="73">
        <v>67</v>
      </c>
      <c r="GS19" s="123">
        <v>39</v>
      </c>
      <c r="GT19" s="82">
        <v>47</v>
      </c>
      <c r="GU19" s="83">
        <v>86</v>
      </c>
      <c r="GV19" s="241"/>
      <c r="GW19" s="82">
        <v>97</v>
      </c>
      <c r="GX19" s="82">
        <v>107</v>
      </c>
      <c r="GY19" s="82">
        <v>58</v>
      </c>
      <c r="GZ19" s="82">
        <v>56</v>
      </c>
      <c r="HA19" s="82">
        <v>28</v>
      </c>
      <c r="HB19" s="84">
        <v>346</v>
      </c>
      <c r="HC19" s="85">
        <v>432</v>
      </c>
      <c r="HD19" s="70">
        <v>0</v>
      </c>
      <c r="HE19" s="71">
        <v>3</v>
      </c>
      <c r="HF19" s="72">
        <v>3</v>
      </c>
      <c r="HG19" s="244"/>
      <c r="HH19" s="71">
        <v>4</v>
      </c>
      <c r="HI19" s="71">
        <v>2</v>
      </c>
      <c r="HJ19" s="71">
        <v>0</v>
      </c>
      <c r="HK19" s="71">
        <v>2</v>
      </c>
      <c r="HL19" s="71">
        <v>1</v>
      </c>
      <c r="HM19" s="72">
        <v>9</v>
      </c>
      <c r="HN19" s="73">
        <v>12</v>
      </c>
      <c r="HO19" s="70">
        <v>8</v>
      </c>
      <c r="HP19" s="71">
        <v>5</v>
      </c>
      <c r="HQ19" s="72">
        <v>13</v>
      </c>
      <c r="HR19" s="244"/>
      <c r="HS19" s="71">
        <v>3</v>
      </c>
      <c r="HT19" s="71">
        <v>7</v>
      </c>
      <c r="HU19" s="71">
        <v>7</v>
      </c>
      <c r="HV19" s="71">
        <v>2</v>
      </c>
      <c r="HW19" s="71">
        <v>1</v>
      </c>
      <c r="HX19" s="72">
        <v>20</v>
      </c>
      <c r="HY19" s="73">
        <v>33</v>
      </c>
      <c r="HZ19" s="70">
        <v>5</v>
      </c>
      <c r="IA19" s="71">
        <v>4</v>
      </c>
      <c r="IB19" s="72">
        <v>9</v>
      </c>
      <c r="IC19" s="244"/>
      <c r="ID19" s="71">
        <v>12</v>
      </c>
      <c r="IE19" s="71">
        <v>6</v>
      </c>
      <c r="IF19" s="71">
        <v>5</v>
      </c>
      <c r="IG19" s="71">
        <v>3</v>
      </c>
      <c r="IH19" s="71">
        <v>2</v>
      </c>
      <c r="II19" s="72">
        <v>28</v>
      </c>
      <c r="IJ19" s="73">
        <v>37</v>
      </c>
      <c r="IK19" s="70">
        <v>6</v>
      </c>
      <c r="IL19" s="71">
        <v>8</v>
      </c>
      <c r="IM19" s="72">
        <v>14</v>
      </c>
      <c r="IN19" s="244"/>
      <c r="IO19" s="71">
        <v>22</v>
      </c>
      <c r="IP19" s="71">
        <v>28</v>
      </c>
      <c r="IQ19" s="71">
        <v>9</v>
      </c>
      <c r="IR19" s="71">
        <v>5</v>
      </c>
      <c r="IS19" s="71">
        <v>9</v>
      </c>
      <c r="IT19" s="72">
        <v>73</v>
      </c>
      <c r="IU19" s="73">
        <v>87</v>
      </c>
      <c r="IV19" s="70">
        <v>15</v>
      </c>
      <c r="IW19" s="71">
        <v>14</v>
      </c>
      <c r="IX19" s="72">
        <v>29</v>
      </c>
      <c r="IY19" s="244"/>
      <c r="IZ19" s="71">
        <v>18</v>
      </c>
      <c r="JA19" s="71">
        <v>29</v>
      </c>
      <c r="JB19" s="71">
        <v>15</v>
      </c>
      <c r="JC19" s="71">
        <v>10</v>
      </c>
      <c r="JD19" s="71">
        <v>6</v>
      </c>
      <c r="JE19" s="72">
        <v>78</v>
      </c>
      <c r="JF19" s="73">
        <v>107</v>
      </c>
      <c r="JG19" s="70">
        <v>5</v>
      </c>
      <c r="JH19" s="71">
        <v>13</v>
      </c>
      <c r="JI19" s="72">
        <v>18</v>
      </c>
      <c r="JJ19" s="244"/>
      <c r="JK19" s="71">
        <v>38</v>
      </c>
      <c r="JL19" s="71">
        <v>35</v>
      </c>
      <c r="JM19" s="71">
        <v>22</v>
      </c>
      <c r="JN19" s="71">
        <v>34</v>
      </c>
      <c r="JO19" s="71">
        <v>9</v>
      </c>
      <c r="JP19" s="72">
        <v>138</v>
      </c>
      <c r="JQ19" s="73">
        <v>156</v>
      </c>
      <c r="JR19" s="70">
        <v>0</v>
      </c>
      <c r="JS19" s="71">
        <v>0</v>
      </c>
      <c r="JT19" s="72">
        <v>0</v>
      </c>
      <c r="JU19" s="244"/>
      <c r="JV19" s="71">
        <v>0</v>
      </c>
      <c r="JW19" s="71">
        <v>0</v>
      </c>
      <c r="JX19" s="71">
        <v>0</v>
      </c>
      <c r="JY19" s="71">
        <v>0</v>
      </c>
      <c r="JZ19" s="71">
        <v>0</v>
      </c>
      <c r="KA19" s="72">
        <v>0</v>
      </c>
      <c r="KB19" s="73">
        <v>0</v>
      </c>
      <c r="KC19" s="70">
        <v>39</v>
      </c>
      <c r="KD19" s="71">
        <v>47</v>
      </c>
      <c r="KE19" s="72">
        <v>86</v>
      </c>
      <c r="KF19" s="244"/>
      <c r="KG19" s="71">
        <v>97</v>
      </c>
      <c r="KH19" s="71">
        <v>107</v>
      </c>
      <c r="KI19" s="71">
        <v>58</v>
      </c>
      <c r="KJ19" s="71">
        <v>56</v>
      </c>
      <c r="KK19" s="71">
        <v>28</v>
      </c>
      <c r="KL19" s="72">
        <v>346</v>
      </c>
      <c r="KM19" s="73">
        <v>432</v>
      </c>
    </row>
    <row r="20" spans="2:299" ht="21" customHeight="1" x14ac:dyDescent="0.2">
      <c r="B20" s="126" t="s">
        <v>17</v>
      </c>
      <c r="C20" s="315">
        <v>62</v>
      </c>
      <c r="D20" s="82">
        <v>63</v>
      </c>
      <c r="E20" s="83">
        <v>125</v>
      </c>
      <c r="F20" s="241"/>
      <c r="G20" s="82">
        <v>105</v>
      </c>
      <c r="H20" s="82">
        <v>97</v>
      </c>
      <c r="I20" s="82">
        <v>65</v>
      </c>
      <c r="J20" s="82">
        <v>51</v>
      </c>
      <c r="K20" s="82">
        <v>33</v>
      </c>
      <c r="L20" s="84">
        <v>351</v>
      </c>
      <c r="M20" s="85">
        <v>476</v>
      </c>
      <c r="N20" s="70">
        <v>2</v>
      </c>
      <c r="O20" s="71">
        <v>1</v>
      </c>
      <c r="P20" s="72">
        <v>3</v>
      </c>
      <c r="Q20" s="244"/>
      <c r="R20" s="71">
        <v>1</v>
      </c>
      <c r="S20" s="71">
        <v>3</v>
      </c>
      <c r="T20" s="71">
        <v>5</v>
      </c>
      <c r="U20" s="71">
        <v>2</v>
      </c>
      <c r="V20" s="71">
        <v>1</v>
      </c>
      <c r="W20" s="72">
        <v>12</v>
      </c>
      <c r="X20" s="73">
        <v>15</v>
      </c>
      <c r="Y20" s="70">
        <v>2</v>
      </c>
      <c r="Z20" s="71">
        <v>2</v>
      </c>
      <c r="AA20" s="72">
        <v>4</v>
      </c>
      <c r="AB20" s="244"/>
      <c r="AC20" s="71">
        <v>2</v>
      </c>
      <c r="AD20" s="71">
        <v>6</v>
      </c>
      <c r="AE20" s="71">
        <v>4</v>
      </c>
      <c r="AF20" s="71">
        <v>2</v>
      </c>
      <c r="AG20" s="71">
        <v>0</v>
      </c>
      <c r="AH20" s="72">
        <v>14</v>
      </c>
      <c r="AI20" s="73">
        <v>18</v>
      </c>
      <c r="AJ20" s="70">
        <v>10</v>
      </c>
      <c r="AK20" s="71">
        <v>4</v>
      </c>
      <c r="AL20" s="72">
        <v>14</v>
      </c>
      <c r="AM20" s="244"/>
      <c r="AN20" s="71">
        <v>10</v>
      </c>
      <c r="AO20" s="71">
        <v>10</v>
      </c>
      <c r="AP20" s="71">
        <v>6</v>
      </c>
      <c r="AQ20" s="71">
        <v>5</v>
      </c>
      <c r="AR20" s="71">
        <v>4</v>
      </c>
      <c r="AS20" s="72">
        <v>35</v>
      </c>
      <c r="AT20" s="73">
        <v>49</v>
      </c>
      <c r="AU20" s="70">
        <v>10</v>
      </c>
      <c r="AV20" s="71">
        <v>20</v>
      </c>
      <c r="AW20" s="72">
        <v>30</v>
      </c>
      <c r="AX20" s="244"/>
      <c r="AY20" s="71">
        <v>29</v>
      </c>
      <c r="AZ20" s="71">
        <v>24</v>
      </c>
      <c r="BA20" s="71">
        <v>12</v>
      </c>
      <c r="BB20" s="71">
        <v>7</v>
      </c>
      <c r="BC20" s="71">
        <v>9</v>
      </c>
      <c r="BD20" s="72">
        <v>81</v>
      </c>
      <c r="BE20" s="73">
        <v>111</v>
      </c>
      <c r="BF20" s="70">
        <v>22</v>
      </c>
      <c r="BG20" s="71">
        <v>15</v>
      </c>
      <c r="BH20" s="72">
        <v>37</v>
      </c>
      <c r="BI20" s="244"/>
      <c r="BJ20" s="71">
        <v>35</v>
      </c>
      <c r="BK20" s="71">
        <v>36</v>
      </c>
      <c r="BL20" s="71">
        <v>18</v>
      </c>
      <c r="BM20" s="71">
        <v>18</v>
      </c>
      <c r="BN20" s="71">
        <v>11</v>
      </c>
      <c r="BO20" s="72">
        <v>118</v>
      </c>
      <c r="BP20" s="73">
        <v>155</v>
      </c>
      <c r="BQ20" s="70">
        <v>16</v>
      </c>
      <c r="BR20" s="71">
        <v>21</v>
      </c>
      <c r="BS20" s="72">
        <v>37</v>
      </c>
      <c r="BT20" s="244"/>
      <c r="BU20" s="71">
        <v>28</v>
      </c>
      <c r="BV20" s="71">
        <v>18</v>
      </c>
      <c r="BW20" s="71">
        <v>20</v>
      </c>
      <c r="BX20" s="71">
        <v>17</v>
      </c>
      <c r="BY20" s="71">
        <v>8</v>
      </c>
      <c r="BZ20" s="72">
        <v>91</v>
      </c>
      <c r="CA20" s="73">
        <v>128</v>
      </c>
      <c r="CB20" s="70">
        <v>0</v>
      </c>
      <c r="CC20" s="71">
        <v>0</v>
      </c>
      <c r="CD20" s="72">
        <v>0</v>
      </c>
      <c r="CE20" s="244"/>
      <c r="CF20" s="71">
        <v>0</v>
      </c>
      <c r="CG20" s="71">
        <v>0</v>
      </c>
      <c r="CH20" s="71">
        <v>0</v>
      </c>
      <c r="CI20" s="71">
        <v>0</v>
      </c>
      <c r="CJ20" s="71">
        <v>0</v>
      </c>
      <c r="CK20" s="72">
        <v>0</v>
      </c>
      <c r="CL20" s="73">
        <v>0</v>
      </c>
      <c r="CM20" s="70">
        <v>62</v>
      </c>
      <c r="CN20" s="71">
        <v>63</v>
      </c>
      <c r="CO20" s="72">
        <v>125</v>
      </c>
      <c r="CP20" s="244"/>
      <c r="CQ20" s="71">
        <v>105</v>
      </c>
      <c r="CR20" s="71">
        <v>97</v>
      </c>
      <c r="CS20" s="71">
        <v>65</v>
      </c>
      <c r="CT20" s="71">
        <v>51</v>
      </c>
      <c r="CU20" s="71">
        <v>33</v>
      </c>
      <c r="CV20" s="72">
        <v>351</v>
      </c>
      <c r="CW20" s="73">
        <v>476</v>
      </c>
      <c r="CX20" s="123">
        <v>13</v>
      </c>
      <c r="CY20" s="82">
        <v>6</v>
      </c>
      <c r="CZ20" s="83">
        <v>19</v>
      </c>
      <c r="DA20" s="241"/>
      <c r="DB20" s="82">
        <v>11</v>
      </c>
      <c r="DC20" s="82">
        <v>16</v>
      </c>
      <c r="DD20" s="82">
        <v>8</v>
      </c>
      <c r="DE20" s="82">
        <v>9</v>
      </c>
      <c r="DF20" s="82">
        <v>8</v>
      </c>
      <c r="DG20" s="84">
        <v>52</v>
      </c>
      <c r="DH20" s="85">
        <v>71</v>
      </c>
      <c r="DI20" s="70">
        <v>0</v>
      </c>
      <c r="DJ20" s="71">
        <v>0</v>
      </c>
      <c r="DK20" s="72">
        <v>0</v>
      </c>
      <c r="DL20" s="244"/>
      <c r="DM20" s="71">
        <v>0</v>
      </c>
      <c r="DN20" s="71">
        <v>1</v>
      </c>
      <c r="DO20" s="71">
        <v>1</v>
      </c>
      <c r="DP20" s="71">
        <v>0</v>
      </c>
      <c r="DQ20" s="71">
        <v>0</v>
      </c>
      <c r="DR20" s="72">
        <v>2</v>
      </c>
      <c r="DS20" s="73">
        <v>2</v>
      </c>
      <c r="DT20" s="70">
        <v>1</v>
      </c>
      <c r="DU20" s="71">
        <v>1</v>
      </c>
      <c r="DV20" s="72">
        <v>2</v>
      </c>
      <c r="DW20" s="244"/>
      <c r="DX20" s="71">
        <v>1</v>
      </c>
      <c r="DY20" s="71">
        <v>1</v>
      </c>
      <c r="DZ20" s="71">
        <v>0</v>
      </c>
      <c r="EA20" s="71">
        <v>1</v>
      </c>
      <c r="EB20" s="71">
        <v>0</v>
      </c>
      <c r="EC20" s="72">
        <v>3</v>
      </c>
      <c r="ED20" s="73">
        <v>5</v>
      </c>
      <c r="EE20" s="70">
        <v>1</v>
      </c>
      <c r="EF20" s="71">
        <v>0</v>
      </c>
      <c r="EG20" s="72">
        <v>1</v>
      </c>
      <c r="EH20" s="244"/>
      <c r="EI20" s="71">
        <v>2</v>
      </c>
      <c r="EJ20" s="71">
        <v>1</v>
      </c>
      <c r="EK20" s="71">
        <v>0</v>
      </c>
      <c r="EL20" s="71">
        <v>0</v>
      </c>
      <c r="EM20" s="71">
        <v>0</v>
      </c>
      <c r="EN20" s="72">
        <v>3</v>
      </c>
      <c r="EO20" s="73">
        <v>4</v>
      </c>
      <c r="EP20" s="70">
        <v>5</v>
      </c>
      <c r="EQ20" s="71">
        <v>3</v>
      </c>
      <c r="ER20" s="72">
        <v>8</v>
      </c>
      <c r="ES20" s="244"/>
      <c r="ET20" s="71">
        <v>3</v>
      </c>
      <c r="EU20" s="71">
        <v>3</v>
      </c>
      <c r="EV20" s="71">
        <v>3</v>
      </c>
      <c r="EW20" s="71">
        <v>2</v>
      </c>
      <c r="EX20" s="71">
        <v>2</v>
      </c>
      <c r="EY20" s="72">
        <v>13</v>
      </c>
      <c r="EZ20" s="73">
        <v>21</v>
      </c>
      <c r="FA20" s="70">
        <v>5</v>
      </c>
      <c r="FB20" s="71">
        <v>1</v>
      </c>
      <c r="FC20" s="72">
        <v>6</v>
      </c>
      <c r="FD20" s="244"/>
      <c r="FE20" s="71">
        <v>3</v>
      </c>
      <c r="FF20" s="71">
        <v>5</v>
      </c>
      <c r="FG20" s="71">
        <v>1</v>
      </c>
      <c r="FH20" s="71">
        <v>2</v>
      </c>
      <c r="FI20" s="71">
        <v>2</v>
      </c>
      <c r="FJ20" s="72">
        <v>13</v>
      </c>
      <c r="FK20" s="73">
        <v>19</v>
      </c>
      <c r="FL20" s="70">
        <v>1</v>
      </c>
      <c r="FM20" s="71">
        <v>1</v>
      </c>
      <c r="FN20" s="72">
        <v>2</v>
      </c>
      <c r="FO20" s="244"/>
      <c r="FP20" s="71">
        <v>2</v>
      </c>
      <c r="FQ20" s="71">
        <v>5</v>
      </c>
      <c r="FR20" s="71">
        <v>3</v>
      </c>
      <c r="FS20" s="71">
        <v>4</v>
      </c>
      <c r="FT20" s="71">
        <v>4</v>
      </c>
      <c r="FU20" s="72">
        <v>18</v>
      </c>
      <c r="FV20" s="73">
        <v>20</v>
      </c>
      <c r="FW20" s="70">
        <v>0</v>
      </c>
      <c r="FX20" s="71">
        <v>0</v>
      </c>
      <c r="FY20" s="72">
        <v>0</v>
      </c>
      <c r="FZ20" s="244"/>
      <c r="GA20" s="71">
        <v>0</v>
      </c>
      <c r="GB20" s="71">
        <v>0</v>
      </c>
      <c r="GC20" s="71">
        <v>0</v>
      </c>
      <c r="GD20" s="71">
        <v>0</v>
      </c>
      <c r="GE20" s="71">
        <v>0</v>
      </c>
      <c r="GF20" s="72">
        <v>0</v>
      </c>
      <c r="GG20" s="73">
        <v>0</v>
      </c>
      <c r="GH20" s="70">
        <v>13</v>
      </c>
      <c r="GI20" s="71">
        <v>6</v>
      </c>
      <c r="GJ20" s="72">
        <v>19</v>
      </c>
      <c r="GK20" s="244"/>
      <c r="GL20" s="71">
        <v>11</v>
      </c>
      <c r="GM20" s="71">
        <v>16</v>
      </c>
      <c r="GN20" s="71">
        <v>8</v>
      </c>
      <c r="GO20" s="71">
        <v>9</v>
      </c>
      <c r="GP20" s="71">
        <v>8</v>
      </c>
      <c r="GQ20" s="72">
        <v>52</v>
      </c>
      <c r="GR20" s="73">
        <v>71</v>
      </c>
      <c r="GS20" s="123">
        <v>75</v>
      </c>
      <c r="GT20" s="82">
        <v>69</v>
      </c>
      <c r="GU20" s="83">
        <v>144</v>
      </c>
      <c r="GV20" s="241"/>
      <c r="GW20" s="82">
        <v>116</v>
      </c>
      <c r="GX20" s="82">
        <v>113</v>
      </c>
      <c r="GY20" s="82">
        <v>73</v>
      </c>
      <c r="GZ20" s="82">
        <v>60</v>
      </c>
      <c r="HA20" s="82">
        <v>41</v>
      </c>
      <c r="HB20" s="84">
        <v>403</v>
      </c>
      <c r="HC20" s="85">
        <v>547</v>
      </c>
      <c r="HD20" s="70">
        <v>2</v>
      </c>
      <c r="HE20" s="71">
        <v>1</v>
      </c>
      <c r="HF20" s="72">
        <v>3</v>
      </c>
      <c r="HG20" s="244"/>
      <c r="HH20" s="71">
        <v>1</v>
      </c>
      <c r="HI20" s="71">
        <v>4</v>
      </c>
      <c r="HJ20" s="71">
        <v>6</v>
      </c>
      <c r="HK20" s="71">
        <v>2</v>
      </c>
      <c r="HL20" s="71">
        <v>1</v>
      </c>
      <c r="HM20" s="72">
        <v>14</v>
      </c>
      <c r="HN20" s="73">
        <v>17</v>
      </c>
      <c r="HO20" s="70">
        <v>3</v>
      </c>
      <c r="HP20" s="71">
        <v>3</v>
      </c>
      <c r="HQ20" s="72">
        <v>6</v>
      </c>
      <c r="HR20" s="244"/>
      <c r="HS20" s="71">
        <v>3</v>
      </c>
      <c r="HT20" s="71">
        <v>7</v>
      </c>
      <c r="HU20" s="71">
        <v>4</v>
      </c>
      <c r="HV20" s="71">
        <v>3</v>
      </c>
      <c r="HW20" s="71">
        <v>0</v>
      </c>
      <c r="HX20" s="72">
        <v>17</v>
      </c>
      <c r="HY20" s="73">
        <v>23</v>
      </c>
      <c r="HZ20" s="70">
        <v>11</v>
      </c>
      <c r="IA20" s="71">
        <v>4</v>
      </c>
      <c r="IB20" s="72">
        <v>15</v>
      </c>
      <c r="IC20" s="244"/>
      <c r="ID20" s="71">
        <v>12</v>
      </c>
      <c r="IE20" s="71">
        <v>11</v>
      </c>
      <c r="IF20" s="71">
        <v>6</v>
      </c>
      <c r="IG20" s="71">
        <v>5</v>
      </c>
      <c r="IH20" s="71">
        <v>4</v>
      </c>
      <c r="II20" s="72">
        <v>38</v>
      </c>
      <c r="IJ20" s="73">
        <v>53</v>
      </c>
      <c r="IK20" s="70">
        <v>15</v>
      </c>
      <c r="IL20" s="71">
        <v>23</v>
      </c>
      <c r="IM20" s="72">
        <v>38</v>
      </c>
      <c r="IN20" s="244"/>
      <c r="IO20" s="71">
        <v>32</v>
      </c>
      <c r="IP20" s="71">
        <v>27</v>
      </c>
      <c r="IQ20" s="71">
        <v>15</v>
      </c>
      <c r="IR20" s="71">
        <v>9</v>
      </c>
      <c r="IS20" s="71">
        <v>11</v>
      </c>
      <c r="IT20" s="72">
        <v>94</v>
      </c>
      <c r="IU20" s="73">
        <v>132</v>
      </c>
      <c r="IV20" s="70">
        <v>27</v>
      </c>
      <c r="IW20" s="71">
        <v>16</v>
      </c>
      <c r="IX20" s="72">
        <v>43</v>
      </c>
      <c r="IY20" s="244"/>
      <c r="IZ20" s="71">
        <v>38</v>
      </c>
      <c r="JA20" s="71">
        <v>41</v>
      </c>
      <c r="JB20" s="71">
        <v>19</v>
      </c>
      <c r="JC20" s="71">
        <v>20</v>
      </c>
      <c r="JD20" s="71">
        <v>13</v>
      </c>
      <c r="JE20" s="72">
        <v>131</v>
      </c>
      <c r="JF20" s="73">
        <v>174</v>
      </c>
      <c r="JG20" s="70">
        <v>17</v>
      </c>
      <c r="JH20" s="71">
        <v>22</v>
      </c>
      <c r="JI20" s="72">
        <v>39</v>
      </c>
      <c r="JJ20" s="244"/>
      <c r="JK20" s="71">
        <v>30</v>
      </c>
      <c r="JL20" s="71">
        <v>23</v>
      </c>
      <c r="JM20" s="71">
        <v>23</v>
      </c>
      <c r="JN20" s="71">
        <v>21</v>
      </c>
      <c r="JO20" s="71">
        <v>12</v>
      </c>
      <c r="JP20" s="72">
        <v>109</v>
      </c>
      <c r="JQ20" s="73">
        <v>148</v>
      </c>
      <c r="JR20" s="70">
        <v>0</v>
      </c>
      <c r="JS20" s="71">
        <v>0</v>
      </c>
      <c r="JT20" s="72">
        <v>0</v>
      </c>
      <c r="JU20" s="244"/>
      <c r="JV20" s="71">
        <v>0</v>
      </c>
      <c r="JW20" s="71">
        <v>0</v>
      </c>
      <c r="JX20" s="71">
        <v>0</v>
      </c>
      <c r="JY20" s="71">
        <v>0</v>
      </c>
      <c r="JZ20" s="71">
        <v>0</v>
      </c>
      <c r="KA20" s="72">
        <v>0</v>
      </c>
      <c r="KB20" s="73">
        <v>0</v>
      </c>
      <c r="KC20" s="70">
        <v>75</v>
      </c>
      <c r="KD20" s="71">
        <v>69</v>
      </c>
      <c r="KE20" s="72">
        <v>144</v>
      </c>
      <c r="KF20" s="244"/>
      <c r="KG20" s="71">
        <v>116</v>
      </c>
      <c r="KH20" s="71">
        <v>113</v>
      </c>
      <c r="KI20" s="71">
        <v>73</v>
      </c>
      <c r="KJ20" s="71">
        <v>60</v>
      </c>
      <c r="KK20" s="71">
        <v>41</v>
      </c>
      <c r="KL20" s="72">
        <v>403</v>
      </c>
      <c r="KM20" s="73">
        <v>547</v>
      </c>
    </row>
    <row r="21" spans="2:299" ht="21" customHeight="1" x14ac:dyDescent="0.2">
      <c r="B21" s="126" t="s">
        <v>18</v>
      </c>
      <c r="C21" s="315">
        <v>84</v>
      </c>
      <c r="D21" s="82">
        <v>83</v>
      </c>
      <c r="E21" s="83">
        <v>167</v>
      </c>
      <c r="F21" s="241"/>
      <c r="G21" s="82">
        <v>151</v>
      </c>
      <c r="H21" s="82">
        <v>108</v>
      </c>
      <c r="I21" s="82">
        <v>86</v>
      </c>
      <c r="J21" s="82">
        <v>65</v>
      </c>
      <c r="K21" s="82">
        <v>43</v>
      </c>
      <c r="L21" s="84">
        <v>453</v>
      </c>
      <c r="M21" s="85">
        <v>620</v>
      </c>
      <c r="N21" s="70">
        <v>1</v>
      </c>
      <c r="O21" s="71">
        <v>3</v>
      </c>
      <c r="P21" s="72">
        <v>4</v>
      </c>
      <c r="Q21" s="244"/>
      <c r="R21" s="71">
        <v>2</v>
      </c>
      <c r="S21" s="71">
        <v>1</v>
      </c>
      <c r="T21" s="71">
        <v>3</v>
      </c>
      <c r="U21" s="71">
        <v>1</v>
      </c>
      <c r="V21" s="71">
        <v>2</v>
      </c>
      <c r="W21" s="72">
        <v>9</v>
      </c>
      <c r="X21" s="73">
        <v>13</v>
      </c>
      <c r="Y21" s="70">
        <v>3</v>
      </c>
      <c r="Z21" s="71">
        <v>3</v>
      </c>
      <c r="AA21" s="72">
        <v>6</v>
      </c>
      <c r="AB21" s="244"/>
      <c r="AC21" s="71">
        <v>10</v>
      </c>
      <c r="AD21" s="71">
        <v>2</v>
      </c>
      <c r="AE21" s="71">
        <v>1</v>
      </c>
      <c r="AF21" s="71">
        <v>5</v>
      </c>
      <c r="AG21" s="71">
        <v>4</v>
      </c>
      <c r="AH21" s="72">
        <v>22</v>
      </c>
      <c r="AI21" s="73">
        <v>28</v>
      </c>
      <c r="AJ21" s="70">
        <v>7</v>
      </c>
      <c r="AK21" s="71">
        <v>6</v>
      </c>
      <c r="AL21" s="72">
        <v>13</v>
      </c>
      <c r="AM21" s="244"/>
      <c r="AN21" s="71">
        <v>12</v>
      </c>
      <c r="AO21" s="71">
        <v>9</v>
      </c>
      <c r="AP21" s="71">
        <v>8</v>
      </c>
      <c r="AQ21" s="71">
        <v>5</v>
      </c>
      <c r="AR21" s="71">
        <v>5</v>
      </c>
      <c r="AS21" s="72">
        <v>39</v>
      </c>
      <c r="AT21" s="73">
        <v>52</v>
      </c>
      <c r="AU21" s="70">
        <v>26</v>
      </c>
      <c r="AV21" s="71">
        <v>14</v>
      </c>
      <c r="AW21" s="72">
        <v>40</v>
      </c>
      <c r="AX21" s="244"/>
      <c r="AY21" s="71">
        <v>27</v>
      </c>
      <c r="AZ21" s="71">
        <v>20</v>
      </c>
      <c r="BA21" s="71">
        <v>15</v>
      </c>
      <c r="BB21" s="71">
        <v>7</v>
      </c>
      <c r="BC21" s="71">
        <v>14</v>
      </c>
      <c r="BD21" s="72">
        <v>83</v>
      </c>
      <c r="BE21" s="73">
        <v>123</v>
      </c>
      <c r="BF21" s="70">
        <v>25</v>
      </c>
      <c r="BG21" s="71">
        <v>36</v>
      </c>
      <c r="BH21" s="72">
        <v>61</v>
      </c>
      <c r="BI21" s="244"/>
      <c r="BJ21" s="71">
        <v>49</v>
      </c>
      <c r="BK21" s="71">
        <v>37</v>
      </c>
      <c r="BL21" s="71">
        <v>31</v>
      </c>
      <c r="BM21" s="71">
        <v>24</v>
      </c>
      <c r="BN21" s="71">
        <v>10</v>
      </c>
      <c r="BO21" s="72">
        <v>151</v>
      </c>
      <c r="BP21" s="73">
        <v>212</v>
      </c>
      <c r="BQ21" s="70">
        <v>22</v>
      </c>
      <c r="BR21" s="71">
        <v>21</v>
      </c>
      <c r="BS21" s="72">
        <v>43</v>
      </c>
      <c r="BT21" s="244"/>
      <c r="BU21" s="71">
        <v>51</v>
      </c>
      <c r="BV21" s="71">
        <v>39</v>
      </c>
      <c r="BW21" s="71">
        <v>28</v>
      </c>
      <c r="BX21" s="71">
        <v>23</v>
      </c>
      <c r="BY21" s="71">
        <v>8</v>
      </c>
      <c r="BZ21" s="72">
        <v>149</v>
      </c>
      <c r="CA21" s="73">
        <v>192</v>
      </c>
      <c r="CB21" s="70">
        <v>0</v>
      </c>
      <c r="CC21" s="71">
        <v>0</v>
      </c>
      <c r="CD21" s="72">
        <v>0</v>
      </c>
      <c r="CE21" s="244"/>
      <c r="CF21" s="71">
        <v>0</v>
      </c>
      <c r="CG21" s="71">
        <v>0</v>
      </c>
      <c r="CH21" s="71">
        <v>0</v>
      </c>
      <c r="CI21" s="71">
        <v>0</v>
      </c>
      <c r="CJ21" s="71">
        <v>0</v>
      </c>
      <c r="CK21" s="72">
        <v>0</v>
      </c>
      <c r="CL21" s="73">
        <v>0</v>
      </c>
      <c r="CM21" s="70">
        <v>84</v>
      </c>
      <c r="CN21" s="71">
        <v>83</v>
      </c>
      <c r="CO21" s="72">
        <v>167</v>
      </c>
      <c r="CP21" s="244"/>
      <c r="CQ21" s="71">
        <v>151</v>
      </c>
      <c r="CR21" s="71">
        <v>108</v>
      </c>
      <c r="CS21" s="71">
        <v>86</v>
      </c>
      <c r="CT21" s="71">
        <v>65</v>
      </c>
      <c r="CU21" s="71">
        <v>43</v>
      </c>
      <c r="CV21" s="72">
        <v>453</v>
      </c>
      <c r="CW21" s="73">
        <v>620</v>
      </c>
      <c r="CX21" s="123">
        <v>12</v>
      </c>
      <c r="CY21" s="82">
        <v>10</v>
      </c>
      <c r="CZ21" s="83">
        <v>22</v>
      </c>
      <c r="DA21" s="241"/>
      <c r="DB21" s="82">
        <v>18</v>
      </c>
      <c r="DC21" s="82">
        <v>15</v>
      </c>
      <c r="DD21" s="82">
        <v>9</v>
      </c>
      <c r="DE21" s="82">
        <v>6</v>
      </c>
      <c r="DF21" s="82">
        <v>3</v>
      </c>
      <c r="DG21" s="84">
        <v>51</v>
      </c>
      <c r="DH21" s="85">
        <v>73</v>
      </c>
      <c r="DI21" s="70">
        <v>0</v>
      </c>
      <c r="DJ21" s="71">
        <v>1</v>
      </c>
      <c r="DK21" s="72">
        <v>1</v>
      </c>
      <c r="DL21" s="244"/>
      <c r="DM21" s="71">
        <v>0</v>
      </c>
      <c r="DN21" s="71">
        <v>0</v>
      </c>
      <c r="DO21" s="71">
        <v>1</v>
      </c>
      <c r="DP21" s="71">
        <v>0</v>
      </c>
      <c r="DQ21" s="71">
        <v>0</v>
      </c>
      <c r="DR21" s="72">
        <v>1</v>
      </c>
      <c r="DS21" s="73">
        <v>2</v>
      </c>
      <c r="DT21" s="70">
        <v>1</v>
      </c>
      <c r="DU21" s="71">
        <v>1</v>
      </c>
      <c r="DV21" s="72">
        <v>2</v>
      </c>
      <c r="DW21" s="244"/>
      <c r="DX21" s="71">
        <v>1</v>
      </c>
      <c r="DY21" s="71">
        <v>0</v>
      </c>
      <c r="DZ21" s="71">
        <v>0</v>
      </c>
      <c r="EA21" s="71">
        <v>0</v>
      </c>
      <c r="EB21" s="71">
        <v>0</v>
      </c>
      <c r="EC21" s="72">
        <v>1</v>
      </c>
      <c r="ED21" s="73">
        <v>3</v>
      </c>
      <c r="EE21" s="70">
        <v>1</v>
      </c>
      <c r="EF21" s="71">
        <v>3</v>
      </c>
      <c r="EG21" s="72">
        <v>4</v>
      </c>
      <c r="EH21" s="244"/>
      <c r="EI21" s="71">
        <v>1</v>
      </c>
      <c r="EJ21" s="71">
        <v>4</v>
      </c>
      <c r="EK21" s="71">
        <v>2</v>
      </c>
      <c r="EL21" s="71">
        <v>0</v>
      </c>
      <c r="EM21" s="71">
        <v>0</v>
      </c>
      <c r="EN21" s="72">
        <v>7</v>
      </c>
      <c r="EO21" s="73">
        <v>11</v>
      </c>
      <c r="EP21" s="70">
        <v>6</v>
      </c>
      <c r="EQ21" s="71">
        <v>5</v>
      </c>
      <c r="ER21" s="72">
        <v>11</v>
      </c>
      <c r="ES21" s="244"/>
      <c r="ET21" s="71">
        <v>4</v>
      </c>
      <c r="EU21" s="71">
        <v>1</v>
      </c>
      <c r="EV21" s="71">
        <v>0</v>
      </c>
      <c r="EW21" s="71">
        <v>1</v>
      </c>
      <c r="EX21" s="71">
        <v>0</v>
      </c>
      <c r="EY21" s="72">
        <v>6</v>
      </c>
      <c r="EZ21" s="73">
        <v>17</v>
      </c>
      <c r="FA21" s="70">
        <v>3</v>
      </c>
      <c r="FB21" s="71">
        <v>0</v>
      </c>
      <c r="FC21" s="72">
        <v>3</v>
      </c>
      <c r="FD21" s="244"/>
      <c r="FE21" s="71">
        <v>9</v>
      </c>
      <c r="FF21" s="71">
        <v>8</v>
      </c>
      <c r="FG21" s="71">
        <v>2</v>
      </c>
      <c r="FH21" s="71">
        <v>3</v>
      </c>
      <c r="FI21" s="71">
        <v>2</v>
      </c>
      <c r="FJ21" s="72">
        <v>24</v>
      </c>
      <c r="FK21" s="73">
        <v>27</v>
      </c>
      <c r="FL21" s="70">
        <v>1</v>
      </c>
      <c r="FM21" s="71">
        <v>0</v>
      </c>
      <c r="FN21" s="72">
        <v>1</v>
      </c>
      <c r="FO21" s="244"/>
      <c r="FP21" s="71">
        <v>3</v>
      </c>
      <c r="FQ21" s="71">
        <v>2</v>
      </c>
      <c r="FR21" s="71">
        <v>4</v>
      </c>
      <c r="FS21" s="71">
        <v>2</v>
      </c>
      <c r="FT21" s="71">
        <v>1</v>
      </c>
      <c r="FU21" s="72">
        <v>12</v>
      </c>
      <c r="FV21" s="73">
        <v>13</v>
      </c>
      <c r="FW21" s="70">
        <v>0</v>
      </c>
      <c r="FX21" s="71">
        <v>0</v>
      </c>
      <c r="FY21" s="72">
        <v>0</v>
      </c>
      <c r="FZ21" s="244"/>
      <c r="GA21" s="71">
        <v>0</v>
      </c>
      <c r="GB21" s="71">
        <v>0</v>
      </c>
      <c r="GC21" s="71">
        <v>0</v>
      </c>
      <c r="GD21" s="71">
        <v>0</v>
      </c>
      <c r="GE21" s="71">
        <v>0</v>
      </c>
      <c r="GF21" s="72">
        <v>0</v>
      </c>
      <c r="GG21" s="73">
        <v>0</v>
      </c>
      <c r="GH21" s="70">
        <v>12</v>
      </c>
      <c r="GI21" s="71">
        <v>10</v>
      </c>
      <c r="GJ21" s="72">
        <v>22</v>
      </c>
      <c r="GK21" s="244"/>
      <c r="GL21" s="71">
        <v>18</v>
      </c>
      <c r="GM21" s="71">
        <v>15</v>
      </c>
      <c r="GN21" s="71">
        <v>9</v>
      </c>
      <c r="GO21" s="71">
        <v>6</v>
      </c>
      <c r="GP21" s="71">
        <v>3</v>
      </c>
      <c r="GQ21" s="72">
        <v>51</v>
      </c>
      <c r="GR21" s="73">
        <v>73</v>
      </c>
      <c r="GS21" s="123">
        <v>96</v>
      </c>
      <c r="GT21" s="82">
        <v>93</v>
      </c>
      <c r="GU21" s="83">
        <v>189</v>
      </c>
      <c r="GV21" s="241"/>
      <c r="GW21" s="82">
        <v>169</v>
      </c>
      <c r="GX21" s="82">
        <v>123</v>
      </c>
      <c r="GY21" s="82">
        <v>95</v>
      </c>
      <c r="GZ21" s="82">
        <v>71</v>
      </c>
      <c r="HA21" s="82">
        <v>46</v>
      </c>
      <c r="HB21" s="84">
        <v>504</v>
      </c>
      <c r="HC21" s="85">
        <v>693</v>
      </c>
      <c r="HD21" s="70">
        <v>1</v>
      </c>
      <c r="HE21" s="71">
        <v>4</v>
      </c>
      <c r="HF21" s="72">
        <v>5</v>
      </c>
      <c r="HG21" s="244"/>
      <c r="HH21" s="71">
        <v>2</v>
      </c>
      <c r="HI21" s="71">
        <v>1</v>
      </c>
      <c r="HJ21" s="71">
        <v>4</v>
      </c>
      <c r="HK21" s="71">
        <v>1</v>
      </c>
      <c r="HL21" s="71">
        <v>2</v>
      </c>
      <c r="HM21" s="72">
        <v>10</v>
      </c>
      <c r="HN21" s="73">
        <v>15</v>
      </c>
      <c r="HO21" s="70">
        <v>4</v>
      </c>
      <c r="HP21" s="71">
        <v>4</v>
      </c>
      <c r="HQ21" s="72">
        <v>8</v>
      </c>
      <c r="HR21" s="244"/>
      <c r="HS21" s="71">
        <v>11</v>
      </c>
      <c r="HT21" s="71">
        <v>2</v>
      </c>
      <c r="HU21" s="71">
        <v>1</v>
      </c>
      <c r="HV21" s="71">
        <v>5</v>
      </c>
      <c r="HW21" s="71">
        <v>4</v>
      </c>
      <c r="HX21" s="72">
        <v>23</v>
      </c>
      <c r="HY21" s="73">
        <v>31</v>
      </c>
      <c r="HZ21" s="70">
        <v>8</v>
      </c>
      <c r="IA21" s="71">
        <v>9</v>
      </c>
      <c r="IB21" s="72">
        <v>17</v>
      </c>
      <c r="IC21" s="244"/>
      <c r="ID21" s="71">
        <v>13</v>
      </c>
      <c r="IE21" s="71">
        <v>13</v>
      </c>
      <c r="IF21" s="71">
        <v>10</v>
      </c>
      <c r="IG21" s="71">
        <v>5</v>
      </c>
      <c r="IH21" s="71">
        <v>5</v>
      </c>
      <c r="II21" s="72">
        <v>46</v>
      </c>
      <c r="IJ21" s="73">
        <v>63</v>
      </c>
      <c r="IK21" s="70">
        <v>32</v>
      </c>
      <c r="IL21" s="71">
        <v>19</v>
      </c>
      <c r="IM21" s="72">
        <v>51</v>
      </c>
      <c r="IN21" s="244"/>
      <c r="IO21" s="71">
        <v>31</v>
      </c>
      <c r="IP21" s="71">
        <v>21</v>
      </c>
      <c r="IQ21" s="71">
        <v>15</v>
      </c>
      <c r="IR21" s="71">
        <v>8</v>
      </c>
      <c r="IS21" s="71">
        <v>14</v>
      </c>
      <c r="IT21" s="72">
        <v>89</v>
      </c>
      <c r="IU21" s="73">
        <v>140</v>
      </c>
      <c r="IV21" s="70">
        <v>28</v>
      </c>
      <c r="IW21" s="71">
        <v>36</v>
      </c>
      <c r="IX21" s="72">
        <v>64</v>
      </c>
      <c r="IY21" s="244"/>
      <c r="IZ21" s="71">
        <v>58</v>
      </c>
      <c r="JA21" s="71">
        <v>45</v>
      </c>
      <c r="JB21" s="71">
        <v>33</v>
      </c>
      <c r="JC21" s="71">
        <v>27</v>
      </c>
      <c r="JD21" s="71">
        <v>12</v>
      </c>
      <c r="JE21" s="72">
        <v>175</v>
      </c>
      <c r="JF21" s="73">
        <v>239</v>
      </c>
      <c r="JG21" s="70">
        <v>23</v>
      </c>
      <c r="JH21" s="71">
        <v>21</v>
      </c>
      <c r="JI21" s="72">
        <v>44</v>
      </c>
      <c r="JJ21" s="244"/>
      <c r="JK21" s="71">
        <v>54</v>
      </c>
      <c r="JL21" s="71">
        <v>41</v>
      </c>
      <c r="JM21" s="71">
        <v>32</v>
      </c>
      <c r="JN21" s="71">
        <v>25</v>
      </c>
      <c r="JO21" s="71">
        <v>9</v>
      </c>
      <c r="JP21" s="72">
        <v>161</v>
      </c>
      <c r="JQ21" s="73">
        <v>205</v>
      </c>
      <c r="JR21" s="70">
        <v>0</v>
      </c>
      <c r="JS21" s="71">
        <v>0</v>
      </c>
      <c r="JT21" s="72">
        <v>0</v>
      </c>
      <c r="JU21" s="244"/>
      <c r="JV21" s="71">
        <v>0</v>
      </c>
      <c r="JW21" s="71">
        <v>0</v>
      </c>
      <c r="JX21" s="71">
        <v>0</v>
      </c>
      <c r="JY21" s="71">
        <v>0</v>
      </c>
      <c r="JZ21" s="71">
        <v>0</v>
      </c>
      <c r="KA21" s="72">
        <v>0</v>
      </c>
      <c r="KB21" s="73">
        <v>0</v>
      </c>
      <c r="KC21" s="70">
        <v>96</v>
      </c>
      <c r="KD21" s="71">
        <v>93</v>
      </c>
      <c r="KE21" s="72">
        <v>189</v>
      </c>
      <c r="KF21" s="244"/>
      <c r="KG21" s="71">
        <v>169</v>
      </c>
      <c r="KH21" s="71">
        <v>123</v>
      </c>
      <c r="KI21" s="71">
        <v>95</v>
      </c>
      <c r="KJ21" s="71">
        <v>71</v>
      </c>
      <c r="KK21" s="71">
        <v>46</v>
      </c>
      <c r="KL21" s="72">
        <v>504</v>
      </c>
      <c r="KM21" s="73">
        <v>693</v>
      </c>
    </row>
    <row r="22" spans="2:299" ht="21" customHeight="1" x14ac:dyDescent="0.2">
      <c r="B22" s="126" t="s">
        <v>19</v>
      </c>
      <c r="C22" s="315">
        <v>36</v>
      </c>
      <c r="D22" s="82">
        <v>30</v>
      </c>
      <c r="E22" s="83">
        <v>66</v>
      </c>
      <c r="F22" s="241"/>
      <c r="G22" s="82">
        <v>69</v>
      </c>
      <c r="H22" s="82">
        <v>50</v>
      </c>
      <c r="I22" s="82">
        <v>22</v>
      </c>
      <c r="J22" s="82">
        <v>25</v>
      </c>
      <c r="K22" s="82">
        <v>15</v>
      </c>
      <c r="L22" s="84">
        <v>181</v>
      </c>
      <c r="M22" s="85">
        <v>247</v>
      </c>
      <c r="N22" s="86">
        <v>1</v>
      </c>
      <c r="O22" s="71">
        <v>0</v>
      </c>
      <c r="P22" s="72">
        <v>1</v>
      </c>
      <c r="Q22" s="244"/>
      <c r="R22" s="71">
        <v>2</v>
      </c>
      <c r="S22" s="71">
        <v>1</v>
      </c>
      <c r="T22" s="71">
        <v>1</v>
      </c>
      <c r="U22" s="71">
        <v>0</v>
      </c>
      <c r="V22" s="71">
        <v>0</v>
      </c>
      <c r="W22" s="72">
        <v>4</v>
      </c>
      <c r="X22" s="73">
        <v>5</v>
      </c>
      <c r="Y22" s="70">
        <v>2</v>
      </c>
      <c r="Z22" s="71">
        <v>2</v>
      </c>
      <c r="AA22" s="72">
        <v>4</v>
      </c>
      <c r="AB22" s="244"/>
      <c r="AC22" s="71">
        <v>0</v>
      </c>
      <c r="AD22" s="71">
        <v>4</v>
      </c>
      <c r="AE22" s="71">
        <v>1</v>
      </c>
      <c r="AF22" s="71">
        <v>1</v>
      </c>
      <c r="AG22" s="71">
        <v>2</v>
      </c>
      <c r="AH22" s="72">
        <v>8</v>
      </c>
      <c r="AI22" s="73">
        <v>12</v>
      </c>
      <c r="AJ22" s="86">
        <v>1</v>
      </c>
      <c r="AK22" s="71">
        <v>2</v>
      </c>
      <c r="AL22" s="72">
        <v>3</v>
      </c>
      <c r="AM22" s="244"/>
      <c r="AN22" s="71">
        <v>4</v>
      </c>
      <c r="AO22" s="71">
        <v>3</v>
      </c>
      <c r="AP22" s="71">
        <v>1</v>
      </c>
      <c r="AQ22" s="71">
        <v>0</v>
      </c>
      <c r="AR22" s="71">
        <v>1</v>
      </c>
      <c r="AS22" s="72">
        <v>9</v>
      </c>
      <c r="AT22" s="73">
        <v>12</v>
      </c>
      <c r="AU22" s="70">
        <v>10</v>
      </c>
      <c r="AV22" s="71">
        <v>5</v>
      </c>
      <c r="AW22" s="72">
        <v>15</v>
      </c>
      <c r="AX22" s="244"/>
      <c r="AY22" s="71">
        <v>11</v>
      </c>
      <c r="AZ22" s="71">
        <v>10</v>
      </c>
      <c r="BA22" s="71">
        <v>4</v>
      </c>
      <c r="BB22" s="71">
        <v>8</v>
      </c>
      <c r="BC22" s="71">
        <v>3</v>
      </c>
      <c r="BD22" s="72">
        <v>36</v>
      </c>
      <c r="BE22" s="73">
        <v>51</v>
      </c>
      <c r="BF22" s="86">
        <v>13</v>
      </c>
      <c r="BG22" s="71">
        <v>13</v>
      </c>
      <c r="BH22" s="72">
        <v>26</v>
      </c>
      <c r="BI22" s="244"/>
      <c r="BJ22" s="71">
        <v>30</v>
      </c>
      <c r="BK22" s="71">
        <v>16</v>
      </c>
      <c r="BL22" s="71">
        <v>9</v>
      </c>
      <c r="BM22" s="71">
        <v>8</v>
      </c>
      <c r="BN22" s="71">
        <v>2</v>
      </c>
      <c r="BO22" s="72">
        <v>65</v>
      </c>
      <c r="BP22" s="73">
        <v>91</v>
      </c>
      <c r="BQ22" s="70">
        <v>9</v>
      </c>
      <c r="BR22" s="71">
        <v>8</v>
      </c>
      <c r="BS22" s="72">
        <v>17</v>
      </c>
      <c r="BT22" s="244"/>
      <c r="BU22" s="71">
        <v>22</v>
      </c>
      <c r="BV22" s="71">
        <v>16</v>
      </c>
      <c r="BW22" s="71">
        <v>6</v>
      </c>
      <c r="BX22" s="71">
        <v>8</v>
      </c>
      <c r="BY22" s="71">
        <v>7</v>
      </c>
      <c r="BZ22" s="72">
        <v>59</v>
      </c>
      <c r="CA22" s="73">
        <v>76</v>
      </c>
      <c r="CB22" s="70">
        <v>0</v>
      </c>
      <c r="CC22" s="71">
        <v>0</v>
      </c>
      <c r="CD22" s="72">
        <v>0</v>
      </c>
      <c r="CE22" s="244"/>
      <c r="CF22" s="71">
        <v>0</v>
      </c>
      <c r="CG22" s="71">
        <v>0</v>
      </c>
      <c r="CH22" s="71">
        <v>0</v>
      </c>
      <c r="CI22" s="71">
        <v>0</v>
      </c>
      <c r="CJ22" s="71">
        <v>0</v>
      </c>
      <c r="CK22" s="72">
        <v>0</v>
      </c>
      <c r="CL22" s="73">
        <v>0</v>
      </c>
      <c r="CM22" s="70">
        <v>36</v>
      </c>
      <c r="CN22" s="71">
        <v>30</v>
      </c>
      <c r="CO22" s="72">
        <v>66</v>
      </c>
      <c r="CP22" s="244"/>
      <c r="CQ22" s="71">
        <v>69</v>
      </c>
      <c r="CR22" s="71">
        <v>50</v>
      </c>
      <c r="CS22" s="71">
        <v>22</v>
      </c>
      <c r="CT22" s="71">
        <v>25</v>
      </c>
      <c r="CU22" s="71">
        <v>15</v>
      </c>
      <c r="CV22" s="72">
        <v>181</v>
      </c>
      <c r="CW22" s="73">
        <v>247</v>
      </c>
      <c r="CX22" s="123">
        <v>1</v>
      </c>
      <c r="CY22" s="82">
        <v>8</v>
      </c>
      <c r="CZ22" s="83">
        <v>9</v>
      </c>
      <c r="DA22" s="241"/>
      <c r="DB22" s="82">
        <v>8</v>
      </c>
      <c r="DC22" s="82">
        <v>7</v>
      </c>
      <c r="DD22" s="82">
        <v>8</v>
      </c>
      <c r="DE22" s="82">
        <v>4</v>
      </c>
      <c r="DF22" s="82">
        <v>3</v>
      </c>
      <c r="DG22" s="84">
        <v>30</v>
      </c>
      <c r="DH22" s="85">
        <v>39</v>
      </c>
      <c r="DI22" s="86">
        <v>0</v>
      </c>
      <c r="DJ22" s="71">
        <v>0</v>
      </c>
      <c r="DK22" s="72">
        <v>0</v>
      </c>
      <c r="DL22" s="244"/>
      <c r="DM22" s="71">
        <v>0</v>
      </c>
      <c r="DN22" s="71">
        <v>0</v>
      </c>
      <c r="DO22" s="71">
        <v>1</v>
      </c>
      <c r="DP22" s="71">
        <v>0</v>
      </c>
      <c r="DQ22" s="71">
        <v>0</v>
      </c>
      <c r="DR22" s="72">
        <v>1</v>
      </c>
      <c r="DS22" s="73">
        <v>1</v>
      </c>
      <c r="DT22" s="70">
        <v>0</v>
      </c>
      <c r="DU22" s="71">
        <v>1</v>
      </c>
      <c r="DV22" s="72">
        <v>1</v>
      </c>
      <c r="DW22" s="244"/>
      <c r="DX22" s="71">
        <v>0</v>
      </c>
      <c r="DY22" s="71">
        <v>0</v>
      </c>
      <c r="DZ22" s="71">
        <v>0</v>
      </c>
      <c r="EA22" s="71">
        <v>0</v>
      </c>
      <c r="EB22" s="71">
        <v>0</v>
      </c>
      <c r="EC22" s="72">
        <v>0</v>
      </c>
      <c r="ED22" s="73">
        <v>1</v>
      </c>
      <c r="EE22" s="86">
        <v>1</v>
      </c>
      <c r="EF22" s="71">
        <v>0</v>
      </c>
      <c r="EG22" s="72">
        <v>1</v>
      </c>
      <c r="EH22" s="244"/>
      <c r="EI22" s="71">
        <v>1</v>
      </c>
      <c r="EJ22" s="71">
        <v>0</v>
      </c>
      <c r="EK22" s="71">
        <v>0</v>
      </c>
      <c r="EL22" s="71">
        <v>0</v>
      </c>
      <c r="EM22" s="71">
        <v>0</v>
      </c>
      <c r="EN22" s="72">
        <v>1</v>
      </c>
      <c r="EO22" s="73">
        <v>2</v>
      </c>
      <c r="EP22" s="70">
        <v>0</v>
      </c>
      <c r="EQ22" s="71">
        <v>4</v>
      </c>
      <c r="ER22" s="72">
        <v>4</v>
      </c>
      <c r="ES22" s="244"/>
      <c r="ET22" s="71">
        <v>1</v>
      </c>
      <c r="EU22" s="71">
        <v>1</v>
      </c>
      <c r="EV22" s="71">
        <v>2</v>
      </c>
      <c r="EW22" s="71">
        <v>0</v>
      </c>
      <c r="EX22" s="71">
        <v>0</v>
      </c>
      <c r="EY22" s="72">
        <v>4</v>
      </c>
      <c r="EZ22" s="73">
        <v>8</v>
      </c>
      <c r="FA22" s="86">
        <v>0</v>
      </c>
      <c r="FB22" s="71">
        <v>0</v>
      </c>
      <c r="FC22" s="72">
        <v>0</v>
      </c>
      <c r="FD22" s="244"/>
      <c r="FE22" s="71">
        <v>3</v>
      </c>
      <c r="FF22" s="71">
        <v>3</v>
      </c>
      <c r="FG22" s="71">
        <v>3</v>
      </c>
      <c r="FH22" s="71">
        <v>0</v>
      </c>
      <c r="FI22" s="71">
        <v>0</v>
      </c>
      <c r="FJ22" s="72">
        <v>9</v>
      </c>
      <c r="FK22" s="73">
        <v>9</v>
      </c>
      <c r="FL22" s="70">
        <v>0</v>
      </c>
      <c r="FM22" s="71">
        <v>3</v>
      </c>
      <c r="FN22" s="72">
        <v>3</v>
      </c>
      <c r="FO22" s="244"/>
      <c r="FP22" s="71">
        <v>3</v>
      </c>
      <c r="FQ22" s="71">
        <v>3</v>
      </c>
      <c r="FR22" s="71">
        <v>2</v>
      </c>
      <c r="FS22" s="71">
        <v>4</v>
      </c>
      <c r="FT22" s="71">
        <v>3</v>
      </c>
      <c r="FU22" s="72">
        <v>15</v>
      </c>
      <c r="FV22" s="73">
        <v>18</v>
      </c>
      <c r="FW22" s="70">
        <v>0</v>
      </c>
      <c r="FX22" s="71">
        <v>0</v>
      </c>
      <c r="FY22" s="72">
        <v>0</v>
      </c>
      <c r="FZ22" s="244"/>
      <c r="GA22" s="71">
        <v>0</v>
      </c>
      <c r="GB22" s="71">
        <v>0</v>
      </c>
      <c r="GC22" s="71">
        <v>0</v>
      </c>
      <c r="GD22" s="71">
        <v>0</v>
      </c>
      <c r="GE22" s="71">
        <v>0</v>
      </c>
      <c r="GF22" s="72">
        <v>0</v>
      </c>
      <c r="GG22" s="73">
        <v>0</v>
      </c>
      <c r="GH22" s="70">
        <v>1</v>
      </c>
      <c r="GI22" s="71">
        <v>8</v>
      </c>
      <c r="GJ22" s="72">
        <v>9</v>
      </c>
      <c r="GK22" s="244"/>
      <c r="GL22" s="71">
        <v>8</v>
      </c>
      <c r="GM22" s="71">
        <v>7</v>
      </c>
      <c r="GN22" s="71">
        <v>8</v>
      </c>
      <c r="GO22" s="71">
        <v>4</v>
      </c>
      <c r="GP22" s="71">
        <v>3</v>
      </c>
      <c r="GQ22" s="72">
        <v>30</v>
      </c>
      <c r="GR22" s="73">
        <v>39</v>
      </c>
      <c r="GS22" s="123">
        <v>37</v>
      </c>
      <c r="GT22" s="82">
        <v>38</v>
      </c>
      <c r="GU22" s="83">
        <v>75</v>
      </c>
      <c r="GV22" s="241"/>
      <c r="GW22" s="82">
        <v>77</v>
      </c>
      <c r="GX22" s="82">
        <v>57</v>
      </c>
      <c r="GY22" s="82">
        <v>30</v>
      </c>
      <c r="GZ22" s="82">
        <v>29</v>
      </c>
      <c r="HA22" s="82">
        <v>18</v>
      </c>
      <c r="HB22" s="84">
        <v>211</v>
      </c>
      <c r="HC22" s="85">
        <v>286</v>
      </c>
      <c r="HD22" s="86">
        <v>1</v>
      </c>
      <c r="HE22" s="71">
        <v>0</v>
      </c>
      <c r="HF22" s="72">
        <v>1</v>
      </c>
      <c r="HG22" s="244"/>
      <c r="HH22" s="71">
        <v>2</v>
      </c>
      <c r="HI22" s="71">
        <v>1</v>
      </c>
      <c r="HJ22" s="71">
        <v>2</v>
      </c>
      <c r="HK22" s="71">
        <v>0</v>
      </c>
      <c r="HL22" s="71">
        <v>0</v>
      </c>
      <c r="HM22" s="72">
        <v>5</v>
      </c>
      <c r="HN22" s="73">
        <v>6</v>
      </c>
      <c r="HO22" s="70">
        <v>2</v>
      </c>
      <c r="HP22" s="71">
        <v>3</v>
      </c>
      <c r="HQ22" s="72">
        <v>5</v>
      </c>
      <c r="HR22" s="244"/>
      <c r="HS22" s="71">
        <v>0</v>
      </c>
      <c r="HT22" s="71">
        <v>4</v>
      </c>
      <c r="HU22" s="71">
        <v>1</v>
      </c>
      <c r="HV22" s="71">
        <v>1</v>
      </c>
      <c r="HW22" s="71">
        <v>2</v>
      </c>
      <c r="HX22" s="72">
        <v>8</v>
      </c>
      <c r="HY22" s="73">
        <v>13</v>
      </c>
      <c r="HZ22" s="86">
        <v>2</v>
      </c>
      <c r="IA22" s="71">
        <v>2</v>
      </c>
      <c r="IB22" s="72">
        <v>4</v>
      </c>
      <c r="IC22" s="244"/>
      <c r="ID22" s="71">
        <v>5</v>
      </c>
      <c r="IE22" s="71">
        <v>3</v>
      </c>
      <c r="IF22" s="71">
        <v>1</v>
      </c>
      <c r="IG22" s="71">
        <v>0</v>
      </c>
      <c r="IH22" s="71">
        <v>1</v>
      </c>
      <c r="II22" s="72">
        <v>10</v>
      </c>
      <c r="IJ22" s="73">
        <v>14</v>
      </c>
      <c r="IK22" s="70">
        <v>10</v>
      </c>
      <c r="IL22" s="71">
        <v>9</v>
      </c>
      <c r="IM22" s="72">
        <v>19</v>
      </c>
      <c r="IN22" s="244"/>
      <c r="IO22" s="71">
        <v>12</v>
      </c>
      <c r="IP22" s="71">
        <v>11</v>
      </c>
      <c r="IQ22" s="71">
        <v>6</v>
      </c>
      <c r="IR22" s="71">
        <v>8</v>
      </c>
      <c r="IS22" s="71">
        <v>3</v>
      </c>
      <c r="IT22" s="72">
        <v>40</v>
      </c>
      <c r="IU22" s="73">
        <v>59</v>
      </c>
      <c r="IV22" s="86">
        <v>13</v>
      </c>
      <c r="IW22" s="71">
        <v>13</v>
      </c>
      <c r="IX22" s="72">
        <v>26</v>
      </c>
      <c r="IY22" s="244"/>
      <c r="IZ22" s="71">
        <v>33</v>
      </c>
      <c r="JA22" s="71">
        <v>19</v>
      </c>
      <c r="JB22" s="71">
        <v>12</v>
      </c>
      <c r="JC22" s="71">
        <v>8</v>
      </c>
      <c r="JD22" s="71">
        <v>2</v>
      </c>
      <c r="JE22" s="72">
        <v>74</v>
      </c>
      <c r="JF22" s="73">
        <v>100</v>
      </c>
      <c r="JG22" s="70">
        <v>9</v>
      </c>
      <c r="JH22" s="71">
        <v>11</v>
      </c>
      <c r="JI22" s="72">
        <v>20</v>
      </c>
      <c r="JJ22" s="244"/>
      <c r="JK22" s="71">
        <v>25</v>
      </c>
      <c r="JL22" s="71">
        <v>19</v>
      </c>
      <c r="JM22" s="71">
        <v>8</v>
      </c>
      <c r="JN22" s="71">
        <v>12</v>
      </c>
      <c r="JO22" s="71">
        <v>10</v>
      </c>
      <c r="JP22" s="72">
        <v>74</v>
      </c>
      <c r="JQ22" s="73">
        <v>94</v>
      </c>
      <c r="JR22" s="70">
        <v>0</v>
      </c>
      <c r="JS22" s="71">
        <v>0</v>
      </c>
      <c r="JT22" s="72">
        <v>0</v>
      </c>
      <c r="JU22" s="244"/>
      <c r="JV22" s="71">
        <v>0</v>
      </c>
      <c r="JW22" s="71">
        <v>0</v>
      </c>
      <c r="JX22" s="71">
        <v>0</v>
      </c>
      <c r="JY22" s="71">
        <v>0</v>
      </c>
      <c r="JZ22" s="71">
        <v>0</v>
      </c>
      <c r="KA22" s="72">
        <v>0</v>
      </c>
      <c r="KB22" s="73">
        <v>0</v>
      </c>
      <c r="KC22" s="70">
        <v>37</v>
      </c>
      <c r="KD22" s="71">
        <v>38</v>
      </c>
      <c r="KE22" s="72">
        <v>75</v>
      </c>
      <c r="KF22" s="244"/>
      <c r="KG22" s="71">
        <v>77</v>
      </c>
      <c r="KH22" s="71">
        <v>57</v>
      </c>
      <c r="KI22" s="71">
        <v>30</v>
      </c>
      <c r="KJ22" s="71">
        <v>29</v>
      </c>
      <c r="KK22" s="71">
        <v>18</v>
      </c>
      <c r="KL22" s="72">
        <v>211</v>
      </c>
      <c r="KM22" s="73">
        <v>286</v>
      </c>
    </row>
    <row r="23" spans="2:299" ht="21" customHeight="1" x14ac:dyDescent="0.2">
      <c r="B23" s="126" t="s">
        <v>20</v>
      </c>
      <c r="C23" s="315">
        <v>51</v>
      </c>
      <c r="D23" s="82">
        <v>70</v>
      </c>
      <c r="E23" s="83">
        <v>121</v>
      </c>
      <c r="F23" s="241"/>
      <c r="G23" s="82">
        <v>123</v>
      </c>
      <c r="H23" s="82">
        <v>66</v>
      </c>
      <c r="I23" s="82">
        <v>54</v>
      </c>
      <c r="J23" s="82">
        <v>36</v>
      </c>
      <c r="K23" s="82">
        <v>19</v>
      </c>
      <c r="L23" s="84">
        <v>298</v>
      </c>
      <c r="M23" s="85">
        <v>419</v>
      </c>
      <c r="N23" s="70">
        <v>1</v>
      </c>
      <c r="O23" s="71">
        <v>1</v>
      </c>
      <c r="P23" s="72">
        <v>2</v>
      </c>
      <c r="Q23" s="244"/>
      <c r="R23" s="71">
        <v>5</v>
      </c>
      <c r="S23" s="71">
        <v>2</v>
      </c>
      <c r="T23" s="71">
        <v>1</v>
      </c>
      <c r="U23" s="71">
        <v>0</v>
      </c>
      <c r="V23" s="71">
        <v>0</v>
      </c>
      <c r="W23" s="72">
        <v>8</v>
      </c>
      <c r="X23" s="73">
        <v>10</v>
      </c>
      <c r="Y23" s="70">
        <v>3</v>
      </c>
      <c r="Z23" s="71">
        <v>2</v>
      </c>
      <c r="AA23" s="72">
        <v>5</v>
      </c>
      <c r="AB23" s="244"/>
      <c r="AC23" s="71">
        <v>3</v>
      </c>
      <c r="AD23" s="71">
        <v>2</v>
      </c>
      <c r="AE23" s="71">
        <v>1</v>
      </c>
      <c r="AF23" s="71">
        <v>3</v>
      </c>
      <c r="AG23" s="71">
        <v>1</v>
      </c>
      <c r="AH23" s="72">
        <v>10</v>
      </c>
      <c r="AI23" s="73">
        <v>15</v>
      </c>
      <c r="AJ23" s="70">
        <v>4</v>
      </c>
      <c r="AK23" s="71">
        <v>5</v>
      </c>
      <c r="AL23" s="72">
        <v>9</v>
      </c>
      <c r="AM23" s="244"/>
      <c r="AN23" s="71">
        <v>12</v>
      </c>
      <c r="AO23" s="71">
        <v>2</v>
      </c>
      <c r="AP23" s="71">
        <v>9</v>
      </c>
      <c r="AQ23" s="71">
        <v>8</v>
      </c>
      <c r="AR23" s="71">
        <v>4</v>
      </c>
      <c r="AS23" s="72">
        <v>35</v>
      </c>
      <c r="AT23" s="73">
        <v>44</v>
      </c>
      <c r="AU23" s="70">
        <v>10</v>
      </c>
      <c r="AV23" s="71">
        <v>20</v>
      </c>
      <c r="AW23" s="72">
        <v>30</v>
      </c>
      <c r="AX23" s="244"/>
      <c r="AY23" s="71">
        <v>26</v>
      </c>
      <c r="AZ23" s="71">
        <v>18</v>
      </c>
      <c r="BA23" s="71">
        <v>15</v>
      </c>
      <c r="BB23" s="71">
        <v>8</v>
      </c>
      <c r="BC23" s="71">
        <v>5</v>
      </c>
      <c r="BD23" s="72">
        <v>72</v>
      </c>
      <c r="BE23" s="73">
        <v>102</v>
      </c>
      <c r="BF23" s="70">
        <v>19</v>
      </c>
      <c r="BG23" s="71">
        <v>24</v>
      </c>
      <c r="BH23" s="72">
        <v>43</v>
      </c>
      <c r="BI23" s="244"/>
      <c r="BJ23" s="71">
        <v>45</v>
      </c>
      <c r="BK23" s="71">
        <v>25</v>
      </c>
      <c r="BL23" s="71">
        <v>14</v>
      </c>
      <c r="BM23" s="71">
        <v>5</v>
      </c>
      <c r="BN23" s="71">
        <v>5</v>
      </c>
      <c r="BO23" s="72">
        <v>94</v>
      </c>
      <c r="BP23" s="73">
        <v>137</v>
      </c>
      <c r="BQ23" s="70">
        <v>14</v>
      </c>
      <c r="BR23" s="71">
        <v>18</v>
      </c>
      <c r="BS23" s="72">
        <v>32</v>
      </c>
      <c r="BT23" s="244"/>
      <c r="BU23" s="71">
        <v>32</v>
      </c>
      <c r="BV23" s="71">
        <v>17</v>
      </c>
      <c r="BW23" s="71">
        <v>14</v>
      </c>
      <c r="BX23" s="71">
        <v>12</v>
      </c>
      <c r="BY23" s="71">
        <v>4</v>
      </c>
      <c r="BZ23" s="72">
        <v>79</v>
      </c>
      <c r="CA23" s="73">
        <v>111</v>
      </c>
      <c r="CB23" s="70">
        <v>0</v>
      </c>
      <c r="CC23" s="71">
        <v>0</v>
      </c>
      <c r="CD23" s="72">
        <v>0</v>
      </c>
      <c r="CE23" s="244"/>
      <c r="CF23" s="71">
        <v>0</v>
      </c>
      <c r="CG23" s="71">
        <v>0</v>
      </c>
      <c r="CH23" s="71">
        <v>0</v>
      </c>
      <c r="CI23" s="71">
        <v>0</v>
      </c>
      <c r="CJ23" s="71">
        <v>0</v>
      </c>
      <c r="CK23" s="72">
        <v>0</v>
      </c>
      <c r="CL23" s="73">
        <v>0</v>
      </c>
      <c r="CM23" s="70">
        <v>51</v>
      </c>
      <c r="CN23" s="71">
        <v>70</v>
      </c>
      <c r="CO23" s="72">
        <v>121</v>
      </c>
      <c r="CP23" s="244"/>
      <c r="CQ23" s="71">
        <v>123</v>
      </c>
      <c r="CR23" s="71">
        <v>66</v>
      </c>
      <c r="CS23" s="71">
        <v>54</v>
      </c>
      <c r="CT23" s="71">
        <v>36</v>
      </c>
      <c r="CU23" s="71">
        <v>19</v>
      </c>
      <c r="CV23" s="72">
        <v>298</v>
      </c>
      <c r="CW23" s="73">
        <v>419</v>
      </c>
      <c r="CX23" s="123">
        <v>4</v>
      </c>
      <c r="CY23" s="82">
        <v>10</v>
      </c>
      <c r="CZ23" s="83">
        <v>14</v>
      </c>
      <c r="DA23" s="241"/>
      <c r="DB23" s="82">
        <v>9</v>
      </c>
      <c r="DC23" s="82">
        <v>8</v>
      </c>
      <c r="DD23" s="82">
        <v>3</v>
      </c>
      <c r="DE23" s="82">
        <v>5</v>
      </c>
      <c r="DF23" s="82">
        <v>3</v>
      </c>
      <c r="DG23" s="84">
        <v>28</v>
      </c>
      <c r="DH23" s="85">
        <v>42</v>
      </c>
      <c r="DI23" s="70">
        <v>0</v>
      </c>
      <c r="DJ23" s="71">
        <v>0</v>
      </c>
      <c r="DK23" s="72">
        <v>0</v>
      </c>
      <c r="DL23" s="244"/>
      <c r="DM23" s="71">
        <v>0</v>
      </c>
      <c r="DN23" s="71">
        <v>0</v>
      </c>
      <c r="DO23" s="71">
        <v>0</v>
      </c>
      <c r="DP23" s="71">
        <v>0</v>
      </c>
      <c r="DQ23" s="71">
        <v>0</v>
      </c>
      <c r="DR23" s="72">
        <v>0</v>
      </c>
      <c r="DS23" s="73">
        <v>0</v>
      </c>
      <c r="DT23" s="70">
        <v>0</v>
      </c>
      <c r="DU23" s="71">
        <v>0</v>
      </c>
      <c r="DV23" s="72">
        <v>0</v>
      </c>
      <c r="DW23" s="244"/>
      <c r="DX23" s="71">
        <v>0</v>
      </c>
      <c r="DY23" s="71">
        <v>1</v>
      </c>
      <c r="DZ23" s="71">
        <v>0</v>
      </c>
      <c r="EA23" s="71">
        <v>0</v>
      </c>
      <c r="EB23" s="71">
        <v>0</v>
      </c>
      <c r="EC23" s="72">
        <v>1</v>
      </c>
      <c r="ED23" s="73">
        <v>1</v>
      </c>
      <c r="EE23" s="70">
        <v>0</v>
      </c>
      <c r="EF23" s="71">
        <v>0</v>
      </c>
      <c r="EG23" s="72">
        <v>0</v>
      </c>
      <c r="EH23" s="244"/>
      <c r="EI23" s="71">
        <v>2</v>
      </c>
      <c r="EJ23" s="71">
        <v>1</v>
      </c>
      <c r="EK23" s="71">
        <v>0</v>
      </c>
      <c r="EL23" s="71">
        <v>0</v>
      </c>
      <c r="EM23" s="71">
        <v>0</v>
      </c>
      <c r="EN23" s="72">
        <v>3</v>
      </c>
      <c r="EO23" s="73">
        <v>3</v>
      </c>
      <c r="EP23" s="70">
        <v>3</v>
      </c>
      <c r="EQ23" s="71">
        <v>3</v>
      </c>
      <c r="ER23" s="72">
        <v>6</v>
      </c>
      <c r="ES23" s="244"/>
      <c r="ET23" s="71">
        <v>1</v>
      </c>
      <c r="EU23" s="71">
        <v>3</v>
      </c>
      <c r="EV23" s="71">
        <v>1</v>
      </c>
      <c r="EW23" s="71">
        <v>1</v>
      </c>
      <c r="EX23" s="71">
        <v>1</v>
      </c>
      <c r="EY23" s="72">
        <v>7</v>
      </c>
      <c r="EZ23" s="73">
        <v>13</v>
      </c>
      <c r="FA23" s="70">
        <v>1</v>
      </c>
      <c r="FB23" s="71">
        <v>4</v>
      </c>
      <c r="FC23" s="72">
        <v>5</v>
      </c>
      <c r="FD23" s="244"/>
      <c r="FE23" s="71">
        <v>3</v>
      </c>
      <c r="FF23" s="71">
        <v>1</v>
      </c>
      <c r="FG23" s="71">
        <v>2</v>
      </c>
      <c r="FH23" s="71">
        <v>1</v>
      </c>
      <c r="FI23" s="71">
        <v>0</v>
      </c>
      <c r="FJ23" s="72">
        <v>7</v>
      </c>
      <c r="FK23" s="73">
        <v>12</v>
      </c>
      <c r="FL23" s="70">
        <v>0</v>
      </c>
      <c r="FM23" s="71">
        <v>3</v>
      </c>
      <c r="FN23" s="72">
        <v>3</v>
      </c>
      <c r="FO23" s="244"/>
      <c r="FP23" s="71">
        <v>3</v>
      </c>
      <c r="FQ23" s="71">
        <v>2</v>
      </c>
      <c r="FR23" s="71">
        <v>0</v>
      </c>
      <c r="FS23" s="71">
        <v>3</v>
      </c>
      <c r="FT23" s="71">
        <v>2</v>
      </c>
      <c r="FU23" s="72">
        <v>10</v>
      </c>
      <c r="FV23" s="73">
        <v>13</v>
      </c>
      <c r="FW23" s="70">
        <v>0</v>
      </c>
      <c r="FX23" s="71">
        <v>0</v>
      </c>
      <c r="FY23" s="72">
        <v>0</v>
      </c>
      <c r="FZ23" s="244"/>
      <c r="GA23" s="71">
        <v>0</v>
      </c>
      <c r="GB23" s="71">
        <v>0</v>
      </c>
      <c r="GC23" s="71">
        <v>0</v>
      </c>
      <c r="GD23" s="71">
        <v>0</v>
      </c>
      <c r="GE23" s="71">
        <v>0</v>
      </c>
      <c r="GF23" s="72">
        <v>0</v>
      </c>
      <c r="GG23" s="73">
        <v>0</v>
      </c>
      <c r="GH23" s="70">
        <v>4</v>
      </c>
      <c r="GI23" s="71">
        <v>10</v>
      </c>
      <c r="GJ23" s="72">
        <v>14</v>
      </c>
      <c r="GK23" s="244"/>
      <c r="GL23" s="71">
        <v>9</v>
      </c>
      <c r="GM23" s="71">
        <v>8</v>
      </c>
      <c r="GN23" s="71">
        <v>3</v>
      </c>
      <c r="GO23" s="71">
        <v>5</v>
      </c>
      <c r="GP23" s="71">
        <v>3</v>
      </c>
      <c r="GQ23" s="72">
        <v>28</v>
      </c>
      <c r="GR23" s="73">
        <v>42</v>
      </c>
      <c r="GS23" s="123">
        <v>55</v>
      </c>
      <c r="GT23" s="82">
        <v>80</v>
      </c>
      <c r="GU23" s="83">
        <v>135</v>
      </c>
      <c r="GV23" s="241"/>
      <c r="GW23" s="82">
        <v>132</v>
      </c>
      <c r="GX23" s="82">
        <v>74</v>
      </c>
      <c r="GY23" s="82">
        <v>57</v>
      </c>
      <c r="GZ23" s="82">
        <v>41</v>
      </c>
      <c r="HA23" s="82">
        <v>22</v>
      </c>
      <c r="HB23" s="84">
        <v>326</v>
      </c>
      <c r="HC23" s="85">
        <v>461</v>
      </c>
      <c r="HD23" s="70">
        <v>1</v>
      </c>
      <c r="HE23" s="71">
        <v>1</v>
      </c>
      <c r="HF23" s="72">
        <v>2</v>
      </c>
      <c r="HG23" s="244"/>
      <c r="HH23" s="71">
        <v>5</v>
      </c>
      <c r="HI23" s="71">
        <v>2</v>
      </c>
      <c r="HJ23" s="71">
        <v>1</v>
      </c>
      <c r="HK23" s="71">
        <v>0</v>
      </c>
      <c r="HL23" s="71">
        <v>0</v>
      </c>
      <c r="HM23" s="72">
        <v>8</v>
      </c>
      <c r="HN23" s="73">
        <v>10</v>
      </c>
      <c r="HO23" s="70">
        <v>3</v>
      </c>
      <c r="HP23" s="71">
        <v>2</v>
      </c>
      <c r="HQ23" s="72">
        <v>5</v>
      </c>
      <c r="HR23" s="244"/>
      <c r="HS23" s="71">
        <v>3</v>
      </c>
      <c r="HT23" s="71">
        <v>3</v>
      </c>
      <c r="HU23" s="71">
        <v>1</v>
      </c>
      <c r="HV23" s="71">
        <v>3</v>
      </c>
      <c r="HW23" s="71">
        <v>1</v>
      </c>
      <c r="HX23" s="72">
        <v>11</v>
      </c>
      <c r="HY23" s="73">
        <v>16</v>
      </c>
      <c r="HZ23" s="70">
        <v>4</v>
      </c>
      <c r="IA23" s="71">
        <v>5</v>
      </c>
      <c r="IB23" s="72">
        <v>9</v>
      </c>
      <c r="IC23" s="244"/>
      <c r="ID23" s="71">
        <v>14</v>
      </c>
      <c r="IE23" s="71">
        <v>3</v>
      </c>
      <c r="IF23" s="71">
        <v>9</v>
      </c>
      <c r="IG23" s="71">
        <v>8</v>
      </c>
      <c r="IH23" s="71">
        <v>4</v>
      </c>
      <c r="II23" s="72">
        <v>38</v>
      </c>
      <c r="IJ23" s="73">
        <v>47</v>
      </c>
      <c r="IK23" s="70">
        <v>13</v>
      </c>
      <c r="IL23" s="71">
        <v>23</v>
      </c>
      <c r="IM23" s="72">
        <v>36</v>
      </c>
      <c r="IN23" s="244"/>
      <c r="IO23" s="71">
        <v>27</v>
      </c>
      <c r="IP23" s="71">
        <v>21</v>
      </c>
      <c r="IQ23" s="71">
        <v>16</v>
      </c>
      <c r="IR23" s="71">
        <v>9</v>
      </c>
      <c r="IS23" s="71">
        <v>6</v>
      </c>
      <c r="IT23" s="72">
        <v>79</v>
      </c>
      <c r="IU23" s="73">
        <v>115</v>
      </c>
      <c r="IV23" s="70">
        <v>20</v>
      </c>
      <c r="IW23" s="71">
        <v>28</v>
      </c>
      <c r="IX23" s="72">
        <v>48</v>
      </c>
      <c r="IY23" s="244"/>
      <c r="IZ23" s="71">
        <v>48</v>
      </c>
      <c r="JA23" s="71">
        <v>26</v>
      </c>
      <c r="JB23" s="71">
        <v>16</v>
      </c>
      <c r="JC23" s="71">
        <v>6</v>
      </c>
      <c r="JD23" s="71">
        <v>5</v>
      </c>
      <c r="JE23" s="72">
        <v>101</v>
      </c>
      <c r="JF23" s="73">
        <v>149</v>
      </c>
      <c r="JG23" s="70">
        <v>14</v>
      </c>
      <c r="JH23" s="71">
        <v>21</v>
      </c>
      <c r="JI23" s="72">
        <v>35</v>
      </c>
      <c r="JJ23" s="244"/>
      <c r="JK23" s="71">
        <v>35</v>
      </c>
      <c r="JL23" s="71">
        <v>19</v>
      </c>
      <c r="JM23" s="71">
        <v>14</v>
      </c>
      <c r="JN23" s="71">
        <v>15</v>
      </c>
      <c r="JO23" s="71">
        <v>6</v>
      </c>
      <c r="JP23" s="72">
        <v>89</v>
      </c>
      <c r="JQ23" s="73">
        <v>124</v>
      </c>
      <c r="JR23" s="70">
        <v>0</v>
      </c>
      <c r="JS23" s="71">
        <v>0</v>
      </c>
      <c r="JT23" s="72">
        <v>0</v>
      </c>
      <c r="JU23" s="244"/>
      <c r="JV23" s="71">
        <v>0</v>
      </c>
      <c r="JW23" s="71">
        <v>0</v>
      </c>
      <c r="JX23" s="71">
        <v>0</v>
      </c>
      <c r="JY23" s="71">
        <v>0</v>
      </c>
      <c r="JZ23" s="71">
        <v>0</v>
      </c>
      <c r="KA23" s="72">
        <v>0</v>
      </c>
      <c r="KB23" s="73">
        <v>0</v>
      </c>
      <c r="KC23" s="70">
        <v>55</v>
      </c>
      <c r="KD23" s="71">
        <v>80</v>
      </c>
      <c r="KE23" s="72">
        <v>135</v>
      </c>
      <c r="KF23" s="244"/>
      <c r="KG23" s="71">
        <v>132</v>
      </c>
      <c r="KH23" s="71">
        <v>74</v>
      </c>
      <c r="KI23" s="71">
        <v>57</v>
      </c>
      <c r="KJ23" s="71">
        <v>41</v>
      </c>
      <c r="KK23" s="71">
        <v>22</v>
      </c>
      <c r="KL23" s="72">
        <v>326</v>
      </c>
      <c r="KM23" s="73">
        <v>461</v>
      </c>
    </row>
    <row r="24" spans="2:299" ht="21" customHeight="1" x14ac:dyDescent="0.2">
      <c r="B24" s="126" t="s">
        <v>21</v>
      </c>
      <c r="C24" s="315">
        <v>50</v>
      </c>
      <c r="D24" s="82">
        <v>46</v>
      </c>
      <c r="E24" s="83">
        <v>96</v>
      </c>
      <c r="F24" s="241"/>
      <c r="G24" s="82">
        <v>63</v>
      </c>
      <c r="H24" s="82">
        <v>64</v>
      </c>
      <c r="I24" s="82">
        <v>44</v>
      </c>
      <c r="J24" s="82">
        <v>36</v>
      </c>
      <c r="K24" s="82">
        <v>21</v>
      </c>
      <c r="L24" s="84">
        <v>228</v>
      </c>
      <c r="M24" s="85">
        <v>324</v>
      </c>
      <c r="N24" s="70">
        <v>0</v>
      </c>
      <c r="O24" s="71">
        <v>2</v>
      </c>
      <c r="P24" s="72">
        <v>2</v>
      </c>
      <c r="Q24" s="244"/>
      <c r="R24" s="71">
        <v>0</v>
      </c>
      <c r="S24" s="71">
        <v>2</v>
      </c>
      <c r="T24" s="71">
        <v>0</v>
      </c>
      <c r="U24" s="71">
        <v>1</v>
      </c>
      <c r="V24" s="71">
        <v>1</v>
      </c>
      <c r="W24" s="72">
        <v>4</v>
      </c>
      <c r="X24" s="73">
        <v>6</v>
      </c>
      <c r="Y24" s="70">
        <v>2</v>
      </c>
      <c r="Z24" s="71">
        <v>3</v>
      </c>
      <c r="AA24" s="72">
        <v>5</v>
      </c>
      <c r="AB24" s="244"/>
      <c r="AC24" s="71">
        <v>5</v>
      </c>
      <c r="AD24" s="71">
        <v>4</v>
      </c>
      <c r="AE24" s="71">
        <v>3</v>
      </c>
      <c r="AF24" s="71">
        <v>2</v>
      </c>
      <c r="AG24" s="71">
        <v>1</v>
      </c>
      <c r="AH24" s="72">
        <v>15</v>
      </c>
      <c r="AI24" s="73">
        <v>20</v>
      </c>
      <c r="AJ24" s="70">
        <v>5</v>
      </c>
      <c r="AK24" s="71">
        <v>4</v>
      </c>
      <c r="AL24" s="72">
        <v>9</v>
      </c>
      <c r="AM24" s="244"/>
      <c r="AN24" s="71">
        <v>7</v>
      </c>
      <c r="AO24" s="71">
        <v>6</v>
      </c>
      <c r="AP24" s="71">
        <v>5</v>
      </c>
      <c r="AQ24" s="71">
        <v>3</v>
      </c>
      <c r="AR24" s="71">
        <v>1</v>
      </c>
      <c r="AS24" s="72">
        <v>22</v>
      </c>
      <c r="AT24" s="73">
        <v>31</v>
      </c>
      <c r="AU24" s="70">
        <v>9</v>
      </c>
      <c r="AV24" s="71">
        <v>10</v>
      </c>
      <c r="AW24" s="72">
        <v>19</v>
      </c>
      <c r="AX24" s="244"/>
      <c r="AY24" s="71">
        <v>14</v>
      </c>
      <c r="AZ24" s="71">
        <v>16</v>
      </c>
      <c r="BA24" s="71">
        <v>6</v>
      </c>
      <c r="BB24" s="71">
        <v>6</v>
      </c>
      <c r="BC24" s="71">
        <v>3</v>
      </c>
      <c r="BD24" s="72">
        <v>45</v>
      </c>
      <c r="BE24" s="73">
        <v>64</v>
      </c>
      <c r="BF24" s="70">
        <v>20</v>
      </c>
      <c r="BG24" s="71">
        <v>15</v>
      </c>
      <c r="BH24" s="72">
        <v>35</v>
      </c>
      <c r="BI24" s="244"/>
      <c r="BJ24" s="71">
        <v>22</v>
      </c>
      <c r="BK24" s="71">
        <v>18</v>
      </c>
      <c r="BL24" s="71">
        <v>14</v>
      </c>
      <c r="BM24" s="71">
        <v>16</v>
      </c>
      <c r="BN24" s="71">
        <v>10</v>
      </c>
      <c r="BO24" s="72">
        <v>80</v>
      </c>
      <c r="BP24" s="73">
        <v>115</v>
      </c>
      <c r="BQ24" s="70">
        <v>14</v>
      </c>
      <c r="BR24" s="71">
        <v>12</v>
      </c>
      <c r="BS24" s="72">
        <v>26</v>
      </c>
      <c r="BT24" s="244"/>
      <c r="BU24" s="71">
        <v>15</v>
      </c>
      <c r="BV24" s="71">
        <v>18</v>
      </c>
      <c r="BW24" s="71">
        <v>16</v>
      </c>
      <c r="BX24" s="71">
        <v>8</v>
      </c>
      <c r="BY24" s="71">
        <v>5</v>
      </c>
      <c r="BZ24" s="72">
        <v>62</v>
      </c>
      <c r="CA24" s="73">
        <v>88</v>
      </c>
      <c r="CB24" s="70">
        <v>0</v>
      </c>
      <c r="CC24" s="71">
        <v>0</v>
      </c>
      <c r="CD24" s="72">
        <v>0</v>
      </c>
      <c r="CE24" s="244"/>
      <c r="CF24" s="71">
        <v>0</v>
      </c>
      <c r="CG24" s="71">
        <v>0</v>
      </c>
      <c r="CH24" s="71">
        <v>0</v>
      </c>
      <c r="CI24" s="71">
        <v>0</v>
      </c>
      <c r="CJ24" s="71">
        <v>0</v>
      </c>
      <c r="CK24" s="72">
        <v>0</v>
      </c>
      <c r="CL24" s="73">
        <v>0</v>
      </c>
      <c r="CM24" s="70">
        <v>50</v>
      </c>
      <c r="CN24" s="71">
        <v>46</v>
      </c>
      <c r="CO24" s="72">
        <v>96</v>
      </c>
      <c r="CP24" s="244"/>
      <c r="CQ24" s="71">
        <v>63</v>
      </c>
      <c r="CR24" s="71">
        <v>64</v>
      </c>
      <c r="CS24" s="71">
        <v>44</v>
      </c>
      <c r="CT24" s="71">
        <v>36</v>
      </c>
      <c r="CU24" s="71">
        <v>21</v>
      </c>
      <c r="CV24" s="72">
        <v>228</v>
      </c>
      <c r="CW24" s="73">
        <v>324</v>
      </c>
      <c r="CX24" s="123">
        <v>3</v>
      </c>
      <c r="CY24" s="82">
        <v>3</v>
      </c>
      <c r="CZ24" s="83">
        <v>6</v>
      </c>
      <c r="DA24" s="241"/>
      <c r="DB24" s="82">
        <v>7</v>
      </c>
      <c r="DC24" s="82">
        <v>7</v>
      </c>
      <c r="DD24" s="82">
        <v>10</v>
      </c>
      <c r="DE24" s="82">
        <v>8</v>
      </c>
      <c r="DF24" s="82">
        <v>7</v>
      </c>
      <c r="DG24" s="84">
        <v>39</v>
      </c>
      <c r="DH24" s="85">
        <v>45</v>
      </c>
      <c r="DI24" s="70">
        <v>0</v>
      </c>
      <c r="DJ24" s="71">
        <v>0</v>
      </c>
      <c r="DK24" s="72">
        <v>0</v>
      </c>
      <c r="DL24" s="244"/>
      <c r="DM24" s="71">
        <v>0</v>
      </c>
      <c r="DN24" s="71">
        <v>1</v>
      </c>
      <c r="DO24" s="71">
        <v>1</v>
      </c>
      <c r="DP24" s="71">
        <v>0</v>
      </c>
      <c r="DQ24" s="71">
        <v>0</v>
      </c>
      <c r="DR24" s="72">
        <v>2</v>
      </c>
      <c r="DS24" s="73">
        <v>2</v>
      </c>
      <c r="DT24" s="70">
        <v>0</v>
      </c>
      <c r="DU24" s="71">
        <v>0</v>
      </c>
      <c r="DV24" s="72">
        <v>0</v>
      </c>
      <c r="DW24" s="244"/>
      <c r="DX24" s="71">
        <v>0</v>
      </c>
      <c r="DY24" s="71">
        <v>0</v>
      </c>
      <c r="DZ24" s="71">
        <v>1</v>
      </c>
      <c r="EA24" s="71">
        <v>0</v>
      </c>
      <c r="EB24" s="71">
        <v>0</v>
      </c>
      <c r="EC24" s="72">
        <v>1</v>
      </c>
      <c r="ED24" s="73">
        <v>1</v>
      </c>
      <c r="EE24" s="70">
        <v>0</v>
      </c>
      <c r="EF24" s="71">
        <v>1</v>
      </c>
      <c r="EG24" s="72">
        <v>1</v>
      </c>
      <c r="EH24" s="244"/>
      <c r="EI24" s="71">
        <v>0</v>
      </c>
      <c r="EJ24" s="71">
        <v>0</v>
      </c>
      <c r="EK24" s="71">
        <v>0</v>
      </c>
      <c r="EL24" s="71">
        <v>0</v>
      </c>
      <c r="EM24" s="71">
        <v>0</v>
      </c>
      <c r="EN24" s="72">
        <v>0</v>
      </c>
      <c r="EO24" s="73">
        <v>1</v>
      </c>
      <c r="EP24" s="70">
        <v>0</v>
      </c>
      <c r="EQ24" s="71">
        <v>0</v>
      </c>
      <c r="ER24" s="72">
        <v>0</v>
      </c>
      <c r="ES24" s="244"/>
      <c r="ET24" s="71">
        <v>2</v>
      </c>
      <c r="EU24" s="71">
        <v>1</v>
      </c>
      <c r="EV24" s="71">
        <v>1</v>
      </c>
      <c r="EW24" s="71">
        <v>0</v>
      </c>
      <c r="EX24" s="71">
        <v>0</v>
      </c>
      <c r="EY24" s="72">
        <v>4</v>
      </c>
      <c r="EZ24" s="73">
        <v>4</v>
      </c>
      <c r="FA24" s="70">
        <v>1</v>
      </c>
      <c r="FB24" s="71">
        <v>2</v>
      </c>
      <c r="FC24" s="72">
        <v>3</v>
      </c>
      <c r="FD24" s="244"/>
      <c r="FE24" s="71">
        <v>3</v>
      </c>
      <c r="FF24" s="71">
        <v>1</v>
      </c>
      <c r="FG24" s="71">
        <v>2</v>
      </c>
      <c r="FH24" s="71">
        <v>4</v>
      </c>
      <c r="FI24" s="71">
        <v>3</v>
      </c>
      <c r="FJ24" s="72">
        <v>13</v>
      </c>
      <c r="FK24" s="73">
        <v>16</v>
      </c>
      <c r="FL24" s="70">
        <v>2</v>
      </c>
      <c r="FM24" s="71">
        <v>0</v>
      </c>
      <c r="FN24" s="72">
        <v>2</v>
      </c>
      <c r="FO24" s="244"/>
      <c r="FP24" s="71">
        <v>2</v>
      </c>
      <c r="FQ24" s="71">
        <v>4</v>
      </c>
      <c r="FR24" s="71">
        <v>5</v>
      </c>
      <c r="FS24" s="71">
        <v>4</v>
      </c>
      <c r="FT24" s="71">
        <v>4</v>
      </c>
      <c r="FU24" s="72">
        <v>19</v>
      </c>
      <c r="FV24" s="73">
        <v>21</v>
      </c>
      <c r="FW24" s="70">
        <v>0</v>
      </c>
      <c r="FX24" s="71">
        <v>0</v>
      </c>
      <c r="FY24" s="72">
        <v>0</v>
      </c>
      <c r="FZ24" s="244"/>
      <c r="GA24" s="71">
        <v>0</v>
      </c>
      <c r="GB24" s="71">
        <v>0</v>
      </c>
      <c r="GC24" s="71">
        <v>0</v>
      </c>
      <c r="GD24" s="71">
        <v>0</v>
      </c>
      <c r="GE24" s="71">
        <v>0</v>
      </c>
      <c r="GF24" s="72">
        <v>0</v>
      </c>
      <c r="GG24" s="73">
        <v>0</v>
      </c>
      <c r="GH24" s="70">
        <v>3</v>
      </c>
      <c r="GI24" s="71">
        <v>3</v>
      </c>
      <c r="GJ24" s="72">
        <v>6</v>
      </c>
      <c r="GK24" s="244"/>
      <c r="GL24" s="71">
        <v>7</v>
      </c>
      <c r="GM24" s="71">
        <v>7</v>
      </c>
      <c r="GN24" s="71">
        <v>10</v>
      </c>
      <c r="GO24" s="71">
        <v>8</v>
      </c>
      <c r="GP24" s="71">
        <v>7</v>
      </c>
      <c r="GQ24" s="72">
        <v>39</v>
      </c>
      <c r="GR24" s="73">
        <v>45</v>
      </c>
      <c r="GS24" s="123">
        <v>53</v>
      </c>
      <c r="GT24" s="82">
        <v>49</v>
      </c>
      <c r="GU24" s="83">
        <v>102</v>
      </c>
      <c r="GV24" s="241"/>
      <c r="GW24" s="82">
        <v>70</v>
      </c>
      <c r="GX24" s="82">
        <v>71</v>
      </c>
      <c r="GY24" s="82">
        <v>54</v>
      </c>
      <c r="GZ24" s="82">
        <v>44</v>
      </c>
      <c r="HA24" s="82">
        <v>28</v>
      </c>
      <c r="HB24" s="84">
        <v>267</v>
      </c>
      <c r="HC24" s="85">
        <v>369</v>
      </c>
      <c r="HD24" s="70">
        <v>0</v>
      </c>
      <c r="HE24" s="71">
        <v>2</v>
      </c>
      <c r="HF24" s="72">
        <v>2</v>
      </c>
      <c r="HG24" s="244"/>
      <c r="HH24" s="71">
        <v>0</v>
      </c>
      <c r="HI24" s="71">
        <v>3</v>
      </c>
      <c r="HJ24" s="71">
        <v>1</v>
      </c>
      <c r="HK24" s="71">
        <v>1</v>
      </c>
      <c r="HL24" s="71">
        <v>1</v>
      </c>
      <c r="HM24" s="72">
        <v>6</v>
      </c>
      <c r="HN24" s="73">
        <v>8</v>
      </c>
      <c r="HO24" s="70">
        <v>2</v>
      </c>
      <c r="HP24" s="71">
        <v>3</v>
      </c>
      <c r="HQ24" s="72">
        <v>5</v>
      </c>
      <c r="HR24" s="244"/>
      <c r="HS24" s="71">
        <v>5</v>
      </c>
      <c r="HT24" s="71">
        <v>4</v>
      </c>
      <c r="HU24" s="71">
        <v>4</v>
      </c>
      <c r="HV24" s="71">
        <v>2</v>
      </c>
      <c r="HW24" s="71">
        <v>1</v>
      </c>
      <c r="HX24" s="72">
        <v>16</v>
      </c>
      <c r="HY24" s="73">
        <v>21</v>
      </c>
      <c r="HZ24" s="70">
        <v>5</v>
      </c>
      <c r="IA24" s="71">
        <v>5</v>
      </c>
      <c r="IB24" s="72">
        <v>10</v>
      </c>
      <c r="IC24" s="244"/>
      <c r="ID24" s="71">
        <v>7</v>
      </c>
      <c r="IE24" s="71">
        <v>6</v>
      </c>
      <c r="IF24" s="71">
        <v>5</v>
      </c>
      <c r="IG24" s="71">
        <v>3</v>
      </c>
      <c r="IH24" s="71">
        <v>1</v>
      </c>
      <c r="II24" s="72">
        <v>22</v>
      </c>
      <c r="IJ24" s="73">
        <v>32</v>
      </c>
      <c r="IK24" s="70">
        <v>9</v>
      </c>
      <c r="IL24" s="71">
        <v>10</v>
      </c>
      <c r="IM24" s="72">
        <v>19</v>
      </c>
      <c r="IN24" s="244"/>
      <c r="IO24" s="71">
        <v>16</v>
      </c>
      <c r="IP24" s="71">
        <v>17</v>
      </c>
      <c r="IQ24" s="71">
        <v>7</v>
      </c>
      <c r="IR24" s="71">
        <v>6</v>
      </c>
      <c r="IS24" s="71">
        <v>3</v>
      </c>
      <c r="IT24" s="72">
        <v>49</v>
      </c>
      <c r="IU24" s="73">
        <v>68</v>
      </c>
      <c r="IV24" s="70">
        <v>21</v>
      </c>
      <c r="IW24" s="71">
        <v>17</v>
      </c>
      <c r="IX24" s="72">
        <v>38</v>
      </c>
      <c r="IY24" s="244"/>
      <c r="IZ24" s="71">
        <v>25</v>
      </c>
      <c r="JA24" s="71">
        <v>19</v>
      </c>
      <c r="JB24" s="71">
        <v>16</v>
      </c>
      <c r="JC24" s="71">
        <v>20</v>
      </c>
      <c r="JD24" s="71">
        <v>13</v>
      </c>
      <c r="JE24" s="72">
        <v>93</v>
      </c>
      <c r="JF24" s="73">
        <v>131</v>
      </c>
      <c r="JG24" s="70">
        <v>16</v>
      </c>
      <c r="JH24" s="71">
        <v>12</v>
      </c>
      <c r="JI24" s="72">
        <v>28</v>
      </c>
      <c r="JJ24" s="244"/>
      <c r="JK24" s="71">
        <v>17</v>
      </c>
      <c r="JL24" s="71">
        <v>22</v>
      </c>
      <c r="JM24" s="71">
        <v>21</v>
      </c>
      <c r="JN24" s="71">
        <v>12</v>
      </c>
      <c r="JO24" s="71">
        <v>9</v>
      </c>
      <c r="JP24" s="72">
        <v>81</v>
      </c>
      <c r="JQ24" s="73">
        <v>109</v>
      </c>
      <c r="JR24" s="70">
        <v>0</v>
      </c>
      <c r="JS24" s="71">
        <v>0</v>
      </c>
      <c r="JT24" s="72">
        <v>0</v>
      </c>
      <c r="JU24" s="244"/>
      <c r="JV24" s="71">
        <v>0</v>
      </c>
      <c r="JW24" s="71">
        <v>0</v>
      </c>
      <c r="JX24" s="71">
        <v>0</v>
      </c>
      <c r="JY24" s="71">
        <v>0</v>
      </c>
      <c r="JZ24" s="71">
        <v>0</v>
      </c>
      <c r="KA24" s="72">
        <v>0</v>
      </c>
      <c r="KB24" s="73">
        <v>0</v>
      </c>
      <c r="KC24" s="70">
        <v>53</v>
      </c>
      <c r="KD24" s="71">
        <v>49</v>
      </c>
      <c r="KE24" s="72">
        <v>102</v>
      </c>
      <c r="KF24" s="244"/>
      <c r="KG24" s="71">
        <v>70</v>
      </c>
      <c r="KH24" s="71">
        <v>71</v>
      </c>
      <c r="KI24" s="71">
        <v>54</v>
      </c>
      <c r="KJ24" s="71">
        <v>44</v>
      </c>
      <c r="KK24" s="71">
        <v>28</v>
      </c>
      <c r="KL24" s="72">
        <v>267</v>
      </c>
      <c r="KM24" s="73">
        <v>369</v>
      </c>
    </row>
    <row r="25" spans="2:299" ht="21" customHeight="1" x14ac:dyDescent="0.2">
      <c r="B25" s="126" t="s">
        <v>22</v>
      </c>
      <c r="C25" s="315">
        <v>23</v>
      </c>
      <c r="D25" s="82">
        <v>19</v>
      </c>
      <c r="E25" s="83">
        <v>42</v>
      </c>
      <c r="F25" s="241"/>
      <c r="G25" s="82">
        <v>35</v>
      </c>
      <c r="H25" s="82">
        <v>33</v>
      </c>
      <c r="I25" s="82">
        <v>16</v>
      </c>
      <c r="J25" s="82">
        <v>20</v>
      </c>
      <c r="K25" s="82">
        <v>5</v>
      </c>
      <c r="L25" s="84">
        <v>109</v>
      </c>
      <c r="M25" s="85">
        <v>151</v>
      </c>
      <c r="N25" s="70">
        <v>1</v>
      </c>
      <c r="O25" s="71">
        <v>0</v>
      </c>
      <c r="P25" s="72">
        <v>1</v>
      </c>
      <c r="Q25" s="244"/>
      <c r="R25" s="71">
        <v>0</v>
      </c>
      <c r="S25" s="71">
        <v>0</v>
      </c>
      <c r="T25" s="71">
        <v>0</v>
      </c>
      <c r="U25" s="71">
        <v>0</v>
      </c>
      <c r="V25" s="71">
        <v>0</v>
      </c>
      <c r="W25" s="72">
        <v>0</v>
      </c>
      <c r="X25" s="73">
        <v>1</v>
      </c>
      <c r="Y25" s="70">
        <v>0</v>
      </c>
      <c r="Z25" s="71">
        <v>0</v>
      </c>
      <c r="AA25" s="72">
        <v>0</v>
      </c>
      <c r="AB25" s="244"/>
      <c r="AC25" s="71">
        <v>3</v>
      </c>
      <c r="AD25" s="71">
        <v>1</v>
      </c>
      <c r="AE25" s="71">
        <v>1</v>
      </c>
      <c r="AF25" s="71">
        <v>2</v>
      </c>
      <c r="AG25" s="71">
        <v>0</v>
      </c>
      <c r="AH25" s="72">
        <v>7</v>
      </c>
      <c r="AI25" s="73">
        <v>7</v>
      </c>
      <c r="AJ25" s="70">
        <v>1</v>
      </c>
      <c r="AK25" s="71">
        <v>2</v>
      </c>
      <c r="AL25" s="72">
        <v>3</v>
      </c>
      <c r="AM25" s="244"/>
      <c r="AN25" s="71">
        <v>3</v>
      </c>
      <c r="AO25" s="71">
        <v>2</v>
      </c>
      <c r="AP25" s="71">
        <v>4</v>
      </c>
      <c r="AQ25" s="71">
        <v>0</v>
      </c>
      <c r="AR25" s="71">
        <v>1</v>
      </c>
      <c r="AS25" s="72">
        <v>10</v>
      </c>
      <c r="AT25" s="73">
        <v>13</v>
      </c>
      <c r="AU25" s="70">
        <v>6</v>
      </c>
      <c r="AV25" s="71">
        <v>0</v>
      </c>
      <c r="AW25" s="72">
        <v>6</v>
      </c>
      <c r="AX25" s="244"/>
      <c r="AY25" s="71">
        <v>6</v>
      </c>
      <c r="AZ25" s="71">
        <v>9</v>
      </c>
      <c r="BA25" s="71">
        <v>3</v>
      </c>
      <c r="BB25" s="71">
        <v>7</v>
      </c>
      <c r="BC25" s="71">
        <v>2</v>
      </c>
      <c r="BD25" s="72">
        <v>27</v>
      </c>
      <c r="BE25" s="73">
        <v>33</v>
      </c>
      <c r="BF25" s="70">
        <v>7</v>
      </c>
      <c r="BG25" s="71">
        <v>11</v>
      </c>
      <c r="BH25" s="72">
        <v>18</v>
      </c>
      <c r="BI25" s="244"/>
      <c r="BJ25" s="71">
        <v>12</v>
      </c>
      <c r="BK25" s="71">
        <v>10</v>
      </c>
      <c r="BL25" s="71">
        <v>4</v>
      </c>
      <c r="BM25" s="71">
        <v>5</v>
      </c>
      <c r="BN25" s="71">
        <v>0</v>
      </c>
      <c r="BO25" s="72">
        <v>31</v>
      </c>
      <c r="BP25" s="73">
        <v>49</v>
      </c>
      <c r="BQ25" s="70">
        <v>8</v>
      </c>
      <c r="BR25" s="71">
        <v>6</v>
      </c>
      <c r="BS25" s="72">
        <v>14</v>
      </c>
      <c r="BT25" s="244"/>
      <c r="BU25" s="71">
        <v>11</v>
      </c>
      <c r="BV25" s="71">
        <v>11</v>
      </c>
      <c r="BW25" s="71">
        <v>4</v>
      </c>
      <c r="BX25" s="71">
        <v>6</v>
      </c>
      <c r="BY25" s="71">
        <v>2</v>
      </c>
      <c r="BZ25" s="72">
        <v>34</v>
      </c>
      <c r="CA25" s="73">
        <v>48</v>
      </c>
      <c r="CB25" s="70">
        <v>0</v>
      </c>
      <c r="CC25" s="71">
        <v>0</v>
      </c>
      <c r="CD25" s="72">
        <v>0</v>
      </c>
      <c r="CE25" s="244"/>
      <c r="CF25" s="71">
        <v>0</v>
      </c>
      <c r="CG25" s="71">
        <v>0</v>
      </c>
      <c r="CH25" s="71">
        <v>0</v>
      </c>
      <c r="CI25" s="71">
        <v>0</v>
      </c>
      <c r="CJ25" s="71">
        <v>0</v>
      </c>
      <c r="CK25" s="72">
        <v>0</v>
      </c>
      <c r="CL25" s="73">
        <v>0</v>
      </c>
      <c r="CM25" s="70">
        <v>23</v>
      </c>
      <c r="CN25" s="71">
        <v>19</v>
      </c>
      <c r="CO25" s="72">
        <v>42</v>
      </c>
      <c r="CP25" s="244"/>
      <c r="CQ25" s="71">
        <v>35</v>
      </c>
      <c r="CR25" s="71">
        <v>33</v>
      </c>
      <c r="CS25" s="71">
        <v>16</v>
      </c>
      <c r="CT25" s="71">
        <v>20</v>
      </c>
      <c r="CU25" s="71">
        <v>5</v>
      </c>
      <c r="CV25" s="72">
        <v>109</v>
      </c>
      <c r="CW25" s="73">
        <v>151</v>
      </c>
      <c r="CX25" s="123">
        <v>2</v>
      </c>
      <c r="CY25" s="82">
        <v>2</v>
      </c>
      <c r="CZ25" s="83">
        <v>4</v>
      </c>
      <c r="DA25" s="241"/>
      <c r="DB25" s="82">
        <v>6</v>
      </c>
      <c r="DC25" s="82">
        <v>3</v>
      </c>
      <c r="DD25" s="82">
        <v>2</v>
      </c>
      <c r="DE25" s="82">
        <v>3</v>
      </c>
      <c r="DF25" s="82">
        <v>2</v>
      </c>
      <c r="DG25" s="84">
        <v>16</v>
      </c>
      <c r="DH25" s="85">
        <v>20</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1</v>
      </c>
      <c r="EF25" s="71">
        <v>1</v>
      </c>
      <c r="EG25" s="72">
        <v>2</v>
      </c>
      <c r="EH25" s="244"/>
      <c r="EI25" s="71">
        <v>1</v>
      </c>
      <c r="EJ25" s="71">
        <v>0</v>
      </c>
      <c r="EK25" s="71">
        <v>1</v>
      </c>
      <c r="EL25" s="71">
        <v>0</v>
      </c>
      <c r="EM25" s="71">
        <v>0</v>
      </c>
      <c r="EN25" s="72">
        <v>2</v>
      </c>
      <c r="EO25" s="73">
        <v>4</v>
      </c>
      <c r="EP25" s="70">
        <v>0</v>
      </c>
      <c r="EQ25" s="71">
        <v>0</v>
      </c>
      <c r="ER25" s="72">
        <v>0</v>
      </c>
      <c r="ES25" s="244"/>
      <c r="ET25" s="71">
        <v>2</v>
      </c>
      <c r="EU25" s="71">
        <v>0</v>
      </c>
      <c r="EV25" s="71">
        <v>0</v>
      </c>
      <c r="EW25" s="71">
        <v>0</v>
      </c>
      <c r="EX25" s="71">
        <v>1</v>
      </c>
      <c r="EY25" s="72">
        <v>3</v>
      </c>
      <c r="EZ25" s="73">
        <v>3</v>
      </c>
      <c r="FA25" s="70">
        <v>0</v>
      </c>
      <c r="FB25" s="71">
        <v>0</v>
      </c>
      <c r="FC25" s="72">
        <v>0</v>
      </c>
      <c r="FD25" s="244"/>
      <c r="FE25" s="71">
        <v>2</v>
      </c>
      <c r="FF25" s="71">
        <v>2</v>
      </c>
      <c r="FG25" s="71">
        <v>0</v>
      </c>
      <c r="FH25" s="71">
        <v>0</v>
      </c>
      <c r="FI25" s="71">
        <v>0</v>
      </c>
      <c r="FJ25" s="72">
        <v>4</v>
      </c>
      <c r="FK25" s="73">
        <v>4</v>
      </c>
      <c r="FL25" s="70">
        <v>1</v>
      </c>
      <c r="FM25" s="71">
        <v>1</v>
      </c>
      <c r="FN25" s="72">
        <v>2</v>
      </c>
      <c r="FO25" s="244"/>
      <c r="FP25" s="71">
        <v>1</v>
      </c>
      <c r="FQ25" s="71">
        <v>1</v>
      </c>
      <c r="FR25" s="71">
        <v>1</v>
      </c>
      <c r="FS25" s="71">
        <v>3</v>
      </c>
      <c r="FT25" s="71">
        <v>1</v>
      </c>
      <c r="FU25" s="72">
        <v>7</v>
      </c>
      <c r="FV25" s="73">
        <v>9</v>
      </c>
      <c r="FW25" s="70">
        <v>0</v>
      </c>
      <c r="FX25" s="71">
        <v>0</v>
      </c>
      <c r="FY25" s="72">
        <v>0</v>
      </c>
      <c r="FZ25" s="244"/>
      <c r="GA25" s="71">
        <v>0</v>
      </c>
      <c r="GB25" s="71">
        <v>0</v>
      </c>
      <c r="GC25" s="71">
        <v>0</v>
      </c>
      <c r="GD25" s="71">
        <v>0</v>
      </c>
      <c r="GE25" s="71">
        <v>0</v>
      </c>
      <c r="GF25" s="72">
        <v>0</v>
      </c>
      <c r="GG25" s="73">
        <v>0</v>
      </c>
      <c r="GH25" s="70">
        <v>2</v>
      </c>
      <c r="GI25" s="71">
        <v>2</v>
      </c>
      <c r="GJ25" s="72">
        <v>4</v>
      </c>
      <c r="GK25" s="244"/>
      <c r="GL25" s="71">
        <v>6</v>
      </c>
      <c r="GM25" s="71">
        <v>3</v>
      </c>
      <c r="GN25" s="71">
        <v>2</v>
      </c>
      <c r="GO25" s="71">
        <v>3</v>
      </c>
      <c r="GP25" s="71">
        <v>2</v>
      </c>
      <c r="GQ25" s="72">
        <v>16</v>
      </c>
      <c r="GR25" s="73">
        <v>20</v>
      </c>
      <c r="GS25" s="123">
        <v>25</v>
      </c>
      <c r="GT25" s="82">
        <v>21</v>
      </c>
      <c r="GU25" s="83">
        <v>46</v>
      </c>
      <c r="GV25" s="241"/>
      <c r="GW25" s="82">
        <v>41</v>
      </c>
      <c r="GX25" s="82">
        <v>36</v>
      </c>
      <c r="GY25" s="82">
        <v>18</v>
      </c>
      <c r="GZ25" s="82">
        <v>23</v>
      </c>
      <c r="HA25" s="82">
        <v>7</v>
      </c>
      <c r="HB25" s="84">
        <v>125</v>
      </c>
      <c r="HC25" s="85">
        <v>171</v>
      </c>
      <c r="HD25" s="70">
        <v>1</v>
      </c>
      <c r="HE25" s="71">
        <v>0</v>
      </c>
      <c r="HF25" s="72">
        <v>1</v>
      </c>
      <c r="HG25" s="244"/>
      <c r="HH25" s="71">
        <v>0</v>
      </c>
      <c r="HI25" s="71">
        <v>0</v>
      </c>
      <c r="HJ25" s="71">
        <v>0</v>
      </c>
      <c r="HK25" s="71">
        <v>0</v>
      </c>
      <c r="HL25" s="71">
        <v>0</v>
      </c>
      <c r="HM25" s="72">
        <v>0</v>
      </c>
      <c r="HN25" s="73">
        <v>1</v>
      </c>
      <c r="HO25" s="70">
        <v>0</v>
      </c>
      <c r="HP25" s="71">
        <v>0</v>
      </c>
      <c r="HQ25" s="72">
        <v>0</v>
      </c>
      <c r="HR25" s="244"/>
      <c r="HS25" s="71">
        <v>3</v>
      </c>
      <c r="HT25" s="71">
        <v>1</v>
      </c>
      <c r="HU25" s="71">
        <v>1</v>
      </c>
      <c r="HV25" s="71">
        <v>2</v>
      </c>
      <c r="HW25" s="71">
        <v>0</v>
      </c>
      <c r="HX25" s="72">
        <v>7</v>
      </c>
      <c r="HY25" s="73">
        <v>7</v>
      </c>
      <c r="HZ25" s="70">
        <v>2</v>
      </c>
      <c r="IA25" s="71">
        <v>3</v>
      </c>
      <c r="IB25" s="72">
        <v>5</v>
      </c>
      <c r="IC25" s="244"/>
      <c r="ID25" s="71">
        <v>4</v>
      </c>
      <c r="IE25" s="71">
        <v>2</v>
      </c>
      <c r="IF25" s="71">
        <v>5</v>
      </c>
      <c r="IG25" s="71">
        <v>0</v>
      </c>
      <c r="IH25" s="71">
        <v>1</v>
      </c>
      <c r="II25" s="72">
        <v>12</v>
      </c>
      <c r="IJ25" s="73">
        <v>17</v>
      </c>
      <c r="IK25" s="70">
        <v>6</v>
      </c>
      <c r="IL25" s="71">
        <v>0</v>
      </c>
      <c r="IM25" s="72">
        <v>6</v>
      </c>
      <c r="IN25" s="244"/>
      <c r="IO25" s="71">
        <v>8</v>
      </c>
      <c r="IP25" s="71">
        <v>9</v>
      </c>
      <c r="IQ25" s="71">
        <v>3</v>
      </c>
      <c r="IR25" s="71">
        <v>7</v>
      </c>
      <c r="IS25" s="71">
        <v>3</v>
      </c>
      <c r="IT25" s="72">
        <v>30</v>
      </c>
      <c r="IU25" s="73">
        <v>36</v>
      </c>
      <c r="IV25" s="70">
        <v>7</v>
      </c>
      <c r="IW25" s="71">
        <v>11</v>
      </c>
      <c r="IX25" s="72">
        <v>18</v>
      </c>
      <c r="IY25" s="244"/>
      <c r="IZ25" s="71">
        <v>14</v>
      </c>
      <c r="JA25" s="71">
        <v>12</v>
      </c>
      <c r="JB25" s="71">
        <v>4</v>
      </c>
      <c r="JC25" s="71">
        <v>5</v>
      </c>
      <c r="JD25" s="71">
        <v>0</v>
      </c>
      <c r="JE25" s="72">
        <v>35</v>
      </c>
      <c r="JF25" s="73">
        <v>53</v>
      </c>
      <c r="JG25" s="70">
        <v>9</v>
      </c>
      <c r="JH25" s="71">
        <v>7</v>
      </c>
      <c r="JI25" s="72">
        <v>16</v>
      </c>
      <c r="JJ25" s="244"/>
      <c r="JK25" s="71">
        <v>12</v>
      </c>
      <c r="JL25" s="71">
        <v>12</v>
      </c>
      <c r="JM25" s="71">
        <v>5</v>
      </c>
      <c r="JN25" s="71">
        <v>9</v>
      </c>
      <c r="JO25" s="71">
        <v>3</v>
      </c>
      <c r="JP25" s="72">
        <v>41</v>
      </c>
      <c r="JQ25" s="73">
        <v>57</v>
      </c>
      <c r="JR25" s="70">
        <v>0</v>
      </c>
      <c r="JS25" s="71">
        <v>0</v>
      </c>
      <c r="JT25" s="72">
        <v>0</v>
      </c>
      <c r="JU25" s="244"/>
      <c r="JV25" s="71">
        <v>0</v>
      </c>
      <c r="JW25" s="71">
        <v>0</v>
      </c>
      <c r="JX25" s="71">
        <v>0</v>
      </c>
      <c r="JY25" s="71">
        <v>0</v>
      </c>
      <c r="JZ25" s="71">
        <v>0</v>
      </c>
      <c r="KA25" s="72">
        <v>0</v>
      </c>
      <c r="KB25" s="73">
        <v>0</v>
      </c>
      <c r="KC25" s="70">
        <v>25</v>
      </c>
      <c r="KD25" s="71">
        <v>21</v>
      </c>
      <c r="KE25" s="72">
        <v>46</v>
      </c>
      <c r="KF25" s="244"/>
      <c r="KG25" s="71">
        <v>41</v>
      </c>
      <c r="KH25" s="71">
        <v>36</v>
      </c>
      <c r="KI25" s="71">
        <v>18</v>
      </c>
      <c r="KJ25" s="71">
        <v>23</v>
      </c>
      <c r="KK25" s="71">
        <v>7</v>
      </c>
      <c r="KL25" s="72">
        <v>125</v>
      </c>
      <c r="KM25" s="73">
        <v>171</v>
      </c>
    </row>
    <row r="26" spans="2:299" ht="21" customHeight="1" x14ac:dyDescent="0.2">
      <c r="B26" s="126" t="s">
        <v>23</v>
      </c>
      <c r="C26" s="315">
        <v>31</v>
      </c>
      <c r="D26" s="82">
        <v>31</v>
      </c>
      <c r="E26" s="83">
        <v>62</v>
      </c>
      <c r="F26" s="241"/>
      <c r="G26" s="82">
        <v>56</v>
      </c>
      <c r="H26" s="82">
        <v>31</v>
      </c>
      <c r="I26" s="82">
        <v>20</v>
      </c>
      <c r="J26" s="82">
        <v>15</v>
      </c>
      <c r="K26" s="82">
        <v>11</v>
      </c>
      <c r="L26" s="84">
        <v>133</v>
      </c>
      <c r="M26" s="85">
        <v>195</v>
      </c>
      <c r="N26" s="70">
        <v>0</v>
      </c>
      <c r="O26" s="71">
        <v>0</v>
      </c>
      <c r="P26" s="72">
        <v>0</v>
      </c>
      <c r="Q26" s="244"/>
      <c r="R26" s="71">
        <v>2</v>
      </c>
      <c r="S26" s="71">
        <v>1</v>
      </c>
      <c r="T26" s="71">
        <v>1</v>
      </c>
      <c r="U26" s="71">
        <v>0</v>
      </c>
      <c r="V26" s="71">
        <v>0</v>
      </c>
      <c r="W26" s="72">
        <v>4</v>
      </c>
      <c r="X26" s="73">
        <v>4</v>
      </c>
      <c r="Y26" s="70">
        <v>3</v>
      </c>
      <c r="Z26" s="71">
        <v>1</v>
      </c>
      <c r="AA26" s="72">
        <v>4</v>
      </c>
      <c r="AB26" s="244"/>
      <c r="AC26" s="71">
        <v>2</v>
      </c>
      <c r="AD26" s="71">
        <v>1</v>
      </c>
      <c r="AE26" s="71">
        <v>0</v>
      </c>
      <c r="AF26" s="71">
        <v>2</v>
      </c>
      <c r="AG26" s="71">
        <v>3</v>
      </c>
      <c r="AH26" s="72">
        <v>8</v>
      </c>
      <c r="AI26" s="73">
        <v>12</v>
      </c>
      <c r="AJ26" s="70">
        <v>4</v>
      </c>
      <c r="AK26" s="71">
        <v>5</v>
      </c>
      <c r="AL26" s="72">
        <v>9</v>
      </c>
      <c r="AM26" s="244"/>
      <c r="AN26" s="71">
        <v>7</v>
      </c>
      <c r="AO26" s="71">
        <v>4</v>
      </c>
      <c r="AP26" s="71">
        <v>1</v>
      </c>
      <c r="AQ26" s="71">
        <v>1</v>
      </c>
      <c r="AR26" s="71">
        <v>2</v>
      </c>
      <c r="AS26" s="72">
        <v>15</v>
      </c>
      <c r="AT26" s="73">
        <v>24</v>
      </c>
      <c r="AU26" s="70">
        <v>8</v>
      </c>
      <c r="AV26" s="71">
        <v>7</v>
      </c>
      <c r="AW26" s="72">
        <v>15</v>
      </c>
      <c r="AX26" s="244"/>
      <c r="AY26" s="71">
        <v>19</v>
      </c>
      <c r="AZ26" s="71">
        <v>11</v>
      </c>
      <c r="BA26" s="71">
        <v>4</v>
      </c>
      <c r="BB26" s="71">
        <v>5</v>
      </c>
      <c r="BC26" s="71">
        <v>1</v>
      </c>
      <c r="BD26" s="72">
        <v>40</v>
      </c>
      <c r="BE26" s="73">
        <v>55</v>
      </c>
      <c r="BF26" s="70">
        <v>13</v>
      </c>
      <c r="BG26" s="71">
        <v>10</v>
      </c>
      <c r="BH26" s="72">
        <v>23</v>
      </c>
      <c r="BI26" s="244"/>
      <c r="BJ26" s="71">
        <v>17</v>
      </c>
      <c r="BK26" s="71">
        <v>6</v>
      </c>
      <c r="BL26" s="71">
        <v>4</v>
      </c>
      <c r="BM26" s="71">
        <v>2</v>
      </c>
      <c r="BN26" s="71">
        <v>2</v>
      </c>
      <c r="BO26" s="72">
        <v>31</v>
      </c>
      <c r="BP26" s="73">
        <v>54</v>
      </c>
      <c r="BQ26" s="70">
        <v>3</v>
      </c>
      <c r="BR26" s="71">
        <v>8</v>
      </c>
      <c r="BS26" s="72">
        <v>11</v>
      </c>
      <c r="BT26" s="244"/>
      <c r="BU26" s="71">
        <v>9</v>
      </c>
      <c r="BV26" s="71">
        <v>8</v>
      </c>
      <c r="BW26" s="71">
        <v>10</v>
      </c>
      <c r="BX26" s="71">
        <v>5</v>
      </c>
      <c r="BY26" s="71">
        <v>3</v>
      </c>
      <c r="BZ26" s="72">
        <v>35</v>
      </c>
      <c r="CA26" s="73">
        <v>46</v>
      </c>
      <c r="CB26" s="70">
        <v>0</v>
      </c>
      <c r="CC26" s="71">
        <v>0</v>
      </c>
      <c r="CD26" s="72">
        <v>0</v>
      </c>
      <c r="CE26" s="244"/>
      <c r="CF26" s="71">
        <v>0</v>
      </c>
      <c r="CG26" s="71">
        <v>0</v>
      </c>
      <c r="CH26" s="71">
        <v>0</v>
      </c>
      <c r="CI26" s="71">
        <v>0</v>
      </c>
      <c r="CJ26" s="71">
        <v>0</v>
      </c>
      <c r="CK26" s="72">
        <v>0</v>
      </c>
      <c r="CL26" s="73">
        <v>0</v>
      </c>
      <c r="CM26" s="70">
        <v>31</v>
      </c>
      <c r="CN26" s="71">
        <v>31</v>
      </c>
      <c r="CO26" s="72">
        <v>62</v>
      </c>
      <c r="CP26" s="244"/>
      <c r="CQ26" s="71">
        <v>56</v>
      </c>
      <c r="CR26" s="71">
        <v>31</v>
      </c>
      <c r="CS26" s="71">
        <v>20</v>
      </c>
      <c r="CT26" s="71">
        <v>15</v>
      </c>
      <c r="CU26" s="71">
        <v>11</v>
      </c>
      <c r="CV26" s="72">
        <v>133</v>
      </c>
      <c r="CW26" s="73">
        <v>195</v>
      </c>
      <c r="CX26" s="123">
        <v>5</v>
      </c>
      <c r="CY26" s="82">
        <v>4</v>
      </c>
      <c r="CZ26" s="83">
        <v>9</v>
      </c>
      <c r="DA26" s="241"/>
      <c r="DB26" s="82">
        <v>6</v>
      </c>
      <c r="DC26" s="82">
        <v>7</v>
      </c>
      <c r="DD26" s="82">
        <v>3</v>
      </c>
      <c r="DE26" s="82">
        <v>2</v>
      </c>
      <c r="DF26" s="82">
        <v>3</v>
      </c>
      <c r="DG26" s="84">
        <v>21</v>
      </c>
      <c r="DH26" s="85">
        <v>30</v>
      </c>
      <c r="DI26" s="70">
        <v>0</v>
      </c>
      <c r="DJ26" s="71">
        <v>0</v>
      </c>
      <c r="DK26" s="72">
        <v>0</v>
      </c>
      <c r="DL26" s="244"/>
      <c r="DM26" s="71">
        <v>0</v>
      </c>
      <c r="DN26" s="71">
        <v>0</v>
      </c>
      <c r="DO26" s="71">
        <v>0</v>
      </c>
      <c r="DP26" s="71">
        <v>0</v>
      </c>
      <c r="DQ26" s="71">
        <v>0</v>
      </c>
      <c r="DR26" s="72">
        <v>0</v>
      </c>
      <c r="DS26" s="73">
        <v>0</v>
      </c>
      <c r="DT26" s="70">
        <v>1</v>
      </c>
      <c r="DU26" s="71">
        <v>1</v>
      </c>
      <c r="DV26" s="72">
        <v>2</v>
      </c>
      <c r="DW26" s="244"/>
      <c r="DX26" s="71">
        <v>2</v>
      </c>
      <c r="DY26" s="71">
        <v>1</v>
      </c>
      <c r="DZ26" s="71">
        <v>1</v>
      </c>
      <c r="EA26" s="71">
        <v>0</v>
      </c>
      <c r="EB26" s="71">
        <v>0</v>
      </c>
      <c r="EC26" s="72">
        <v>4</v>
      </c>
      <c r="ED26" s="73">
        <v>6</v>
      </c>
      <c r="EE26" s="70">
        <v>1</v>
      </c>
      <c r="EF26" s="71">
        <v>1</v>
      </c>
      <c r="EG26" s="72">
        <v>2</v>
      </c>
      <c r="EH26" s="244"/>
      <c r="EI26" s="71">
        <v>0</v>
      </c>
      <c r="EJ26" s="71">
        <v>2</v>
      </c>
      <c r="EK26" s="71">
        <v>0</v>
      </c>
      <c r="EL26" s="71">
        <v>1</v>
      </c>
      <c r="EM26" s="71">
        <v>1</v>
      </c>
      <c r="EN26" s="72">
        <v>4</v>
      </c>
      <c r="EO26" s="73">
        <v>6</v>
      </c>
      <c r="EP26" s="70">
        <v>1</v>
      </c>
      <c r="EQ26" s="71">
        <v>1</v>
      </c>
      <c r="ER26" s="72">
        <v>2</v>
      </c>
      <c r="ES26" s="244"/>
      <c r="ET26" s="71">
        <v>4</v>
      </c>
      <c r="EU26" s="71">
        <v>1</v>
      </c>
      <c r="EV26" s="71">
        <v>0</v>
      </c>
      <c r="EW26" s="71">
        <v>0</v>
      </c>
      <c r="EX26" s="71">
        <v>0</v>
      </c>
      <c r="EY26" s="72">
        <v>5</v>
      </c>
      <c r="EZ26" s="73">
        <v>7</v>
      </c>
      <c r="FA26" s="70">
        <v>2</v>
      </c>
      <c r="FB26" s="71">
        <v>1</v>
      </c>
      <c r="FC26" s="72">
        <v>3</v>
      </c>
      <c r="FD26" s="244"/>
      <c r="FE26" s="71">
        <v>0</v>
      </c>
      <c r="FF26" s="71">
        <v>2</v>
      </c>
      <c r="FG26" s="71">
        <v>1</v>
      </c>
      <c r="FH26" s="71">
        <v>1</v>
      </c>
      <c r="FI26" s="71">
        <v>1</v>
      </c>
      <c r="FJ26" s="72">
        <v>5</v>
      </c>
      <c r="FK26" s="73">
        <v>8</v>
      </c>
      <c r="FL26" s="70">
        <v>0</v>
      </c>
      <c r="FM26" s="71">
        <v>0</v>
      </c>
      <c r="FN26" s="72">
        <v>0</v>
      </c>
      <c r="FO26" s="244"/>
      <c r="FP26" s="71">
        <v>0</v>
      </c>
      <c r="FQ26" s="71">
        <v>1</v>
      </c>
      <c r="FR26" s="71">
        <v>1</v>
      </c>
      <c r="FS26" s="71">
        <v>0</v>
      </c>
      <c r="FT26" s="71">
        <v>1</v>
      </c>
      <c r="FU26" s="72">
        <v>3</v>
      </c>
      <c r="FV26" s="73">
        <v>3</v>
      </c>
      <c r="FW26" s="70">
        <v>0</v>
      </c>
      <c r="FX26" s="71">
        <v>0</v>
      </c>
      <c r="FY26" s="72">
        <v>0</v>
      </c>
      <c r="FZ26" s="244"/>
      <c r="GA26" s="71">
        <v>0</v>
      </c>
      <c r="GB26" s="71">
        <v>0</v>
      </c>
      <c r="GC26" s="71">
        <v>0</v>
      </c>
      <c r="GD26" s="71">
        <v>0</v>
      </c>
      <c r="GE26" s="71">
        <v>0</v>
      </c>
      <c r="GF26" s="72">
        <v>0</v>
      </c>
      <c r="GG26" s="73">
        <v>0</v>
      </c>
      <c r="GH26" s="70">
        <v>5</v>
      </c>
      <c r="GI26" s="71">
        <v>4</v>
      </c>
      <c r="GJ26" s="72">
        <v>9</v>
      </c>
      <c r="GK26" s="244"/>
      <c r="GL26" s="71">
        <v>6</v>
      </c>
      <c r="GM26" s="71">
        <v>7</v>
      </c>
      <c r="GN26" s="71">
        <v>3</v>
      </c>
      <c r="GO26" s="71">
        <v>2</v>
      </c>
      <c r="GP26" s="71">
        <v>3</v>
      </c>
      <c r="GQ26" s="72">
        <v>21</v>
      </c>
      <c r="GR26" s="73">
        <v>30</v>
      </c>
      <c r="GS26" s="123">
        <v>36</v>
      </c>
      <c r="GT26" s="82">
        <v>35</v>
      </c>
      <c r="GU26" s="83">
        <v>71</v>
      </c>
      <c r="GV26" s="241"/>
      <c r="GW26" s="82">
        <v>62</v>
      </c>
      <c r="GX26" s="82">
        <v>38</v>
      </c>
      <c r="GY26" s="82">
        <v>23</v>
      </c>
      <c r="GZ26" s="82">
        <v>17</v>
      </c>
      <c r="HA26" s="82">
        <v>14</v>
      </c>
      <c r="HB26" s="84">
        <v>154</v>
      </c>
      <c r="HC26" s="85">
        <v>225</v>
      </c>
      <c r="HD26" s="70">
        <v>0</v>
      </c>
      <c r="HE26" s="71">
        <v>0</v>
      </c>
      <c r="HF26" s="72">
        <v>0</v>
      </c>
      <c r="HG26" s="244"/>
      <c r="HH26" s="71">
        <v>2</v>
      </c>
      <c r="HI26" s="71">
        <v>1</v>
      </c>
      <c r="HJ26" s="71">
        <v>1</v>
      </c>
      <c r="HK26" s="71">
        <v>0</v>
      </c>
      <c r="HL26" s="71">
        <v>0</v>
      </c>
      <c r="HM26" s="72">
        <v>4</v>
      </c>
      <c r="HN26" s="73">
        <v>4</v>
      </c>
      <c r="HO26" s="70">
        <v>4</v>
      </c>
      <c r="HP26" s="71">
        <v>2</v>
      </c>
      <c r="HQ26" s="72">
        <v>6</v>
      </c>
      <c r="HR26" s="244"/>
      <c r="HS26" s="71">
        <v>4</v>
      </c>
      <c r="HT26" s="71">
        <v>2</v>
      </c>
      <c r="HU26" s="71">
        <v>1</v>
      </c>
      <c r="HV26" s="71">
        <v>2</v>
      </c>
      <c r="HW26" s="71">
        <v>3</v>
      </c>
      <c r="HX26" s="72">
        <v>12</v>
      </c>
      <c r="HY26" s="73">
        <v>18</v>
      </c>
      <c r="HZ26" s="70">
        <v>5</v>
      </c>
      <c r="IA26" s="71">
        <v>6</v>
      </c>
      <c r="IB26" s="72">
        <v>11</v>
      </c>
      <c r="IC26" s="244"/>
      <c r="ID26" s="71">
        <v>7</v>
      </c>
      <c r="IE26" s="71">
        <v>6</v>
      </c>
      <c r="IF26" s="71">
        <v>1</v>
      </c>
      <c r="IG26" s="71">
        <v>2</v>
      </c>
      <c r="IH26" s="71">
        <v>3</v>
      </c>
      <c r="II26" s="72">
        <v>19</v>
      </c>
      <c r="IJ26" s="73">
        <v>30</v>
      </c>
      <c r="IK26" s="70">
        <v>9</v>
      </c>
      <c r="IL26" s="71">
        <v>8</v>
      </c>
      <c r="IM26" s="72">
        <v>17</v>
      </c>
      <c r="IN26" s="244"/>
      <c r="IO26" s="71">
        <v>23</v>
      </c>
      <c r="IP26" s="71">
        <v>12</v>
      </c>
      <c r="IQ26" s="71">
        <v>4</v>
      </c>
      <c r="IR26" s="71">
        <v>5</v>
      </c>
      <c r="IS26" s="71">
        <v>1</v>
      </c>
      <c r="IT26" s="72">
        <v>45</v>
      </c>
      <c r="IU26" s="73">
        <v>62</v>
      </c>
      <c r="IV26" s="70">
        <v>15</v>
      </c>
      <c r="IW26" s="71">
        <v>11</v>
      </c>
      <c r="IX26" s="72">
        <v>26</v>
      </c>
      <c r="IY26" s="244"/>
      <c r="IZ26" s="71">
        <v>17</v>
      </c>
      <c r="JA26" s="71">
        <v>8</v>
      </c>
      <c r="JB26" s="71">
        <v>5</v>
      </c>
      <c r="JC26" s="71">
        <v>3</v>
      </c>
      <c r="JD26" s="71">
        <v>3</v>
      </c>
      <c r="JE26" s="72">
        <v>36</v>
      </c>
      <c r="JF26" s="73">
        <v>62</v>
      </c>
      <c r="JG26" s="70">
        <v>3</v>
      </c>
      <c r="JH26" s="71">
        <v>8</v>
      </c>
      <c r="JI26" s="72">
        <v>11</v>
      </c>
      <c r="JJ26" s="244"/>
      <c r="JK26" s="71">
        <v>9</v>
      </c>
      <c r="JL26" s="71">
        <v>9</v>
      </c>
      <c r="JM26" s="71">
        <v>11</v>
      </c>
      <c r="JN26" s="71">
        <v>5</v>
      </c>
      <c r="JO26" s="71">
        <v>4</v>
      </c>
      <c r="JP26" s="72">
        <v>38</v>
      </c>
      <c r="JQ26" s="73">
        <v>49</v>
      </c>
      <c r="JR26" s="70">
        <v>0</v>
      </c>
      <c r="JS26" s="71">
        <v>0</v>
      </c>
      <c r="JT26" s="72">
        <v>0</v>
      </c>
      <c r="JU26" s="244"/>
      <c r="JV26" s="71">
        <v>0</v>
      </c>
      <c r="JW26" s="71">
        <v>0</v>
      </c>
      <c r="JX26" s="71">
        <v>0</v>
      </c>
      <c r="JY26" s="71">
        <v>0</v>
      </c>
      <c r="JZ26" s="71">
        <v>0</v>
      </c>
      <c r="KA26" s="72">
        <v>0</v>
      </c>
      <c r="KB26" s="73">
        <v>0</v>
      </c>
      <c r="KC26" s="70">
        <v>36</v>
      </c>
      <c r="KD26" s="71">
        <v>35</v>
      </c>
      <c r="KE26" s="72">
        <v>71</v>
      </c>
      <c r="KF26" s="244"/>
      <c r="KG26" s="71">
        <v>62</v>
      </c>
      <c r="KH26" s="71">
        <v>38</v>
      </c>
      <c r="KI26" s="71">
        <v>23</v>
      </c>
      <c r="KJ26" s="71">
        <v>17</v>
      </c>
      <c r="KK26" s="71">
        <v>14</v>
      </c>
      <c r="KL26" s="72">
        <v>154</v>
      </c>
      <c r="KM26" s="73">
        <v>225</v>
      </c>
    </row>
    <row r="27" spans="2:299" ht="21" customHeight="1" x14ac:dyDescent="0.2">
      <c r="B27" s="126" t="s">
        <v>24</v>
      </c>
      <c r="C27" s="315">
        <v>33</v>
      </c>
      <c r="D27" s="82">
        <v>18</v>
      </c>
      <c r="E27" s="83">
        <v>51</v>
      </c>
      <c r="F27" s="241"/>
      <c r="G27" s="82">
        <v>47</v>
      </c>
      <c r="H27" s="82">
        <v>30</v>
      </c>
      <c r="I27" s="82">
        <v>23</v>
      </c>
      <c r="J27" s="82">
        <v>10</v>
      </c>
      <c r="K27" s="82">
        <v>9</v>
      </c>
      <c r="L27" s="84">
        <v>119</v>
      </c>
      <c r="M27" s="85">
        <v>170</v>
      </c>
      <c r="N27" s="70">
        <v>0</v>
      </c>
      <c r="O27" s="71">
        <v>0</v>
      </c>
      <c r="P27" s="72">
        <v>0</v>
      </c>
      <c r="Q27" s="244"/>
      <c r="R27" s="71">
        <v>0</v>
      </c>
      <c r="S27" s="71">
        <v>0</v>
      </c>
      <c r="T27" s="71">
        <v>2</v>
      </c>
      <c r="U27" s="71">
        <v>0</v>
      </c>
      <c r="V27" s="71">
        <v>0</v>
      </c>
      <c r="W27" s="72">
        <v>2</v>
      </c>
      <c r="X27" s="73">
        <v>2</v>
      </c>
      <c r="Y27" s="70">
        <v>0</v>
      </c>
      <c r="Z27" s="71">
        <v>0</v>
      </c>
      <c r="AA27" s="72">
        <v>0</v>
      </c>
      <c r="AB27" s="244"/>
      <c r="AC27" s="71">
        <v>4</v>
      </c>
      <c r="AD27" s="71">
        <v>4</v>
      </c>
      <c r="AE27" s="71">
        <v>0</v>
      </c>
      <c r="AF27" s="71">
        <v>0</v>
      </c>
      <c r="AG27" s="71">
        <v>1</v>
      </c>
      <c r="AH27" s="72">
        <v>9</v>
      </c>
      <c r="AI27" s="73">
        <v>9</v>
      </c>
      <c r="AJ27" s="70">
        <v>2</v>
      </c>
      <c r="AK27" s="71">
        <v>2</v>
      </c>
      <c r="AL27" s="72">
        <v>4</v>
      </c>
      <c r="AM27" s="244"/>
      <c r="AN27" s="71">
        <v>4</v>
      </c>
      <c r="AO27" s="71">
        <v>3</v>
      </c>
      <c r="AP27" s="71">
        <v>2</v>
      </c>
      <c r="AQ27" s="71">
        <v>2</v>
      </c>
      <c r="AR27" s="71">
        <v>0</v>
      </c>
      <c r="AS27" s="72">
        <v>11</v>
      </c>
      <c r="AT27" s="73">
        <v>15</v>
      </c>
      <c r="AU27" s="70">
        <v>2</v>
      </c>
      <c r="AV27" s="71">
        <v>3</v>
      </c>
      <c r="AW27" s="72">
        <v>5</v>
      </c>
      <c r="AX27" s="244"/>
      <c r="AY27" s="71">
        <v>5</v>
      </c>
      <c r="AZ27" s="71">
        <v>4</v>
      </c>
      <c r="BA27" s="71">
        <v>1</v>
      </c>
      <c r="BB27" s="71">
        <v>2</v>
      </c>
      <c r="BC27" s="71">
        <v>2</v>
      </c>
      <c r="BD27" s="72">
        <v>14</v>
      </c>
      <c r="BE27" s="73">
        <v>19</v>
      </c>
      <c r="BF27" s="70">
        <v>12</v>
      </c>
      <c r="BG27" s="71">
        <v>4</v>
      </c>
      <c r="BH27" s="72">
        <v>16</v>
      </c>
      <c r="BI27" s="244"/>
      <c r="BJ27" s="71">
        <v>17</v>
      </c>
      <c r="BK27" s="71">
        <v>12</v>
      </c>
      <c r="BL27" s="71">
        <v>6</v>
      </c>
      <c r="BM27" s="71">
        <v>4</v>
      </c>
      <c r="BN27" s="71">
        <v>2</v>
      </c>
      <c r="BO27" s="72">
        <v>41</v>
      </c>
      <c r="BP27" s="73">
        <v>57</v>
      </c>
      <c r="BQ27" s="70">
        <v>17</v>
      </c>
      <c r="BR27" s="71">
        <v>9</v>
      </c>
      <c r="BS27" s="72">
        <v>26</v>
      </c>
      <c r="BT27" s="244"/>
      <c r="BU27" s="71">
        <v>17</v>
      </c>
      <c r="BV27" s="71">
        <v>7</v>
      </c>
      <c r="BW27" s="71">
        <v>12</v>
      </c>
      <c r="BX27" s="71">
        <v>2</v>
      </c>
      <c r="BY27" s="71">
        <v>4</v>
      </c>
      <c r="BZ27" s="72">
        <v>42</v>
      </c>
      <c r="CA27" s="73">
        <v>68</v>
      </c>
      <c r="CB27" s="70">
        <v>0</v>
      </c>
      <c r="CC27" s="71">
        <v>0</v>
      </c>
      <c r="CD27" s="72">
        <v>0</v>
      </c>
      <c r="CE27" s="244"/>
      <c r="CF27" s="71">
        <v>0</v>
      </c>
      <c r="CG27" s="71">
        <v>0</v>
      </c>
      <c r="CH27" s="71">
        <v>0</v>
      </c>
      <c r="CI27" s="71">
        <v>0</v>
      </c>
      <c r="CJ27" s="71">
        <v>0</v>
      </c>
      <c r="CK27" s="72">
        <v>0</v>
      </c>
      <c r="CL27" s="73">
        <v>0</v>
      </c>
      <c r="CM27" s="70">
        <v>33</v>
      </c>
      <c r="CN27" s="71">
        <v>18</v>
      </c>
      <c r="CO27" s="72">
        <v>51</v>
      </c>
      <c r="CP27" s="244"/>
      <c r="CQ27" s="71">
        <v>47</v>
      </c>
      <c r="CR27" s="71">
        <v>30</v>
      </c>
      <c r="CS27" s="71">
        <v>23</v>
      </c>
      <c r="CT27" s="71">
        <v>10</v>
      </c>
      <c r="CU27" s="71">
        <v>9</v>
      </c>
      <c r="CV27" s="72">
        <v>119</v>
      </c>
      <c r="CW27" s="73">
        <v>170</v>
      </c>
      <c r="CX27" s="123">
        <v>3</v>
      </c>
      <c r="CY27" s="82">
        <v>2</v>
      </c>
      <c r="CZ27" s="83">
        <v>5</v>
      </c>
      <c r="DA27" s="241"/>
      <c r="DB27" s="82">
        <v>6</v>
      </c>
      <c r="DC27" s="82">
        <v>1</v>
      </c>
      <c r="DD27" s="82">
        <v>5</v>
      </c>
      <c r="DE27" s="82">
        <v>3</v>
      </c>
      <c r="DF27" s="82">
        <v>2</v>
      </c>
      <c r="DG27" s="84">
        <v>17</v>
      </c>
      <c r="DH27" s="85">
        <v>22</v>
      </c>
      <c r="DI27" s="70">
        <v>0</v>
      </c>
      <c r="DJ27" s="71">
        <v>0</v>
      </c>
      <c r="DK27" s="72">
        <v>0</v>
      </c>
      <c r="DL27" s="244"/>
      <c r="DM27" s="71">
        <v>0</v>
      </c>
      <c r="DN27" s="71">
        <v>0</v>
      </c>
      <c r="DO27" s="71">
        <v>0</v>
      </c>
      <c r="DP27" s="71">
        <v>0</v>
      </c>
      <c r="DQ27" s="71">
        <v>0</v>
      </c>
      <c r="DR27" s="72">
        <v>0</v>
      </c>
      <c r="DS27" s="73">
        <v>0</v>
      </c>
      <c r="DT27" s="70">
        <v>1</v>
      </c>
      <c r="DU27" s="71">
        <v>0</v>
      </c>
      <c r="DV27" s="72">
        <v>1</v>
      </c>
      <c r="DW27" s="244"/>
      <c r="DX27" s="71">
        <v>0</v>
      </c>
      <c r="DY27" s="71">
        <v>0</v>
      </c>
      <c r="DZ27" s="71">
        <v>0</v>
      </c>
      <c r="EA27" s="71">
        <v>0</v>
      </c>
      <c r="EB27" s="71">
        <v>0</v>
      </c>
      <c r="EC27" s="72">
        <v>0</v>
      </c>
      <c r="ED27" s="73">
        <v>1</v>
      </c>
      <c r="EE27" s="70">
        <v>0</v>
      </c>
      <c r="EF27" s="71">
        <v>0</v>
      </c>
      <c r="EG27" s="72">
        <v>0</v>
      </c>
      <c r="EH27" s="244"/>
      <c r="EI27" s="71">
        <v>0</v>
      </c>
      <c r="EJ27" s="71">
        <v>0</v>
      </c>
      <c r="EK27" s="71">
        <v>1</v>
      </c>
      <c r="EL27" s="71">
        <v>0</v>
      </c>
      <c r="EM27" s="71">
        <v>0</v>
      </c>
      <c r="EN27" s="72">
        <v>1</v>
      </c>
      <c r="EO27" s="73">
        <v>1</v>
      </c>
      <c r="EP27" s="70">
        <v>0</v>
      </c>
      <c r="EQ27" s="71">
        <v>0</v>
      </c>
      <c r="ER27" s="72">
        <v>0</v>
      </c>
      <c r="ES27" s="244"/>
      <c r="ET27" s="71">
        <v>1</v>
      </c>
      <c r="EU27" s="71">
        <v>0</v>
      </c>
      <c r="EV27" s="71">
        <v>0</v>
      </c>
      <c r="EW27" s="71">
        <v>2</v>
      </c>
      <c r="EX27" s="71">
        <v>0</v>
      </c>
      <c r="EY27" s="72">
        <v>3</v>
      </c>
      <c r="EZ27" s="73">
        <v>3</v>
      </c>
      <c r="FA27" s="70">
        <v>2</v>
      </c>
      <c r="FB27" s="71">
        <v>2</v>
      </c>
      <c r="FC27" s="72">
        <v>4</v>
      </c>
      <c r="FD27" s="244"/>
      <c r="FE27" s="71">
        <v>1</v>
      </c>
      <c r="FF27" s="71">
        <v>1</v>
      </c>
      <c r="FG27" s="71">
        <v>2</v>
      </c>
      <c r="FH27" s="71">
        <v>0</v>
      </c>
      <c r="FI27" s="71">
        <v>0</v>
      </c>
      <c r="FJ27" s="72">
        <v>4</v>
      </c>
      <c r="FK27" s="73">
        <v>8</v>
      </c>
      <c r="FL27" s="70">
        <v>0</v>
      </c>
      <c r="FM27" s="71">
        <v>0</v>
      </c>
      <c r="FN27" s="72">
        <v>0</v>
      </c>
      <c r="FO27" s="244"/>
      <c r="FP27" s="71">
        <v>4</v>
      </c>
      <c r="FQ27" s="71">
        <v>0</v>
      </c>
      <c r="FR27" s="71">
        <v>2</v>
      </c>
      <c r="FS27" s="71">
        <v>1</v>
      </c>
      <c r="FT27" s="71">
        <v>2</v>
      </c>
      <c r="FU27" s="72">
        <v>9</v>
      </c>
      <c r="FV27" s="73">
        <v>9</v>
      </c>
      <c r="FW27" s="70">
        <v>0</v>
      </c>
      <c r="FX27" s="71">
        <v>0</v>
      </c>
      <c r="FY27" s="72">
        <v>0</v>
      </c>
      <c r="FZ27" s="244"/>
      <c r="GA27" s="71">
        <v>0</v>
      </c>
      <c r="GB27" s="71">
        <v>0</v>
      </c>
      <c r="GC27" s="71">
        <v>0</v>
      </c>
      <c r="GD27" s="71">
        <v>0</v>
      </c>
      <c r="GE27" s="71">
        <v>0</v>
      </c>
      <c r="GF27" s="72">
        <v>0</v>
      </c>
      <c r="GG27" s="73">
        <v>0</v>
      </c>
      <c r="GH27" s="70">
        <v>3</v>
      </c>
      <c r="GI27" s="71">
        <v>2</v>
      </c>
      <c r="GJ27" s="72">
        <v>5</v>
      </c>
      <c r="GK27" s="244"/>
      <c r="GL27" s="71">
        <v>6</v>
      </c>
      <c r="GM27" s="71">
        <v>1</v>
      </c>
      <c r="GN27" s="71">
        <v>5</v>
      </c>
      <c r="GO27" s="71">
        <v>3</v>
      </c>
      <c r="GP27" s="71">
        <v>2</v>
      </c>
      <c r="GQ27" s="72">
        <v>17</v>
      </c>
      <c r="GR27" s="73">
        <v>22</v>
      </c>
      <c r="GS27" s="123">
        <v>36</v>
      </c>
      <c r="GT27" s="82">
        <v>20</v>
      </c>
      <c r="GU27" s="83">
        <v>56</v>
      </c>
      <c r="GV27" s="241"/>
      <c r="GW27" s="82">
        <v>53</v>
      </c>
      <c r="GX27" s="82">
        <v>31</v>
      </c>
      <c r="GY27" s="82">
        <v>28</v>
      </c>
      <c r="GZ27" s="82">
        <v>13</v>
      </c>
      <c r="HA27" s="82">
        <v>11</v>
      </c>
      <c r="HB27" s="84">
        <v>136</v>
      </c>
      <c r="HC27" s="85">
        <v>192</v>
      </c>
      <c r="HD27" s="70">
        <v>0</v>
      </c>
      <c r="HE27" s="71">
        <v>0</v>
      </c>
      <c r="HF27" s="72">
        <v>0</v>
      </c>
      <c r="HG27" s="244"/>
      <c r="HH27" s="71">
        <v>0</v>
      </c>
      <c r="HI27" s="71">
        <v>0</v>
      </c>
      <c r="HJ27" s="71">
        <v>2</v>
      </c>
      <c r="HK27" s="71">
        <v>0</v>
      </c>
      <c r="HL27" s="71">
        <v>0</v>
      </c>
      <c r="HM27" s="72">
        <v>2</v>
      </c>
      <c r="HN27" s="73">
        <v>2</v>
      </c>
      <c r="HO27" s="70">
        <v>1</v>
      </c>
      <c r="HP27" s="71">
        <v>0</v>
      </c>
      <c r="HQ27" s="72">
        <v>1</v>
      </c>
      <c r="HR27" s="244"/>
      <c r="HS27" s="71">
        <v>4</v>
      </c>
      <c r="HT27" s="71">
        <v>4</v>
      </c>
      <c r="HU27" s="71">
        <v>0</v>
      </c>
      <c r="HV27" s="71">
        <v>0</v>
      </c>
      <c r="HW27" s="71">
        <v>1</v>
      </c>
      <c r="HX27" s="72">
        <v>9</v>
      </c>
      <c r="HY27" s="73">
        <v>10</v>
      </c>
      <c r="HZ27" s="70">
        <v>2</v>
      </c>
      <c r="IA27" s="71">
        <v>2</v>
      </c>
      <c r="IB27" s="72">
        <v>4</v>
      </c>
      <c r="IC27" s="244"/>
      <c r="ID27" s="71">
        <v>4</v>
      </c>
      <c r="IE27" s="71">
        <v>3</v>
      </c>
      <c r="IF27" s="71">
        <v>3</v>
      </c>
      <c r="IG27" s="71">
        <v>2</v>
      </c>
      <c r="IH27" s="71">
        <v>0</v>
      </c>
      <c r="II27" s="72">
        <v>12</v>
      </c>
      <c r="IJ27" s="73">
        <v>16</v>
      </c>
      <c r="IK27" s="70">
        <v>2</v>
      </c>
      <c r="IL27" s="71">
        <v>3</v>
      </c>
      <c r="IM27" s="72">
        <v>5</v>
      </c>
      <c r="IN27" s="244"/>
      <c r="IO27" s="71">
        <v>6</v>
      </c>
      <c r="IP27" s="71">
        <v>4</v>
      </c>
      <c r="IQ27" s="71">
        <v>1</v>
      </c>
      <c r="IR27" s="71">
        <v>4</v>
      </c>
      <c r="IS27" s="71">
        <v>2</v>
      </c>
      <c r="IT27" s="72">
        <v>17</v>
      </c>
      <c r="IU27" s="73">
        <v>22</v>
      </c>
      <c r="IV27" s="70">
        <v>14</v>
      </c>
      <c r="IW27" s="71">
        <v>6</v>
      </c>
      <c r="IX27" s="72">
        <v>20</v>
      </c>
      <c r="IY27" s="244"/>
      <c r="IZ27" s="71">
        <v>18</v>
      </c>
      <c r="JA27" s="71">
        <v>13</v>
      </c>
      <c r="JB27" s="71">
        <v>8</v>
      </c>
      <c r="JC27" s="71">
        <v>4</v>
      </c>
      <c r="JD27" s="71">
        <v>2</v>
      </c>
      <c r="JE27" s="72">
        <v>45</v>
      </c>
      <c r="JF27" s="73">
        <v>65</v>
      </c>
      <c r="JG27" s="70">
        <v>17</v>
      </c>
      <c r="JH27" s="71">
        <v>9</v>
      </c>
      <c r="JI27" s="72">
        <v>26</v>
      </c>
      <c r="JJ27" s="244"/>
      <c r="JK27" s="71">
        <v>21</v>
      </c>
      <c r="JL27" s="71">
        <v>7</v>
      </c>
      <c r="JM27" s="71">
        <v>14</v>
      </c>
      <c r="JN27" s="71">
        <v>3</v>
      </c>
      <c r="JO27" s="71">
        <v>6</v>
      </c>
      <c r="JP27" s="72">
        <v>51</v>
      </c>
      <c r="JQ27" s="73">
        <v>77</v>
      </c>
      <c r="JR27" s="70">
        <v>0</v>
      </c>
      <c r="JS27" s="71">
        <v>0</v>
      </c>
      <c r="JT27" s="72">
        <v>0</v>
      </c>
      <c r="JU27" s="244"/>
      <c r="JV27" s="71">
        <v>0</v>
      </c>
      <c r="JW27" s="71">
        <v>0</v>
      </c>
      <c r="JX27" s="71">
        <v>0</v>
      </c>
      <c r="JY27" s="71">
        <v>0</v>
      </c>
      <c r="JZ27" s="71">
        <v>0</v>
      </c>
      <c r="KA27" s="72">
        <v>0</v>
      </c>
      <c r="KB27" s="73">
        <v>0</v>
      </c>
      <c r="KC27" s="70">
        <v>36</v>
      </c>
      <c r="KD27" s="71">
        <v>20</v>
      </c>
      <c r="KE27" s="72">
        <v>56</v>
      </c>
      <c r="KF27" s="244"/>
      <c r="KG27" s="71">
        <v>53</v>
      </c>
      <c r="KH27" s="71">
        <v>31</v>
      </c>
      <c r="KI27" s="71">
        <v>28</v>
      </c>
      <c r="KJ27" s="71">
        <v>13</v>
      </c>
      <c r="KK27" s="71">
        <v>11</v>
      </c>
      <c r="KL27" s="72">
        <v>136</v>
      </c>
      <c r="KM27" s="73">
        <v>192</v>
      </c>
    </row>
    <row r="28" spans="2:299" ht="21" customHeight="1" x14ac:dyDescent="0.2">
      <c r="B28" s="126" t="s">
        <v>25</v>
      </c>
      <c r="C28" s="315">
        <v>17</v>
      </c>
      <c r="D28" s="82">
        <v>20</v>
      </c>
      <c r="E28" s="83">
        <v>37</v>
      </c>
      <c r="F28" s="241"/>
      <c r="G28" s="82">
        <v>30</v>
      </c>
      <c r="H28" s="82">
        <v>10</v>
      </c>
      <c r="I28" s="82">
        <v>15</v>
      </c>
      <c r="J28" s="82">
        <v>12</v>
      </c>
      <c r="K28" s="82">
        <v>8</v>
      </c>
      <c r="L28" s="84">
        <v>75</v>
      </c>
      <c r="M28" s="85">
        <v>112</v>
      </c>
      <c r="N28" s="70">
        <v>0</v>
      </c>
      <c r="O28" s="71">
        <v>1</v>
      </c>
      <c r="P28" s="72">
        <v>1</v>
      </c>
      <c r="Q28" s="244"/>
      <c r="R28" s="71">
        <v>1</v>
      </c>
      <c r="S28" s="71">
        <v>0</v>
      </c>
      <c r="T28" s="71">
        <v>0</v>
      </c>
      <c r="U28" s="71">
        <v>0</v>
      </c>
      <c r="V28" s="71">
        <v>0</v>
      </c>
      <c r="W28" s="72">
        <v>1</v>
      </c>
      <c r="X28" s="73">
        <v>2</v>
      </c>
      <c r="Y28" s="70">
        <v>1</v>
      </c>
      <c r="Z28" s="71">
        <v>2</v>
      </c>
      <c r="AA28" s="72">
        <v>3</v>
      </c>
      <c r="AB28" s="244"/>
      <c r="AC28" s="71">
        <v>1</v>
      </c>
      <c r="AD28" s="71">
        <v>0</v>
      </c>
      <c r="AE28" s="71">
        <v>0</v>
      </c>
      <c r="AF28" s="71">
        <v>1</v>
      </c>
      <c r="AG28" s="71">
        <v>0</v>
      </c>
      <c r="AH28" s="72">
        <v>2</v>
      </c>
      <c r="AI28" s="73">
        <v>5</v>
      </c>
      <c r="AJ28" s="70">
        <v>5</v>
      </c>
      <c r="AK28" s="71">
        <v>5</v>
      </c>
      <c r="AL28" s="72">
        <v>10</v>
      </c>
      <c r="AM28" s="244"/>
      <c r="AN28" s="71">
        <v>4</v>
      </c>
      <c r="AO28" s="71">
        <v>0</v>
      </c>
      <c r="AP28" s="71">
        <v>0</v>
      </c>
      <c r="AQ28" s="71">
        <v>2</v>
      </c>
      <c r="AR28" s="71">
        <v>1</v>
      </c>
      <c r="AS28" s="72">
        <v>7</v>
      </c>
      <c r="AT28" s="73">
        <v>17</v>
      </c>
      <c r="AU28" s="70">
        <v>1</v>
      </c>
      <c r="AV28" s="71">
        <v>7</v>
      </c>
      <c r="AW28" s="72">
        <v>8</v>
      </c>
      <c r="AX28" s="244"/>
      <c r="AY28" s="71">
        <v>6</v>
      </c>
      <c r="AZ28" s="71">
        <v>2</v>
      </c>
      <c r="BA28" s="71">
        <v>6</v>
      </c>
      <c r="BB28" s="71">
        <v>2</v>
      </c>
      <c r="BC28" s="71">
        <v>3</v>
      </c>
      <c r="BD28" s="72">
        <v>19</v>
      </c>
      <c r="BE28" s="73">
        <v>27</v>
      </c>
      <c r="BF28" s="70">
        <v>3</v>
      </c>
      <c r="BG28" s="71">
        <v>4</v>
      </c>
      <c r="BH28" s="72">
        <v>7</v>
      </c>
      <c r="BI28" s="244"/>
      <c r="BJ28" s="71">
        <v>9</v>
      </c>
      <c r="BK28" s="71">
        <v>6</v>
      </c>
      <c r="BL28" s="71">
        <v>3</v>
      </c>
      <c r="BM28" s="71">
        <v>3</v>
      </c>
      <c r="BN28" s="71">
        <v>2</v>
      </c>
      <c r="BO28" s="72">
        <v>23</v>
      </c>
      <c r="BP28" s="73">
        <v>30</v>
      </c>
      <c r="BQ28" s="70">
        <v>7</v>
      </c>
      <c r="BR28" s="71">
        <v>1</v>
      </c>
      <c r="BS28" s="72">
        <v>8</v>
      </c>
      <c r="BT28" s="244"/>
      <c r="BU28" s="71">
        <v>9</v>
      </c>
      <c r="BV28" s="71">
        <v>2</v>
      </c>
      <c r="BW28" s="71">
        <v>6</v>
      </c>
      <c r="BX28" s="71">
        <v>4</v>
      </c>
      <c r="BY28" s="71">
        <v>2</v>
      </c>
      <c r="BZ28" s="72">
        <v>23</v>
      </c>
      <c r="CA28" s="73">
        <v>31</v>
      </c>
      <c r="CB28" s="70">
        <v>0</v>
      </c>
      <c r="CC28" s="71">
        <v>0</v>
      </c>
      <c r="CD28" s="72">
        <v>0</v>
      </c>
      <c r="CE28" s="244"/>
      <c r="CF28" s="71">
        <v>0</v>
      </c>
      <c r="CG28" s="71">
        <v>0</v>
      </c>
      <c r="CH28" s="71">
        <v>0</v>
      </c>
      <c r="CI28" s="71">
        <v>0</v>
      </c>
      <c r="CJ28" s="71">
        <v>0</v>
      </c>
      <c r="CK28" s="72">
        <v>0</v>
      </c>
      <c r="CL28" s="73">
        <v>0</v>
      </c>
      <c r="CM28" s="70">
        <v>17</v>
      </c>
      <c r="CN28" s="71">
        <v>20</v>
      </c>
      <c r="CO28" s="72">
        <v>37</v>
      </c>
      <c r="CP28" s="244"/>
      <c r="CQ28" s="71">
        <v>30</v>
      </c>
      <c r="CR28" s="71">
        <v>10</v>
      </c>
      <c r="CS28" s="71">
        <v>15</v>
      </c>
      <c r="CT28" s="71">
        <v>12</v>
      </c>
      <c r="CU28" s="71">
        <v>8</v>
      </c>
      <c r="CV28" s="72">
        <v>75</v>
      </c>
      <c r="CW28" s="73">
        <v>112</v>
      </c>
      <c r="CX28" s="123">
        <v>3</v>
      </c>
      <c r="CY28" s="82">
        <v>3</v>
      </c>
      <c r="CZ28" s="83">
        <v>6</v>
      </c>
      <c r="DA28" s="241"/>
      <c r="DB28" s="82">
        <v>3</v>
      </c>
      <c r="DC28" s="82">
        <v>2</v>
      </c>
      <c r="DD28" s="82">
        <v>0</v>
      </c>
      <c r="DE28" s="82">
        <v>0</v>
      </c>
      <c r="DF28" s="82">
        <v>0</v>
      </c>
      <c r="DG28" s="84">
        <v>5</v>
      </c>
      <c r="DH28" s="85">
        <v>11</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0</v>
      </c>
      <c r="DZ28" s="71">
        <v>0</v>
      </c>
      <c r="EA28" s="71">
        <v>0</v>
      </c>
      <c r="EB28" s="71">
        <v>0</v>
      </c>
      <c r="EC28" s="72">
        <v>0</v>
      </c>
      <c r="ED28" s="73">
        <v>0</v>
      </c>
      <c r="EE28" s="70">
        <v>0</v>
      </c>
      <c r="EF28" s="71">
        <v>1</v>
      </c>
      <c r="EG28" s="72">
        <v>1</v>
      </c>
      <c r="EH28" s="244"/>
      <c r="EI28" s="71">
        <v>0</v>
      </c>
      <c r="EJ28" s="71">
        <v>1</v>
      </c>
      <c r="EK28" s="71">
        <v>0</v>
      </c>
      <c r="EL28" s="71">
        <v>0</v>
      </c>
      <c r="EM28" s="71">
        <v>0</v>
      </c>
      <c r="EN28" s="72">
        <v>1</v>
      </c>
      <c r="EO28" s="73">
        <v>2</v>
      </c>
      <c r="EP28" s="70">
        <v>0</v>
      </c>
      <c r="EQ28" s="71">
        <v>1</v>
      </c>
      <c r="ER28" s="72">
        <v>1</v>
      </c>
      <c r="ES28" s="244"/>
      <c r="ET28" s="71">
        <v>0</v>
      </c>
      <c r="EU28" s="71">
        <v>0</v>
      </c>
      <c r="EV28" s="71">
        <v>0</v>
      </c>
      <c r="EW28" s="71">
        <v>0</v>
      </c>
      <c r="EX28" s="71">
        <v>0</v>
      </c>
      <c r="EY28" s="72">
        <v>0</v>
      </c>
      <c r="EZ28" s="73">
        <v>1</v>
      </c>
      <c r="FA28" s="70">
        <v>1</v>
      </c>
      <c r="FB28" s="71">
        <v>1</v>
      </c>
      <c r="FC28" s="72">
        <v>2</v>
      </c>
      <c r="FD28" s="244"/>
      <c r="FE28" s="71">
        <v>1</v>
      </c>
      <c r="FF28" s="71">
        <v>0</v>
      </c>
      <c r="FG28" s="71">
        <v>0</v>
      </c>
      <c r="FH28" s="71">
        <v>0</v>
      </c>
      <c r="FI28" s="71">
        <v>0</v>
      </c>
      <c r="FJ28" s="72">
        <v>1</v>
      </c>
      <c r="FK28" s="73">
        <v>3</v>
      </c>
      <c r="FL28" s="70">
        <v>2</v>
      </c>
      <c r="FM28" s="71">
        <v>0</v>
      </c>
      <c r="FN28" s="72">
        <v>2</v>
      </c>
      <c r="FO28" s="244"/>
      <c r="FP28" s="71">
        <v>2</v>
      </c>
      <c r="FQ28" s="71">
        <v>1</v>
      </c>
      <c r="FR28" s="71">
        <v>0</v>
      </c>
      <c r="FS28" s="71">
        <v>0</v>
      </c>
      <c r="FT28" s="71">
        <v>0</v>
      </c>
      <c r="FU28" s="72">
        <v>3</v>
      </c>
      <c r="FV28" s="73">
        <v>5</v>
      </c>
      <c r="FW28" s="70">
        <v>0</v>
      </c>
      <c r="FX28" s="71">
        <v>0</v>
      </c>
      <c r="FY28" s="72">
        <v>0</v>
      </c>
      <c r="FZ28" s="244"/>
      <c r="GA28" s="71">
        <v>0</v>
      </c>
      <c r="GB28" s="71">
        <v>0</v>
      </c>
      <c r="GC28" s="71">
        <v>0</v>
      </c>
      <c r="GD28" s="71">
        <v>0</v>
      </c>
      <c r="GE28" s="71">
        <v>0</v>
      </c>
      <c r="GF28" s="72">
        <v>0</v>
      </c>
      <c r="GG28" s="73">
        <v>0</v>
      </c>
      <c r="GH28" s="70">
        <v>3</v>
      </c>
      <c r="GI28" s="71">
        <v>3</v>
      </c>
      <c r="GJ28" s="72">
        <v>6</v>
      </c>
      <c r="GK28" s="244"/>
      <c r="GL28" s="71">
        <v>3</v>
      </c>
      <c r="GM28" s="71">
        <v>2</v>
      </c>
      <c r="GN28" s="71">
        <v>0</v>
      </c>
      <c r="GO28" s="71">
        <v>0</v>
      </c>
      <c r="GP28" s="71">
        <v>0</v>
      </c>
      <c r="GQ28" s="72">
        <v>5</v>
      </c>
      <c r="GR28" s="73">
        <v>11</v>
      </c>
      <c r="GS28" s="123">
        <v>20</v>
      </c>
      <c r="GT28" s="82">
        <v>23</v>
      </c>
      <c r="GU28" s="83">
        <v>43</v>
      </c>
      <c r="GV28" s="241"/>
      <c r="GW28" s="82">
        <v>33</v>
      </c>
      <c r="GX28" s="82">
        <v>12</v>
      </c>
      <c r="GY28" s="82">
        <v>15</v>
      </c>
      <c r="GZ28" s="82">
        <v>12</v>
      </c>
      <c r="HA28" s="82">
        <v>8</v>
      </c>
      <c r="HB28" s="84">
        <v>80</v>
      </c>
      <c r="HC28" s="85">
        <v>123</v>
      </c>
      <c r="HD28" s="70">
        <v>0</v>
      </c>
      <c r="HE28" s="71">
        <v>1</v>
      </c>
      <c r="HF28" s="72">
        <v>1</v>
      </c>
      <c r="HG28" s="244"/>
      <c r="HH28" s="71">
        <v>1</v>
      </c>
      <c r="HI28" s="71">
        <v>0</v>
      </c>
      <c r="HJ28" s="71">
        <v>0</v>
      </c>
      <c r="HK28" s="71">
        <v>0</v>
      </c>
      <c r="HL28" s="71">
        <v>0</v>
      </c>
      <c r="HM28" s="72">
        <v>1</v>
      </c>
      <c r="HN28" s="73">
        <v>2</v>
      </c>
      <c r="HO28" s="70">
        <v>1</v>
      </c>
      <c r="HP28" s="71">
        <v>2</v>
      </c>
      <c r="HQ28" s="72">
        <v>3</v>
      </c>
      <c r="HR28" s="244"/>
      <c r="HS28" s="71">
        <v>1</v>
      </c>
      <c r="HT28" s="71">
        <v>0</v>
      </c>
      <c r="HU28" s="71">
        <v>0</v>
      </c>
      <c r="HV28" s="71">
        <v>1</v>
      </c>
      <c r="HW28" s="71">
        <v>0</v>
      </c>
      <c r="HX28" s="72">
        <v>2</v>
      </c>
      <c r="HY28" s="73">
        <v>5</v>
      </c>
      <c r="HZ28" s="70">
        <v>5</v>
      </c>
      <c r="IA28" s="71">
        <v>6</v>
      </c>
      <c r="IB28" s="72">
        <v>11</v>
      </c>
      <c r="IC28" s="244"/>
      <c r="ID28" s="71">
        <v>4</v>
      </c>
      <c r="IE28" s="71">
        <v>1</v>
      </c>
      <c r="IF28" s="71">
        <v>0</v>
      </c>
      <c r="IG28" s="71">
        <v>2</v>
      </c>
      <c r="IH28" s="71">
        <v>1</v>
      </c>
      <c r="II28" s="72">
        <v>8</v>
      </c>
      <c r="IJ28" s="73">
        <v>19</v>
      </c>
      <c r="IK28" s="70">
        <v>1</v>
      </c>
      <c r="IL28" s="71">
        <v>8</v>
      </c>
      <c r="IM28" s="72">
        <v>9</v>
      </c>
      <c r="IN28" s="244"/>
      <c r="IO28" s="71">
        <v>6</v>
      </c>
      <c r="IP28" s="71">
        <v>2</v>
      </c>
      <c r="IQ28" s="71">
        <v>6</v>
      </c>
      <c r="IR28" s="71">
        <v>2</v>
      </c>
      <c r="IS28" s="71">
        <v>3</v>
      </c>
      <c r="IT28" s="72">
        <v>19</v>
      </c>
      <c r="IU28" s="73">
        <v>28</v>
      </c>
      <c r="IV28" s="70">
        <v>4</v>
      </c>
      <c r="IW28" s="71">
        <v>5</v>
      </c>
      <c r="IX28" s="72">
        <v>9</v>
      </c>
      <c r="IY28" s="244"/>
      <c r="IZ28" s="71">
        <v>10</v>
      </c>
      <c r="JA28" s="71">
        <v>6</v>
      </c>
      <c r="JB28" s="71">
        <v>3</v>
      </c>
      <c r="JC28" s="71">
        <v>3</v>
      </c>
      <c r="JD28" s="71">
        <v>2</v>
      </c>
      <c r="JE28" s="72">
        <v>24</v>
      </c>
      <c r="JF28" s="73">
        <v>33</v>
      </c>
      <c r="JG28" s="70">
        <v>9</v>
      </c>
      <c r="JH28" s="71">
        <v>1</v>
      </c>
      <c r="JI28" s="72">
        <v>10</v>
      </c>
      <c r="JJ28" s="244"/>
      <c r="JK28" s="71">
        <v>11</v>
      </c>
      <c r="JL28" s="71">
        <v>3</v>
      </c>
      <c r="JM28" s="71">
        <v>6</v>
      </c>
      <c r="JN28" s="71">
        <v>4</v>
      </c>
      <c r="JO28" s="71">
        <v>2</v>
      </c>
      <c r="JP28" s="72">
        <v>26</v>
      </c>
      <c r="JQ28" s="73">
        <v>36</v>
      </c>
      <c r="JR28" s="70">
        <v>0</v>
      </c>
      <c r="JS28" s="71">
        <v>0</v>
      </c>
      <c r="JT28" s="72">
        <v>0</v>
      </c>
      <c r="JU28" s="244"/>
      <c r="JV28" s="71">
        <v>0</v>
      </c>
      <c r="JW28" s="71">
        <v>0</v>
      </c>
      <c r="JX28" s="71">
        <v>0</v>
      </c>
      <c r="JY28" s="71">
        <v>0</v>
      </c>
      <c r="JZ28" s="71">
        <v>0</v>
      </c>
      <c r="KA28" s="72">
        <v>0</v>
      </c>
      <c r="KB28" s="73">
        <v>0</v>
      </c>
      <c r="KC28" s="70">
        <v>20</v>
      </c>
      <c r="KD28" s="71">
        <v>23</v>
      </c>
      <c r="KE28" s="72">
        <v>43</v>
      </c>
      <c r="KF28" s="244"/>
      <c r="KG28" s="71">
        <v>33</v>
      </c>
      <c r="KH28" s="71">
        <v>12</v>
      </c>
      <c r="KI28" s="71">
        <v>15</v>
      </c>
      <c r="KJ28" s="71">
        <v>12</v>
      </c>
      <c r="KK28" s="71">
        <v>8</v>
      </c>
      <c r="KL28" s="72">
        <v>80</v>
      </c>
      <c r="KM28" s="73">
        <v>123</v>
      </c>
    </row>
    <row r="29" spans="2:299" ht="21" customHeight="1" x14ac:dyDescent="0.2">
      <c r="B29" s="126" t="s">
        <v>26</v>
      </c>
      <c r="C29" s="315">
        <v>24</v>
      </c>
      <c r="D29" s="82">
        <v>11</v>
      </c>
      <c r="E29" s="83">
        <v>35</v>
      </c>
      <c r="F29" s="241"/>
      <c r="G29" s="82">
        <v>22</v>
      </c>
      <c r="H29" s="82">
        <v>28</v>
      </c>
      <c r="I29" s="82">
        <v>14</v>
      </c>
      <c r="J29" s="82">
        <v>12</v>
      </c>
      <c r="K29" s="82">
        <v>6</v>
      </c>
      <c r="L29" s="84">
        <v>82</v>
      </c>
      <c r="M29" s="85">
        <v>117</v>
      </c>
      <c r="N29" s="70">
        <v>0</v>
      </c>
      <c r="O29" s="71">
        <v>0</v>
      </c>
      <c r="P29" s="72">
        <v>0</v>
      </c>
      <c r="Q29" s="244"/>
      <c r="R29" s="71">
        <v>0</v>
      </c>
      <c r="S29" s="71">
        <v>0</v>
      </c>
      <c r="T29" s="71">
        <v>0</v>
      </c>
      <c r="U29" s="71">
        <v>0</v>
      </c>
      <c r="V29" s="71">
        <v>0</v>
      </c>
      <c r="W29" s="72">
        <v>0</v>
      </c>
      <c r="X29" s="73">
        <v>0</v>
      </c>
      <c r="Y29" s="70">
        <v>1</v>
      </c>
      <c r="Z29" s="71">
        <v>0</v>
      </c>
      <c r="AA29" s="72">
        <v>1</v>
      </c>
      <c r="AB29" s="244"/>
      <c r="AC29" s="71">
        <v>1</v>
      </c>
      <c r="AD29" s="71">
        <v>0</v>
      </c>
      <c r="AE29" s="71">
        <v>0</v>
      </c>
      <c r="AF29" s="71">
        <v>0</v>
      </c>
      <c r="AG29" s="71">
        <v>0</v>
      </c>
      <c r="AH29" s="72">
        <v>1</v>
      </c>
      <c r="AI29" s="73">
        <v>2</v>
      </c>
      <c r="AJ29" s="70">
        <v>3</v>
      </c>
      <c r="AK29" s="71">
        <v>0</v>
      </c>
      <c r="AL29" s="72">
        <v>3</v>
      </c>
      <c r="AM29" s="244"/>
      <c r="AN29" s="71">
        <v>2</v>
      </c>
      <c r="AO29" s="71">
        <v>4</v>
      </c>
      <c r="AP29" s="71">
        <v>3</v>
      </c>
      <c r="AQ29" s="71">
        <v>1</v>
      </c>
      <c r="AR29" s="71">
        <v>0</v>
      </c>
      <c r="AS29" s="72">
        <v>10</v>
      </c>
      <c r="AT29" s="73">
        <v>13</v>
      </c>
      <c r="AU29" s="70">
        <v>4</v>
      </c>
      <c r="AV29" s="71">
        <v>3</v>
      </c>
      <c r="AW29" s="72">
        <v>7</v>
      </c>
      <c r="AX29" s="244"/>
      <c r="AY29" s="71">
        <v>9</v>
      </c>
      <c r="AZ29" s="71">
        <v>5</v>
      </c>
      <c r="BA29" s="71">
        <v>2</v>
      </c>
      <c r="BB29" s="71">
        <v>1</v>
      </c>
      <c r="BC29" s="71">
        <v>0</v>
      </c>
      <c r="BD29" s="72">
        <v>17</v>
      </c>
      <c r="BE29" s="73">
        <v>24</v>
      </c>
      <c r="BF29" s="70">
        <v>8</v>
      </c>
      <c r="BG29" s="71">
        <v>3</v>
      </c>
      <c r="BH29" s="72">
        <v>11</v>
      </c>
      <c r="BI29" s="244"/>
      <c r="BJ29" s="71">
        <v>6</v>
      </c>
      <c r="BK29" s="71">
        <v>11</v>
      </c>
      <c r="BL29" s="71">
        <v>6</v>
      </c>
      <c r="BM29" s="71">
        <v>5</v>
      </c>
      <c r="BN29" s="71">
        <v>1</v>
      </c>
      <c r="BO29" s="72">
        <v>29</v>
      </c>
      <c r="BP29" s="73">
        <v>40</v>
      </c>
      <c r="BQ29" s="70">
        <v>8</v>
      </c>
      <c r="BR29" s="71">
        <v>5</v>
      </c>
      <c r="BS29" s="72">
        <v>13</v>
      </c>
      <c r="BT29" s="244"/>
      <c r="BU29" s="71">
        <v>4</v>
      </c>
      <c r="BV29" s="71">
        <v>8</v>
      </c>
      <c r="BW29" s="71">
        <v>3</v>
      </c>
      <c r="BX29" s="71">
        <v>5</v>
      </c>
      <c r="BY29" s="71">
        <v>5</v>
      </c>
      <c r="BZ29" s="72">
        <v>25</v>
      </c>
      <c r="CA29" s="73">
        <v>38</v>
      </c>
      <c r="CB29" s="70">
        <v>0</v>
      </c>
      <c r="CC29" s="71">
        <v>0</v>
      </c>
      <c r="CD29" s="72">
        <v>0</v>
      </c>
      <c r="CE29" s="244"/>
      <c r="CF29" s="71">
        <v>0</v>
      </c>
      <c r="CG29" s="71">
        <v>0</v>
      </c>
      <c r="CH29" s="71">
        <v>0</v>
      </c>
      <c r="CI29" s="71">
        <v>0</v>
      </c>
      <c r="CJ29" s="71">
        <v>0</v>
      </c>
      <c r="CK29" s="72">
        <v>0</v>
      </c>
      <c r="CL29" s="73">
        <v>0</v>
      </c>
      <c r="CM29" s="70">
        <v>24</v>
      </c>
      <c r="CN29" s="71">
        <v>11</v>
      </c>
      <c r="CO29" s="72">
        <v>35</v>
      </c>
      <c r="CP29" s="244"/>
      <c r="CQ29" s="71">
        <v>22</v>
      </c>
      <c r="CR29" s="71">
        <v>28</v>
      </c>
      <c r="CS29" s="71">
        <v>14</v>
      </c>
      <c r="CT29" s="71">
        <v>12</v>
      </c>
      <c r="CU29" s="71">
        <v>6</v>
      </c>
      <c r="CV29" s="72">
        <v>82</v>
      </c>
      <c r="CW29" s="73">
        <v>117</v>
      </c>
      <c r="CX29" s="123">
        <v>2</v>
      </c>
      <c r="CY29" s="82">
        <v>3</v>
      </c>
      <c r="CZ29" s="83">
        <v>5</v>
      </c>
      <c r="DA29" s="241"/>
      <c r="DB29" s="82">
        <v>3</v>
      </c>
      <c r="DC29" s="82">
        <v>3</v>
      </c>
      <c r="DD29" s="82">
        <v>2</v>
      </c>
      <c r="DE29" s="82">
        <v>0</v>
      </c>
      <c r="DF29" s="82">
        <v>1</v>
      </c>
      <c r="DG29" s="84">
        <v>9</v>
      </c>
      <c r="DH29" s="85">
        <v>14</v>
      </c>
      <c r="DI29" s="70">
        <v>0</v>
      </c>
      <c r="DJ29" s="71">
        <v>0</v>
      </c>
      <c r="DK29" s="72">
        <v>0</v>
      </c>
      <c r="DL29" s="244"/>
      <c r="DM29" s="71">
        <v>0</v>
      </c>
      <c r="DN29" s="71">
        <v>0</v>
      </c>
      <c r="DO29" s="71">
        <v>0</v>
      </c>
      <c r="DP29" s="71">
        <v>0</v>
      </c>
      <c r="DQ29" s="71">
        <v>0</v>
      </c>
      <c r="DR29" s="72">
        <v>0</v>
      </c>
      <c r="DS29" s="73">
        <v>0</v>
      </c>
      <c r="DT29" s="70">
        <v>0</v>
      </c>
      <c r="DU29" s="71">
        <v>0</v>
      </c>
      <c r="DV29" s="72">
        <v>0</v>
      </c>
      <c r="DW29" s="244"/>
      <c r="DX29" s="71">
        <v>0</v>
      </c>
      <c r="DY29" s="71">
        <v>0</v>
      </c>
      <c r="DZ29" s="71">
        <v>0</v>
      </c>
      <c r="EA29" s="71">
        <v>0</v>
      </c>
      <c r="EB29" s="71">
        <v>0</v>
      </c>
      <c r="EC29" s="72">
        <v>0</v>
      </c>
      <c r="ED29" s="73">
        <v>0</v>
      </c>
      <c r="EE29" s="70">
        <v>0</v>
      </c>
      <c r="EF29" s="71">
        <v>0</v>
      </c>
      <c r="EG29" s="72">
        <v>0</v>
      </c>
      <c r="EH29" s="244"/>
      <c r="EI29" s="71">
        <v>0</v>
      </c>
      <c r="EJ29" s="71">
        <v>0</v>
      </c>
      <c r="EK29" s="71">
        <v>0</v>
      </c>
      <c r="EL29" s="71">
        <v>0</v>
      </c>
      <c r="EM29" s="71">
        <v>0</v>
      </c>
      <c r="EN29" s="72">
        <v>0</v>
      </c>
      <c r="EO29" s="73">
        <v>0</v>
      </c>
      <c r="EP29" s="70">
        <v>0</v>
      </c>
      <c r="EQ29" s="71">
        <v>0</v>
      </c>
      <c r="ER29" s="72">
        <v>0</v>
      </c>
      <c r="ES29" s="244"/>
      <c r="ET29" s="71">
        <v>0</v>
      </c>
      <c r="EU29" s="71">
        <v>1</v>
      </c>
      <c r="EV29" s="71">
        <v>1</v>
      </c>
      <c r="EW29" s="71">
        <v>0</v>
      </c>
      <c r="EX29" s="71">
        <v>0</v>
      </c>
      <c r="EY29" s="72">
        <v>2</v>
      </c>
      <c r="EZ29" s="73">
        <v>2</v>
      </c>
      <c r="FA29" s="70">
        <v>1</v>
      </c>
      <c r="FB29" s="71">
        <v>2</v>
      </c>
      <c r="FC29" s="72">
        <v>3</v>
      </c>
      <c r="FD29" s="244"/>
      <c r="FE29" s="71">
        <v>1</v>
      </c>
      <c r="FF29" s="71">
        <v>1</v>
      </c>
      <c r="FG29" s="71">
        <v>0</v>
      </c>
      <c r="FH29" s="71">
        <v>0</v>
      </c>
      <c r="FI29" s="71">
        <v>0</v>
      </c>
      <c r="FJ29" s="72">
        <v>2</v>
      </c>
      <c r="FK29" s="73">
        <v>5</v>
      </c>
      <c r="FL29" s="70">
        <v>1</v>
      </c>
      <c r="FM29" s="71">
        <v>1</v>
      </c>
      <c r="FN29" s="72">
        <v>2</v>
      </c>
      <c r="FO29" s="244"/>
      <c r="FP29" s="71">
        <v>2</v>
      </c>
      <c r="FQ29" s="71">
        <v>1</v>
      </c>
      <c r="FR29" s="71">
        <v>1</v>
      </c>
      <c r="FS29" s="71">
        <v>0</v>
      </c>
      <c r="FT29" s="71">
        <v>1</v>
      </c>
      <c r="FU29" s="72">
        <v>5</v>
      </c>
      <c r="FV29" s="73">
        <v>7</v>
      </c>
      <c r="FW29" s="70">
        <v>0</v>
      </c>
      <c r="FX29" s="71">
        <v>0</v>
      </c>
      <c r="FY29" s="72">
        <v>0</v>
      </c>
      <c r="FZ29" s="244"/>
      <c r="GA29" s="71">
        <v>0</v>
      </c>
      <c r="GB29" s="71">
        <v>0</v>
      </c>
      <c r="GC29" s="71">
        <v>0</v>
      </c>
      <c r="GD29" s="71">
        <v>0</v>
      </c>
      <c r="GE29" s="71">
        <v>0</v>
      </c>
      <c r="GF29" s="72">
        <v>0</v>
      </c>
      <c r="GG29" s="73">
        <v>0</v>
      </c>
      <c r="GH29" s="70">
        <v>2</v>
      </c>
      <c r="GI29" s="71">
        <v>3</v>
      </c>
      <c r="GJ29" s="72">
        <v>5</v>
      </c>
      <c r="GK29" s="244"/>
      <c r="GL29" s="71">
        <v>3</v>
      </c>
      <c r="GM29" s="71">
        <v>3</v>
      </c>
      <c r="GN29" s="71">
        <v>2</v>
      </c>
      <c r="GO29" s="71">
        <v>0</v>
      </c>
      <c r="GP29" s="71">
        <v>1</v>
      </c>
      <c r="GQ29" s="72">
        <v>9</v>
      </c>
      <c r="GR29" s="73">
        <v>14</v>
      </c>
      <c r="GS29" s="123">
        <v>26</v>
      </c>
      <c r="GT29" s="82">
        <v>14</v>
      </c>
      <c r="GU29" s="83">
        <v>40</v>
      </c>
      <c r="GV29" s="241"/>
      <c r="GW29" s="82">
        <v>25</v>
      </c>
      <c r="GX29" s="82">
        <v>31</v>
      </c>
      <c r="GY29" s="82">
        <v>16</v>
      </c>
      <c r="GZ29" s="82">
        <v>12</v>
      </c>
      <c r="HA29" s="82">
        <v>7</v>
      </c>
      <c r="HB29" s="84">
        <v>91</v>
      </c>
      <c r="HC29" s="85">
        <v>131</v>
      </c>
      <c r="HD29" s="70">
        <v>0</v>
      </c>
      <c r="HE29" s="71">
        <v>0</v>
      </c>
      <c r="HF29" s="72">
        <v>0</v>
      </c>
      <c r="HG29" s="244"/>
      <c r="HH29" s="71">
        <v>0</v>
      </c>
      <c r="HI29" s="71">
        <v>0</v>
      </c>
      <c r="HJ29" s="71">
        <v>0</v>
      </c>
      <c r="HK29" s="71">
        <v>0</v>
      </c>
      <c r="HL29" s="71">
        <v>0</v>
      </c>
      <c r="HM29" s="72">
        <v>0</v>
      </c>
      <c r="HN29" s="73">
        <v>0</v>
      </c>
      <c r="HO29" s="70">
        <v>1</v>
      </c>
      <c r="HP29" s="71">
        <v>0</v>
      </c>
      <c r="HQ29" s="72">
        <v>1</v>
      </c>
      <c r="HR29" s="244"/>
      <c r="HS29" s="71">
        <v>1</v>
      </c>
      <c r="HT29" s="71">
        <v>0</v>
      </c>
      <c r="HU29" s="71">
        <v>0</v>
      </c>
      <c r="HV29" s="71">
        <v>0</v>
      </c>
      <c r="HW29" s="71">
        <v>0</v>
      </c>
      <c r="HX29" s="72">
        <v>1</v>
      </c>
      <c r="HY29" s="73">
        <v>2</v>
      </c>
      <c r="HZ29" s="70">
        <v>3</v>
      </c>
      <c r="IA29" s="71">
        <v>0</v>
      </c>
      <c r="IB29" s="72">
        <v>3</v>
      </c>
      <c r="IC29" s="244"/>
      <c r="ID29" s="71">
        <v>2</v>
      </c>
      <c r="IE29" s="71">
        <v>4</v>
      </c>
      <c r="IF29" s="71">
        <v>3</v>
      </c>
      <c r="IG29" s="71">
        <v>1</v>
      </c>
      <c r="IH29" s="71">
        <v>0</v>
      </c>
      <c r="II29" s="72">
        <v>10</v>
      </c>
      <c r="IJ29" s="73">
        <v>13</v>
      </c>
      <c r="IK29" s="70">
        <v>4</v>
      </c>
      <c r="IL29" s="71">
        <v>3</v>
      </c>
      <c r="IM29" s="72">
        <v>7</v>
      </c>
      <c r="IN29" s="244"/>
      <c r="IO29" s="71">
        <v>9</v>
      </c>
      <c r="IP29" s="71">
        <v>6</v>
      </c>
      <c r="IQ29" s="71">
        <v>3</v>
      </c>
      <c r="IR29" s="71">
        <v>1</v>
      </c>
      <c r="IS29" s="71">
        <v>0</v>
      </c>
      <c r="IT29" s="72">
        <v>19</v>
      </c>
      <c r="IU29" s="73">
        <v>26</v>
      </c>
      <c r="IV29" s="70">
        <v>9</v>
      </c>
      <c r="IW29" s="71">
        <v>5</v>
      </c>
      <c r="IX29" s="72">
        <v>14</v>
      </c>
      <c r="IY29" s="244"/>
      <c r="IZ29" s="71">
        <v>7</v>
      </c>
      <c r="JA29" s="71">
        <v>12</v>
      </c>
      <c r="JB29" s="71">
        <v>6</v>
      </c>
      <c r="JC29" s="71">
        <v>5</v>
      </c>
      <c r="JD29" s="71">
        <v>1</v>
      </c>
      <c r="JE29" s="72">
        <v>31</v>
      </c>
      <c r="JF29" s="73">
        <v>45</v>
      </c>
      <c r="JG29" s="70">
        <v>9</v>
      </c>
      <c r="JH29" s="71">
        <v>6</v>
      </c>
      <c r="JI29" s="72">
        <v>15</v>
      </c>
      <c r="JJ29" s="244"/>
      <c r="JK29" s="71">
        <v>6</v>
      </c>
      <c r="JL29" s="71">
        <v>9</v>
      </c>
      <c r="JM29" s="71">
        <v>4</v>
      </c>
      <c r="JN29" s="71">
        <v>5</v>
      </c>
      <c r="JO29" s="71">
        <v>6</v>
      </c>
      <c r="JP29" s="72">
        <v>30</v>
      </c>
      <c r="JQ29" s="73">
        <v>45</v>
      </c>
      <c r="JR29" s="70">
        <v>0</v>
      </c>
      <c r="JS29" s="71">
        <v>0</v>
      </c>
      <c r="JT29" s="72">
        <v>0</v>
      </c>
      <c r="JU29" s="244"/>
      <c r="JV29" s="71">
        <v>0</v>
      </c>
      <c r="JW29" s="71">
        <v>0</v>
      </c>
      <c r="JX29" s="71">
        <v>0</v>
      </c>
      <c r="JY29" s="71">
        <v>0</v>
      </c>
      <c r="JZ29" s="71">
        <v>0</v>
      </c>
      <c r="KA29" s="72">
        <v>0</v>
      </c>
      <c r="KB29" s="73">
        <v>0</v>
      </c>
      <c r="KC29" s="70">
        <v>26</v>
      </c>
      <c r="KD29" s="71">
        <v>14</v>
      </c>
      <c r="KE29" s="72">
        <v>40</v>
      </c>
      <c r="KF29" s="244"/>
      <c r="KG29" s="71">
        <v>25</v>
      </c>
      <c r="KH29" s="71">
        <v>31</v>
      </c>
      <c r="KI29" s="71">
        <v>16</v>
      </c>
      <c r="KJ29" s="71">
        <v>12</v>
      </c>
      <c r="KK29" s="71">
        <v>7</v>
      </c>
      <c r="KL29" s="72">
        <v>91</v>
      </c>
      <c r="KM29" s="73">
        <v>131</v>
      </c>
    </row>
    <row r="30" spans="2:299" ht="21" customHeight="1" x14ac:dyDescent="0.2">
      <c r="B30" s="126" t="s">
        <v>27</v>
      </c>
      <c r="C30" s="315">
        <v>16</v>
      </c>
      <c r="D30" s="82">
        <v>27</v>
      </c>
      <c r="E30" s="83">
        <v>43</v>
      </c>
      <c r="F30" s="241"/>
      <c r="G30" s="82">
        <v>18</v>
      </c>
      <c r="H30" s="82">
        <v>16</v>
      </c>
      <c r="I30" s="82">
        <v>21</v>
      </c>
      <c r="J30" s="82">
        <v>12</v>
      </c>
      <c r="K30" s="82">
        <v>7</v>
      </c>
      <c r="L30" s="84">
        <v>74</v>
      </c>
      <c r="M30" s="85">
        <v>117</v>
      </c>
      <c r="N30" s="70">
        <v>0</v>
      </c>
      <c r="O30" s="71">
        <v>1</v>
      </c>
      <c r="P30" s="72">
        <v>1</v>
      </c>
      <c r="Q30" s="244"/>
      <c r="R30" s="71">
        <v>0</v>
      </c>
      <c r="S30" s="71">
        <v>0</v>
      </c>
      <c r="T30" s="71">
        <v>0</v>
      </c>
      <c r="U30" s="71">
        <v>0</v>
      </c>
      <c r="V30" s="71">
        <v>0</v>
      </c>
      <c r="W30" s="72">
        <v>0</v>
      </c>
      <c r="X30" s="73">
        <v>1</v>
      </c>
      <c r="Y30" s="70">
        <v>0</v>
      </c>
      <c r="Z30" s="71">
        <v>2</v>
      </c>
      <c r="AA30" s="72">
        <v>2</v>
      </c>
      <c r="AB30" s="244"/>
      <c r="AC30" s="71">
        <v>1</v>
      </c>
      <c r="AD30" s="71">
        <v>1</v>
      </c>
      <c r="AE30" s="71">
        <v>0</v>
      </c>
      <c r="AF30" s="71">
        <v>0</v>
      </c>
      <c r="AG30" s="71">
        <v>0</v>
      </c>
      <c r="AH30" s="72">
        <v>2</v>
      </c>
      <c r="AI30" s="73">
        <v>4</v>
      </c>
      <c r="AJ30" s="70">
        <v>1</v>
      </c>
      <c r="AK30" s="71">
        <v>1</v>
      </c>
      <c r="AL30" s="72">
        <v>2</v>
      </c>
      <c r="AM30" s="244"/>
      <c r="AN30" s="71">
        <v>1</v>
      </c>
      <c r="AO30" s="71">
        <v>0</v>
      </c>
      <c r="AP30" s="71">
        <v>2</v>
      </c>
      <c r="AQ30" s="71">
        <v>1</v>
      </c>
      <c r="AR30" s="71">
        <v>0</v>
      </c>
      <c r="AS30" s="72">
        <v>4</v>
      </c>
      <c r="AT30" s="73">
        <v>6</v>
      </c>
      <c r="AU30" s="70">
        <v>4</v>
      </c>
      <c r="AV30" s="71">
        <v>2</v>
      </c>
      <c r="AW30" s="72">
        <v>6</v>
      </c>
      <c r="AX30" s="244"/>
      <c r="AY30" s="71">
        <v>7</v>
      </c>
      <c r="AZ30" s="71">
        <v>3</v>
      </c>
      <c r="BA30" s="71">
        <v>7</v>
      </c>
      <c r="BB30" s="71">
        <v>0</v>
      </c>
      <c r="BC30" s="71">
        <v>2</v>
      </c>
      <c r="BD30" s="72">
        <v>19</v>
      </c>
      <c r="BE30" s="73">
        <v>25</v>
      </c>
      <c r="BF30" s="70">
        <v>6</v>
      </c>
      <c r="BG30" s="71">
        <v>11</v>
      </c>
      <c r="BH30" s="72">
        <v>17</v>
      </c>
      <c r="BI30" s="244"/>
      <c r="BJ30" s="71">
        <v>4</v>
      </c>
      <c r="BK30" s="71">
        <v>5</v>
      </c>
      <c r="BL30" s="71">
        <v>4</v>
      </c>
      <c r="BM30" s="71">
        <v>8</v>
      </c>
      <c r="BN30" s="71">
        <v>4</v>
      </c>
      <c r="BO30" s="72">
        <v>25</v>
      </c>
      <c r="BP30" s="73">
        <v>42</v>
      </c>
      <c r="BQ30" s="70">
        <v>5</v>
      </c>
      <c r="BR30" s="71">
        <v>10</v>
      </c>
      <c r="BS30" s="72">
        <v>15</v>
      </c>
      <c r="BT30" s="244"/>
      <c r="BU30" s="71">
        <v>5</v>
      </c>
      <c r="BV30" s="71">
        <v>7</v>
      </c>
      <c r="BW30" s="71">
        <v>8</v>
      </c>
      <c r="BX30" s="71">
        <v>3</v>
      </c>
      <c r="BY30" s="71">
        <v>1</v>
      </c>
      <c r="BZ30" s="72">
        <v>24</v>
      </c>
      <c r="CA30" s="73">
        <v>39</v>
      </c>
      <c r="CB30" s="70">
        <v>0</v>
      </c>
      <c r="CC30" s="71">
        <v>0</v>
      </c>
      <c r="CD30" s="72">
        <v>0</v>
      </c>
      <c r="CE30" s="244"/>
      <c r="CF30" s="71">
        <v>0</v>
      </c>
      <c r="CG30" s="71">
        <v>0</v>
      </c>
      <c r="CH30" s="71">
        <v>0</v>
      </c>
      <c r="CI30" s="71">
        <v>0</v>
      </c>
      <c r="CJ30" s="71">
        <v>0</v>
      </c>
      <c r="CK30" s="72">
        <v>0</v>
      </c>
      <c r="CL30" s="73">
        <v>0</v>
      </c>
      <c r="CM30" s="70">
        <v>16</v>
      </c>
      <c r="CN30" s="71">
        <v>27</v>
      </c>
      <c r="CO30" s="72">
        <v>43</v>
      </c>
      <c r="CP30" s="244"/>
      <c r="CQ30" s="71">
        <v>18</v>
      </c>
      <c r="CR30" s="71">
        <v>16</v>
      </c>
      <c r="CS30" s="71">
        <v>21</v>
      </c>
      <c r="CT30" s="71">
        <v>12</v>
      </c>
      <c r="CU30" s="71">
        <v>7</v>
      </c>
      <c r="CV30" s="72">
        <v>74</v>
      </c>
      <c r="CW30" s="73">
        <v>117</v>
      </c>
      <c r="CX30" s="123">
        <v>4</v>
      </c>
      <c r="CY30" s="82">
        <v>1</v>
      </c>
      <c r="CZ30" s="83">
        <v>5</v>
      </c>
      <c r="DA30" s="241"/>
      <c r="DB30" s="82">
        <v>4</v>
      </c>
      <c r="DC30" s="82">
        <v>2</v>
      </c>
      <c r="DD30" s="82">
        <v>2</v>
      </c>
      <c r="DE30" s="82">
        <v>4</v>
      </c>
      <c r="DF30" s="82">
        <v>1</v>
      </c>
      <c r="DG30" s="84">
        <v>13</v>
      </c>
      <c r="DH30" s="85">
        <v>18</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2</v>
      </c>
      <c r="EU30" s="71">
        <v>0</v>
      </c>
      <c r="EV30" s="71">
        <v>0</v>
      </c>
      <c r="EW30" s="71">
        <v>0</v>
      </c>
      <c r="EX30" s="71">
        <v>0</v>
      </c>
      <c r="EY30" s="72">
        <v>2</v>
      </c>
      <c r="EZ30" s="73">
        <v>2</v>
      </c>
      <c r="FA30" s="70">
        <v>3</v>
      </c>
      <c r="FB30" s="71">
        <v>0</v>
      </c>
      <c r="FC30" s="72">
        <v>3</v>
      </c>
      <c r="FD30" s="244"/>
      <c r="FE30" s="71">
        <v>2</v>
      </c>
      <c r="FF30" s="71">
        <v>1</v>
      </c>
      <c r="FG30" s="71">
        <v>0</v>
      </c>
      <c r="FH30" s="71">
        <v>0</v>
      </c>
      <c r="FI30" s="71">
        <v>1</v>
      </c>
      <c r="FJ30" s="72">
        <v>4</v>
      </c>
      <c r="FK30" s="73">
        <v>7</v>
      </c>
      <c r="FL30" s="70">
        <v>1</v>
      </c>
      <c r="FM30" s="71">
        <v>1</v>
      </c>
      <c r="FN30" s="72">
        <v>2</v>
      </c>
      <c r="FO30" s="244"/>
      <c r="FP30" s="71">
        <v>0</v>
      </c>
      <c r="FQ30" s="71">
        <v>1</v>
      </c>
      <c r="FR30" s="71">
        <v>2</v>
      </c>
      <c r="FS30" s="71">
        <v>4</v>
      </c>
      <c r="FT30" s="71">
        <v>0</v>
      </c>
      <c r="FU30" s="72">
        <v>7</v>
      </c>
      <c r="FV30" s="73">
        <v>9</v>
      </c>
      <c r="FW30" s="70">
        <v>0</v>
      </c>
      <c r="FX30" s="71">
        <v>0</v>
      </c>
      <c r="FY30" s="72">
        <v>0</v>
      </c>
      <c r="FZ30" s="244"/>
      <c r="GA30" s="71">
        <v>0</v>
      </c>
      <c r="GB30" s="71">
        <v>0</v>
      </c>
      <c r="GC30" s="71">
        <v>0</v>
      </c>
      <c r="GD30" s="71">
        <v>0</v>
      </c>
      <c r="GE30" s="71">
        <v>0</v>
      </c>
      <c r="GF30" s="72">
        <v>0</v>
      </c>
      <c r="GG30" s="73">
        <v>0</v>
      </c>
      <c r="GH30" s="70">
        <v>4</v>
      </c>
      <c r="GI30" s="71">
        <v>1</v>
      </c>
      <c r="GJ30" s="72">
        <v>5</v>
      </c>
      <c r="GK30" s="244"/>
      <c r="GL30" s="71">
        <v>4</v>
      </c>
      <c r="GM30" s="71">
        <v>2</v>
      </c>
      <c r="GN30" s="71">
        <v>2</v>
      </c>
      <c r="GO30" s="71">
        <v>4</v>
      </c>
      <c r="GP30" s="71">
        <v>1</v>
      </c>
      <c r="GQ30" s="72">
        <v>13</v>
      </c>
      <c r="GR30" s="73">
        <v>18</v>
      </c>
      <c r="GS30" s="123">
        <v>20</v>
      </c>
      <c r="GT30" s="82">
        <v>28</v>
      </c>
      <c r="GU30" s="83">
        <v>48</v>
      </c>
      <c r="GV30" s="241"/>
      <c r="GW30" s="82">
        <v>22</v>
      </c>
      <c r="GX30" s="82">
        <v>18</v>
      </c>
      <c r="GY30" s="82">
        <v>23</v>
      </c>
      <c r="GZ30" s="82">
        <v>16</v>
      </c>
      <c r="HA30" s="82">
        <v>8</v>
      </c>
      <c r="HB30" s="84">
        <v>87</v>
      </c>
      <c r="HC30" s="85">
        <v>135</v>
      </c>
      <c r="HD30" s="70">
        <v>0</v>
      </c>
      <c r="HE30" s="71">
        <v>1</v>
      </c>
      <c r="HF30" s="72">
        <v>1</v>
      </c>
      <c r="HG30" s="244"/>
      <c r="HH30" s="71">
        <v>0</v>
      </c>
      <c r="HI30" s="71">
        <v>0</v>
      </c>
      <c r="HJ30" s="71">
        <v>0</v>
      </c>
      <c r="HK30" s="71">
        <v>0</v>
      </c>
      <c r="HL30" s="71">
        <v>0</v>
      </c>
      <c r="HM30" s="72">
        <v>0</v>
      </c>
      <c r="HN30" s="73">
        <v>1</v>
      </c>
      <c r="HO30" s="70">
        <v>0</v>
      </c>
      <c r="HP30" s="71">
        <v>2</v>
      </c>
      <c r="HQ30" s="72">
        <v>2</v>
      </c>
      <c r="HR30" s="244"/>
      <c r="HS30" s="71">
        <v>1</v>
      </c>
      <c r="HT30" s="71">
        <v>1</v>
      </c>
      <c r="HU30" s="71">
        <v>0</v>
      </c>
      <c r="HV30" s="71">
        <v>0</v>
      </c>
      <c r="HW30" s="71">
        <v>0</v>
      </c>
      <c r="HX30" s="72">
        <v>2</v>
      </c>
      <c r="HY30" s="73">
        <v>4</v>
      </c>
      <c r="HZ30" s="70">
        <v>1</v>
      </c>
      <c r="IA30" s="71">
        <v>1</v>
      </c>
      <c r="IB30" s="72">
        <v>2</v>
      </c>
      <c r="IC30" s="244"/>
      <c r="ID30" s="71">
        <v>1</v>
      </c>
      <c r="IE30" s="71">
        <v>0</v>
      </c>
      <c r="IF30" s="71">
        <v>2</v>
      </c>
      <c r="IG30" s="71">
        <v>1</v>
      </c>
      <c r="IH30" s="71">
        <v>0</v>
      </c>
      <c r="II30" s="72">
        <v>4</v>
      </c>
      <c r="IJ30" s="73">
        <v>6</v>
      </c>
      <c r="IK30" s="70">
        <v>4</v>
      </c>
      <c r="IL30" s="71">
        <v>2</v>
      </c>
      <c r="IM30" s="72">
        <v>6</v>
      </c>
      <c r="IN30" s="244"/>
      <c r="IO30" s="71">
        <v>9</v>
      </c>
      <c r="IP30" s="71">
        <v>3</v>
      </c>
      <c r="IQ30" s="71">
        <v>7</v>
      </c>
      <c r="IR30" s="71">
        <v>0</v>
      </c>
      <c r="IS30" s="71">
        <v>2</v>
      </c>
      <c r="IT30" s="72">
        <v>21</v>
      </c>
      <c r="IU30" s="73">
        <v>27</v>
      </c>
      <c r="IV30" s="70">
        <v>9</v>
      </c>
      <c r="IW30" s="71">
        <v>11</v>
      </c>
      <c r="IX30" s="72">
        <v>20</v>
      </c>
      <c r="IY30" s="244"/>
      <c r="IZ30" s="71">
        <v>6</v>
      </c>
      <c r="JA30" s="71">
        <v>6</v>
      </c>
      <c r="JB30" s="71">
        <v>4</v>
      </c>
      <c r="JC30" s="71">
        <v>8</v>
      </c>
      <c r="JD30" s="71">
        <v>5</v>
      </c>
      <c r="JE30" s="72">
        <v>29</v>
      </c>
      <c r="JF30" s="73">
        <v>49</v>
      </c>
      <c r="JG30" s="70">
        <v>6</v>
      </c>
      <c r="JH30" s="71">
        <v>11</v>
      </c>
      <c r="JI30" s="72">
        <v>17</v>
      </c>
      <c r="JJ30" s="244"/>
      <c r="JK30" s="71">
        <v>5</v>
      </c>
      <c r="JL30" s="71">
        <v>8</v>
      </c>
      <c r="JM30" s="71">
        <v>10</v>
      </c>
      <c r="JN30" s="71">
        <v>7</v>
      </c>
      <c r="JO30" s="71">
        <v>1</v>
      </c>
      <c r="JP30" s="72">
        <v>31</v>
      </c>
      <c r="JQ30" s="73">
        <v>48</v>
      </c>
      <c r="JR30" s="70">
        <v>0</v>
      </c>
      <c r="JS30" s="71">
        <v>0</v>
      </c>
      <c r="JT30" s="72">
        <v>0</v>
      </c>
      <c r="JU30" s="244"/>
      <c r="JV30" s="71">
        <v>0</v>
      </c>
      <c r="JW30" s="71">
        <v>0</v>
      </c>
      <c r="JX30" s="71">
        <v>0</v>
      </c>
      <c r="JY30" s="71">
        <v>0</v>
      </c>
      <c r="JZ30" s="71">
        <v>0</v>
      </c>
      <c r="KA30" s="72">
        <v>0</v>
      </c>
      <c r="KB30" s="73">
        <v>0</v>
      </c>
      <c r="KC30" s="70">
        <v>20</v>
      </c>
      <c r="KD30" s="71">
        <v>28</v>
      </c>
      <c r="KE30" s="72">
        <v>48</v>
      </c>
      <c r="KF30" s="244"/>
      <c r="KG30" s="71">
        <v>22</v>
      </c>
      <c r="KH30" s="71">
        <v>18</v>
      </c>
      <c r="KI30" s="71">
        <v>23</v>
      </c>
      <c r="KJ30" s="71">
        <v>16</v>
      </c>
      <c r="KK30" s="71">
        <v>8</v>
      </c>
      <c r="KL30" s="72">
        <v>87</v>
      </c>
      <c r="KM30" s="73">
        <v>135</v>
      </c>
    </row>
    <row r="31" spans="2:299" ht="21" customHeight="1" x14ac:dyDescent="0.2">
      <c r="B31" s="126" t="s">
        <v>28</v>
      </c>
      <c r="C31" s="315">
        <v>1</v>
      </c>
      <c r="D31" s="82">
        <v>2</v>
      </c>
      <c r="E31" s="83">
        <v>3</v>
      </c>
      <c r="F31" s="241"/>
      <c r="G31" s="82">
        <v>7</v>
      </c>
      <c r="H31" s="82">
        <v>7</v>
      </c>
      <c r="I31" s="82">
        <v>0</v>
      </c>
      <c r="J31" s="82">
        <v>4</v>
      </c>
      <c r="K31" s="82">
        <v>0</v>
      </c>
      <c r="L31" s="84">
        <v>18</v>
      </c>
      <c r="M31" s="85">
        <v>21</v>
      </c>
      <c r="N31" s="70">
        <v>0</v>
      </c>
      <c r="O31" s="71">
        <v>0</v>
      </c>
      <c r="P31" s="72">
        <v>0</v>
      </c>
      <c r="Q31" s="244"/>
      <c r="R31" s="71">
        <v>0</v>
      </c>
      <c r="S31" s="71">
        <v>0</v>
      </c>
      <c r="T31" s="71">
        <v>0</v>
      </c>
      <c r="U31" s="71">
        <v>0</v>
      </c>
      <c r="V31" s="71">
        <v>0</v>
      </c>
      <c r="W31" s="72">
        <v>0</v>
      </c>
      <c r="X31" s="73">
        <v>0</v>
      </c>
      <c r="Y31" s="70">
        <v>0</v>
      </c>
      <c r="Z31" s="71">
        <v>0</v>
      </c>
      <c r="AA31" s="72">
        <v>0</v>
      </c>
      <c r="AB31" s="244"/>
      <c r="AC31" s="71">
        <v>0</v>
      </c>
      <c r="AD31" s="71">
        <v>2</v>
      </c>
      <c r="AE31" s="71">
        <v>0</v>
      </c>
      <c r="AF31" s="71">
        <v>0</v>
      </c>
      <c r="AG31" s="71">
        <v>0</v>
      </c>
      <c r="AH31" s="72">
        <v>2</v>
      </c>
      <c r="AI31" s="73">
        <v>2</v>
      </c>
      <c r="AJ31" s="70">
        <v>0</v>
      </c>
      <c r="AK31" s="71">
        <v>0</v>
      </c>
      <c r="AL31" s="72">
        <v>0</v>
      </c>
      <c r="AM31" s="244"/>
      <c r="AN31" s="71">
        <v>0</v>
      </c>
      <c r="AO31" s="71">
        <v>0</v>
      </c>
      <c r="AP31" s="71">
        <v>0</v>
      </c>
      <c r="AQ31" s="71">
        <v>1</v>
      </c>
      <c r="AR31" s="71">
        <v>0</v>
      </c>
      <c r="AS31" s="72">
        <v>1</v>
      </c>
      <c r="AT31" s="73">
        <v>1</v>
      </c>
      <c r="AU31" s="70">
        <v>1</v>
      </c>
      <c r="AV31" s="71">
        <v>0</v>
      </c>
      <c r="AW31" s="72">
        <v>1</v>
      </c>
      <c r="AX31" s="244"/>
      <c r="AY31" s="71">
        <v>1</v>
      </c>
      <c r="AZ31" s="71">
        <v>2</v>
      </c>
      <c r="BA31" s="71">
        <v>0</v>
      </c>
      <c r="BB31" s="71">
        <v>1</v>
      </c>
      <c r="BC31" s="71">
        <v>0</v>
      </c>
      <c r="BD31" s="72">
        <v>4</v>
      </c>
      <c r="BE31" s="73">
        <v>5</v>
      </c>
      <c r="BF31" s="70">
        <v>0</v>
      </c>
      <c r="BG31" s="71">
        <v>2</v>
      </c>
      <c r="BH31" s="72">
        <v>2</v>
      </c>
      <c r="BI31" s="244"/>
      <c r="BJ31" s="71">
        <v>5</v>
      </c>
      <c r="BK31" s="71">
        <v>2</v>
      </c>
      <c r="BL31" s="71">
        <v>0</v>
      </c>
      <c r="BM31" s="71">
        <v>1</v>
      </c>
      <c r="BN31" s="71">
        <v>0</v>
      </c>
      <c r="BO31" s="72">
        <v>8</v>
      </c>
      <c r="BP31" s="73">
        <v>10</v>
      </c>
      <c r="BQ31" s="70">
        <v>0</v>
      </c>
      <c r="BR31" s="71">
        <v>0</v>
      </c>
      <c r="BS31" s="72">
        <v>0</v>
      </c>
      <c r="BT31" s="244"/>
      <c r="BU31" s="71">
        <v>1</v>
      </c>
      <c r="BV31" s="71">
        <v>1</v>
      </c>
      <c r="BW31" s="71">
        <v>0</v>
      </c>
      <c r="BX31" s="71">
        <v>1</v>
      </c>
      <c r="BY31" s="71">
        <v>0</v>
      </c>
      <c r="BZ31" s="72">
        <v>3</v>
      </c>
      <c r="CA31" s="73">
        <v>3</v>
      </c>
      <c r="CB31" s="70">
        <v>0</v>
      </c>
      <c r="CC31" s="71">
        <v>0</v>
      </c>
      <c r="CD31" s="72">
        <v>0</v>
      </c>
      <c r="CE31" s="244"/>
      <c r="CF31" s="71">
        <v>0</v>
      </c>
      <c r="CG31" s="71">
        <v>0</v>
      </c>
      <c r="CH31" s="71">
        <v>0</v>
      </c>
      <c r="CI31" s="71">
        <v>0</v>
      </c>
      <c r="CJ31" s="71">
        <v>0</v>
      </c>
      <c r="CK31" s="72">
        <v>0</v>
      </c>
      <c r="CL31" s="73">
        <v>0</v>
      </c>
      <c r="CM31" s="70">
        <v>1</v>
      </c>
      <c r="CN31" s="71">
        <v>2</v>
      </c>
      <c r="CO31" s="72">
        <v>3</v>
      </c>
      <c r="CP31" s="244"/>
      <c r="CQ31" s="71">
        <v>7</v>
      </c>
      <c r="CR31" s="71">
        <v>7</v>
      </c>
      <c r="CS31" s="71">
        <v>0</v>
      </c>
      <c r="CT31" s="71">
        <v>4</v>
      </c>
      <c r="CU31" s="71">
        <v>0</v>
      </c>
      <c r="CV31" s="72">
        <v>18</v>
      </c>
      <c r="CW31" s="73">
        <v>21</v>
      </c>
      <c r="CX31" s="123">
        <v>0</v>
      </c>
      <c r="CY31" s="82">
        <v>2</v>
      </c>
      <c r="CZ31" s="83">
        <v>2</v>
      </c>
      <c r="DA31" s="241"/>
      <c r="DB31" s="82">
        <v>3</v>
      </c>
      <c r="DC31" s="82">
        <v>1</v>
      </c>
      <c r="DD31" s="82">
        <v>0</v>
      </c>
      <c r="DE31" s="82">
        <v>1</v>
      </c>
      <c r="DF31" s="82">
        <v>3</v>
      </c>
      <c r="DG31" s="84">
        <v>8</v>
      </c>
      <c r="DH31" s="85">
        <v>10</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1</v>
      </c>
      <c r="EU31" s="71">
        <v>0</v>
      </c>
      <c r="EV31" s="71">
        <v>0</v>
      </c>
      <c r="EW31" s="71">
        <v>0</v>
      </c>
      <c r="EX31" s="71">
        <v>1</v>
      </c>
      <c r="EY31" s="72">
        <v>2</v>
      </c>
      <c r="EZ31" s="73">
        <v>2</v>
      </c>
      <c r="FA31" s="70">
        <v>0</v>
      </c>
      <c r="FB31" s="71">
        <v>0</v>
      </c>
      <c r="FC31" s="72">
        <v>0</v>
      </c>
      <c r="FD31" s="244"/>
      <c r="FE31" s="71">
        <v>1</v>
      </c>
      <c r="FF31" s="71">
        <v>1</v>
      </c>
      <c r="FG31" s="71">
        <v>0</v>
      </c>
      <c r="FH31" s="71">
        <v>0</v>
      </c>
      <c r="FI31" s="71">
        <v>1</v>
      </c>
      <c r="FJ31" s="72">
        <v>3</v>
      </c>
      <c r="FK31" s="73">
        <v>3</v>
      </c>
      <c r="FL31" s="70">
        <v>0</v>
      </c>
      <c r="FM31" s="71">
        <v>1</v>
      </c>
      <c r="FN31" s="72">
        <v>1</v>
      </c>
      <c r="FO31" s="244"/>
      <c r="FP31" s="71">
        <v>1</v>
      </c>
      <c r="FQ31" s="71">
        <v>0</v>
      </c>
      <c r="FR31" s="71">
        <v>0</v>
      </c>
      <c r="FS31" s="71">
        <v>1</v>
      </c>
      <c r="FT31" s="71">
        <v>1</v>
      </c>
      <c r="FU31" s="72">
        <v>3</v>
      </c>
      <c r="FV31" s="73">
        <v>4</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3</v>
      </c>
      <c r="GQ31" s="72">
        <v>8</v>
      </c>
      <c r="GR31" s="73">
        <v>10</v>
      </c>
      <c r="GS31" s="123">
        <v>1</v>
      </c>
      <c r="GT31" s="82">
        <v>4</v>
      </c>
      <c r="GU31" s="83">
        <v>5</v>
      </c>
      <c r="GV31" s="241"/>
      <c r="GW31" s="82">
        <v>10</v>
      </c>
      <c r="GX31" s="82">
        <v>8</v>
      </c>
      <c r="GY31" s="82">
        <v>0</v>
      </c>
      <c r="GZ31" s="82">
        <v>5</v>
      </c>
      <c r="HA31" s="82">
        <v>3</v>
      </c>
      <c r="HB31" s="84">
        <v>26</v>
      </c>
      <c r="HC31" s="85">
        <v>31</v>
      </c>
      <c r="HD31" s="70">
        <v>0</v>
      </c>
      <c r="HE31" s="71">
        <v>0</v>
      </c>
      <c r="HF31" s="72">
        <v>0</v>
      </c>
      <c r="HG31" s="244"/>
      <c r="HH31" s="71">
        <v>0</v>
      </c>
      <c r="HI31" s="71">
        <v>0</v>
      </c>
      <c r="HJ31" s="71">
        <v>0</v>
      </c>
      <c r="HK31" s="71">
        <v>0</v>
      </c>
      <c r="HL31" s="71">
        <v>0</v>
      </c>
      <c r="HM31" s="72">
        <v>0</v>
      </c>
      <c r="HN31" s="73">
        <v>0</v>
      </c>
      <c r="HO31" s="70">
        <v>0</v>
      </c>
      <c r="HP31" s="71">
        <v>0</v>
      </c>
      <c r="HQ31" s="72">
        <v>0</v>
      </c>
      <c r="HR31" s="244"/>
      <c r="HS31" s="71">
        <v>0</v>
      </c>
      <c r="HT31" s="71">
        <v>2</v>
      </c>
      <c r="HU31" s="71">
        <v>0</v>
      </c>
      <c r="HV31" s="71">
        <v>0</v>
      </c>
      <c r="HW31" s="71">
        <v>0</v>
      </c>
      <c r="HX31" s="72">
        <v>2</v>
      </c>
      <c r="HY31" s="73">
        <v>2</v>
      </c>
      <c r="HZ31" s="70">
        <v>0</v>
      </c>
      <c r="IA31" s="71">
        <v>1</v>
      </c>
      <c r="IB31" s="72">
        <v>1</v>
      </c>
      <c r="IC31" s="244"/>
      <c r="ID31" s="71">
        <v>0</v>
      </c>
      <c r="IE31" s="71">
        <v>0</v>
      </c>
      <c r="IF31" s="71">
        <v>0</v>
      </c>
      <c r="IG31" s="71">
        <v>1</v>
      </c>
      <c r="IH31" s="71">
        <v>0</v>
      </c>
      <c r="II31" s="72">
        <v>1</v>
      </c>
      <c r="IJ31" s="73">
        <v>2</v>
      </c>
      <c r="IK31" s="70">
        <v>1</v>
      </c>
      <c r="IL31" s="71">
        <v>0</v>
      </c>
      <c r="IM31" s="72">
        <v>1</v>
      </c>
      <c r="IN31" s="244"/>
      <c r="IO31" s="71">
        <v>2</v>
      </c>
      <c r="IP31" s="71">
        <v>2</v>
      </c>
      <c r="IQ31" s="71">
        <v>0</v>
      </c>
      <c r="IR31" s="71">
        <v>1</v>
      </c>
      <c r="IS31" s="71">
        <v>1</v>
      </c>
      <c r="IT31" s="72">
        <v>6</v>
      </c>
      <c r="IU31" s="73">
        <v>7</v>
      </c>
      <c r="IV31" s="70">
        <v>0</v>
      </c>
      <c r="IW31" s="71">
        <v>2</v>
      </c>
      <c r="IX31" s="72">
        <v>2</v>
      </c>
      <c r="IY31" s="244"/>
      <c r="IZ31" s="71">
        <v>6</v>
      </c>
      <c r="JA31" s="71">
        <v>3</v>
      </c>
      <c r="JB31" s="71">
        <v>0</v>
      </c>
      <c r="JC31" s="71">
        <v>1</v>
      </c>
      <c r="JD31" s="71">
        <v>1</v>
      </c>
      <c r="JE31" s="72">
        <v>11</v>
      </c>
      <c r="JF31" s="73">
        <v>13</v>
      </c>
      <c r="JG31" s="70">
        <v>0</v>
      </c>
      <c r="JH31" s="71">
        <v>1</v>
      </c>
      <c r="JI31" s="72">
        <v>1</v>
      </c>
      <c r="JJ31" s="244"/>
      <c r="JK31" s="71">
        <v>2</v>
      </c>
      <c r="JL31" s="71">
        <v>1</v>
      </c>
      <c r="JM31" s="71">
        <v>0</v>
      </c>
      <c r="JN31" s="71">
        <v>2</v>
      </c>
      <c r="JO31" s="71">
        <v>1</v>
      </c>
      <c r="JP31" s="72">
        <v>6</v>
      </c>
      <c r="JQ31" s="73">
        <v>7</v>
      </c>
      <c r="JR31" s="70">
        <v>0</v>
      </c>
      <c r="JS31" s="71">
        <v>0</v>
      </c>
      <c r="JT31" s="72">
        <v>0</v>
      </c>
      <c r="JU31" s="244"/>
      <c r="JV31" s="71">
        <v>0</v>
      </c>
      <c r="JW31" s="71">
        <v>0</v>
      </c>
      <c r="JX31" s="71">
        <v>0</v>
      </c>
      <c r="JY31" s="71">
        <v>0</v>
      </c>
      <c r="JZ31" s="71">
        <v>0</v>
      </c>
      <c r="KA31" s="72">
        <v>0</v>
      </c>
      <c r="KB31" s="73">
        <v>0</v>
      </c>
      <c r="KC31" s="70">
        <v>1</v>
      </c>
      <c r="KD31" s="71">
        <v>4</v>
      </c>
      <c r="KE31" s="72">
        <v>5</v>
      </c>
      <c r="KF31" s="244"/>
      <c r="KG31" s="71">
        <v>10</v>
      </c>
      <c r="KH31" s="71">
        <v>8</v>
      </c>
      <c r="KI31" s="71">
        <v>0</v>
      </c>
      <c r="KJ31" s="71">
        <v>5</v>
      </c>
      <c r="KK31" s="71">
        <v>3</v>
      </c>
      <c r="KL31" s="72">
        <v>26</v>
      </c>
      <c r="KM31" s="73">
        <v>31</v>
      </c>
    </row>
    <row r="32" spans="2:299" ht="21" customHeight="1" x14ac:dyDescent="0.2">
      <c r="B32" s="126" t="s">
        <v>29</v>
      </c>
      <c r="C32" s="315">
        <v>5</v>
      </c>
      <c r="D32" s="82">
        <v>2</v>
      </c>
      <c r="E32" s="83">
        <v>7</v>
      </c>
      <c r="F32" s="241"/>
      <c r="G32" s="82">
        <v>5</v>
      </c>
      <c r="H32" s="82">
        <v>7</v>
      </c>
      <c r="I32" s="82">
        <v>3</v>
      </c>
      <c r="J32" s="82">
        <v>2</v>
      </c>
      <c r="K32" s="82">
        <v>3</v>
      </c>
      <c r="L32" s="84">
        <v>20</v>
      </c>
      <c r="M32" s="85">
        <v>27</v>
      </c>
      <c r="N32" s="70">
        <v>0</v>
      </c>
      <c r="O32" s="71">
        <v>0</v>
      </c>
      <c r="P32" s="72">
        <v>0</v>
      </c>
      <c r="Q32" s="244"/>
      <c r="R32" s="71">
        <v>0</v>
      </c>
      <c r="S32" s="71">
        <v>0</v>
      </c>
      <c r="T32" s="71">
        <v>0</v>
      </c>
      <c r="U32" s="71">
        <v>0</v>
      </c>
      <c r="V32" s="71">
        <v>0</v>
      </c>
      <c r="W32" s="72">
        <v>0</v>
      </c>
      <c r="X32" s="73">
        <v>0</v>
      </c>
      <c r="Y32" s="70">
        <v>0</v>
      </c>
      <c r="Z32" s="71">
        <v>0</v>
      </c>
      <c r="AA32" s="72">
        <v>0</v>
      </c>
      <c r="AB32" s="244"/>
      <c r="AC32" s="71">
        <v>0</v>
      </c>
      <c r="AD32" s="71">
        <v>1</v>
      </c>
      <c r="AE32" s="71">
        <v>0</v>
      </c>
      <c r="AF32" s="71">
        <v>0</v>
      </c>
      <c r="AG32" s="71">
        <v>0</v>
      </c>
      <c r="AH32" s="72">
        <v>1</v>
      </c>
      <c r="AI32" s="73">
        <v>1</v>
      </c>
      <c r="AJ32" s="70">
        <v>1</v>
      </c>
      <c r="AK32" s="71">
        <v>0</v>
      </c>
      <c r="AL32" s="72">
        <v>1</v>
      </c>
      <c r="AM32" s="244"/>
      <c r="AN32" s="71">
        <v>0</v>
      </c>
      <c r="AO32" s="71">
        <v>0</v>
      </c>
      <c r="AP32" s="71">
        <v>0</v>
      </c>
      <c r="AQ32" s="71">
        <v>0</v>
      </c>
      <c r="AR32" s="71">
        <v>1</v>
      </c>
      <c r="AS32" s="72">
        <v>1</v>
      </c>
      <c r="AT32" s="73">
        <v>2</v>
      </c>
      <c r="AU32" s="70">
        <v>1</v>
      </c>
      <c r="AV32" s="71">
        <v>1</v>
      </c>
      <c r="AW32" s="72">
        <v>2</v>
      </c>
      <c r="AX32" s="244"/>
      <c r="AY32" s="71">
        <v>1</v>
      </c>
      <c r="AZ32" s="71">
        <v>1</v>
      </c>
      <c r="BA32" s="71">
        <v>0</v>
      </c>
      <c r="BB32" s="71">
        <v>1</v>
      </c>
      <c r="BC32" s="71">
        <v>0</v>
      </c>
      <c r="BD32" s="72">
        <v>3</v>
      </c>
      <c r="BE32" s="73">
        <v>5</v>
      </c>
      <c r="BF32" s="70">
        <v>0</v>
      </c>
      <c r="BG32" s="71">
        <v>1</v>
      </c>
      <c r="BH32" s="72">
        <v>1</v>
      </c>
      <c r="BI32" s="244"/>
      <c r="BJ32" s="71">
        <v>3</v>
      </c>
      <c r="BK32" s="71">
        <v>2</v>
      </c>
      <c r="BL32" s="71">
        <v>1</v>
      </c>
      <c r="BM32" s="71">
        <v>0</v>
      </c>
      <c r="BN32" s="71">
        <v>2</v>
      </c>
      <c r="BO32" s="72">
        <v>8</v>
      </c>
      <c r="BP32" s="73">
        <v>9</v>
      </c>
      <c r="BQ32" s="70">
        <v>3</v>
      </c>
      <c r="BR32" s="71">
        <v>0</v>
      </c>
      <c r="BS32" s="72">
        <v>3</v>
      </c>
      <c r="BT32" s="244"/>
      <c r="BU32" s="71">
        <v>1</v>
      </c>
      <c r="BV32" s="71">
        <v>3</v>
      </c>
      <c r="BW32" s="71">
        <v>2</v>
      </c>
      <c r="BX32" s="71">
        <v>1</v>
      </c>
      <c r="BY32" s="71">
        <v>0</v>
      </c>
      <c r="BZ32" s="72">
        <v>7</v>
      </c>
      <c r="CA32" s="73">
        <v>10</v>
      </c>
      <c r="CB32" s="70">
        <v>0</v>
      </c>
      <c r="CC32" s="71">
        <v>0</v>
      </c>
      <c r="CD32" s="72">
        <v>0</v>
      </c>
      <c r="CE32" s="244"/>
      <c r="CF32" s="71">
        <v>0</v>
      </c>
      <c r="CG32" s="71">
        <v>0</v>
      </c>
      <c r="CH32" s="71">
        <v>0</v>
      </c>
      <c r="CI32" s="71">
        <v>0</v>
      </c>
      <c r="CJ32" s="71">
        <v>0</v>
      </c>
      <c r="CK32" s="72">
        <v>0</v>
      </c>
      <c r="CL32" s="73">
        <v>0</v>
      </c>
      <c r="CM32" s="70">
        <v>5</v>
      </c>
      <c r="CN32" s="71">
        <v>2</v>
      </c>
      <c r="CO32" s="72">
        <v>7</v>
      </c>
      <c r="CP32" s="244"/>
      <c r="CQ32" s="71">
        <v>5</v>
      </c>
      <c r="CR32" s="71">
        <v>7</v>
      </c>
      <c r="CS32" s="71">
        <v>3</v>
      </c>
      <c r="CT32" s="71">
        <v>2</v>
      </c>
      <c r="CU32" s="71">
        <v>3</v>
      </c>
      <c r="CV32" s="72">
        <v>20</v>
      </c>
      <c r="CW32" s="73">
        <v>27</v>
      </c>
      <c r="CX32" s="123">
        <v>1</v>
      </c>
      <c r="CY32" s="82">
        <v>0</v>
      </c>
      <c r="CZ32" s="83">
        <v>1</v>
      </c>
      <c r="DA32" s="241"/>
      <c r="DB32" s="82">
        <v>2</v>
      </c>
      <c r="DC32" s="82">
        <v>1</v>
      </c>
      <c r="DD32" s="82">
        <v>0</v>
      </c>
      <c r="DE32" s="82">
        <v>0</v>
      </c>
      <c r="DF32" s="82">
        <v>0</v>
      </c>
      <c r="DG32" s="84">
        <v>3</v>
      </c>
      <c r="DH32" s="85">
        <v>4</v>
      </c>
      <c r="DI32" s="70">
        <v>0</v>
      </c>
      <c r="DJ32" s="71">
        <v>0</v>
      </c>
      <c r="DK32" s="72">
        <v>0</v>
      </c>
      <c r="DL32" s="244"/>
      <c r="DM32" s="71">
        <v>0</v>
      </c>
      <c r="DN32" s="71">
        <v>0</v>
      </c>
      <c r="DO32" s="71">
        <v>0</v>
      </c>
      <c r="DP32" s="71">
        <v>0</v>
      </c>
      <c r="DQ32" s="71">
        <v>0</v>
      </c>
      <c r="DR32" s="72">
        <v>0</v>
      </c>
      <c r="DS32" s="73">
        <v>0</v>
      </c>
      <c r="DT32" s="70">
        <v>0</v>
      </c>
      <c r="DU32" s="71">
        <v>0</v>
      </c>
      <c r="DV32" s="72">
        <v>0</v>
      </c>
      <c r="DW32" s="244"/>
      <c r="DX32" s="71">
        <v>1</v>
      </c>
      <c r="DY32" s="71">
        <v>0</v>
      </c>
      <c r="DZ32" s="71">
        <v>0</v>
      </c>
      <c r="EA32" s="71">
        <v>0</v>
      </c>
      <c r="EB32" s="71">
        <v>0</v>
      </c>
      <c r="EC32" s="72">
        <v>1</v>
      </c>
      <c r="ED32" s="73">
        <v>1</v>
      </c>
      <c r="EE32" s="70">
        <v>0</v>
      </c>
      <c r="EF32" s="71">
        <v>0</v>
      </c>
      <c r="EG32" s="72">
        <v>0</v>
      </c>
      <c r="EH32" s="244"/>
      <c r="EI32" s="71">
        <v>0</v>
      </c>
      <c r="EJ32" s="71">
        <v>0</v>
      </c>
      <c r="EK32" s="71">
        <v>0</v>
      </c>
      <c r="EL32" s="71">
        <v>0</v>
      </c>
      <c r="EM32" s="71">
        <v>0</v>
      </c>
      <c r="EN32" s="72">
        <v>0</v>
      </c>
      <c r="EO32" s="73">
        <v>0</v>
      </c>
      <c r="EP32" s="70">
        <v>1</v>
      </c>
      <c r="EQ32" s="71">
        <v>0</v>
      </c>
      <c r="ER32" s="72">
        <v>1</v>
      </c>
      <c r="ES32" s="244"/>
      <c r="ET32" s="71">
        <v>0</v>
      </c>
      <c r="EU32" s="71">
        <v>0</v>
      </c>
      <c r="EV32" s="71">
        <v>0</v>
      </c>
      <c r="EW32" s="71">
        <v>0</v>
      </c>
      <c r="EX32" s="71">
        <v>0</v>
      </c>
      <c r="EY32" s="72">
        <v>0</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1</v>
      </c>
      <c r="GI32" s="71">
        <v>0</v>
      </c>
      <c r="GJ32" s="72">
        <v>1</v>
      </c>
      <c r="GK32" s="244"/>
      <c r="GL32" s="71">
        <v>2</v>
      </c>
      <c r="GM32" s="71">
        <v>1</v>
      </c>
      <c r="GN32" s="71">
        <v>0</v>
      </c>
      <c r="GO32" s="71">
        <v>0</v>
      </c>
      <c r="GP32" s="71">
        <v>0</v>
      </c>
      <c r="GQ32" s="72">
        <v>3</v>
      </c>
      <c r="GR32" s="73">
        <v>4</v>
      </c>
      <c r="GS32" s="123">
        <v>6</v>
      </c>
      <c r="GT32" s="82">
        <v>2</v>
      </c>
      <c r="GU32" s="83">
        <v>8</v>
      </c>
      <c r="GV32" s="241"/>
      <c r="GW32" s="82">
        <v>7</v>
      </c>
      <c r="GX32" s="82">
        <v>8</v>
      </c>
      <c r="GY32" s="82">
        <v>3</v>
      </c>
      <c r="GZ32" s="82">
        <v>2</v>
      </c>
      <c r="HA32" s="82">
        <v>3</v>
      </c>
      <c r="HB32" s="84">
        <v>23</v>
      </c>
      <c r="HC32" s="85">
        <v>31</v>
      </c>
      <c r="HD32" s="70">
        <v>0</v>
      </c>
      <c r="HE32" s="71">
        <v>0</v>
      </c>
      <c r="HF32" s="72">
        <v>0</v>
      </c>
      <c r="HG32" s="244"/>
      <c r="HH32" s="71">
        <v>0</v>
      </c>
      <c r="HI32" s="71">
        <v>0</v>
      </c>
      <c r="HJ32" s="71">
        <v>0</v>
      </c>
      <c r="HK32" s="71">
        <v>0</v>
      </c>
      <c r="HL32" s="71">
        <v>0</v>
      </c>
      <c r="HM32" s="72">
        <v>0</v>
      </c>
      <c r="HN32" s="73">
        <v>0</v>
      </c>
      <c r="HO32" s="70">
        <v>0</v>
      </c>
      <c r="HP32" s="71">
        <v>0</v>
      </c>
      <c r="HQ32" s="72">
        <v>0</v>
      </c>
      <c r="HR32" s="244"/>
      <c r="HS32" s="71">
        <v>1</v>
      </c>
      <c r="HT32" s="71">
        <v>1</v>
      </c>
      <c r="HU32" s="71">
        <v>0</v>
      </c>
      <c r="HV32" s="71">
        <v>0</v>
      </c>
      <c r="HW32" s="71">
        <v>0</v>
      </c>
      <c r="HX32" s="72">
        <v>2</v>
      </c>
      <c r="HY32" s="73">
        <v>2</v>
      </c>
      <c r="HZ32" s="70">
        <v>1</v>
      </c>
      <c r="IA32" s="71">
        <v>0</v>
      </c>
      <c r="IB32" s="72">
        <v>1</v>
      </c>
      <c r="IC32" s="244"/>
      <c r="ID32" s="71">
        <v>0</v>
      </c>
      <c r="IE32" s="71">
        <v>0</v>
      </c>
      <c r="IF32" s="71">
        <v>0</v>
      </c>
      <c r="IG32" s="71">
        <v>0</v>
      </c>
      <c r="IH32" s="71">
        <v>1</v>
      </c>
      <c r="II32" s="72">
        <v>1</v>
      </c>
      <c r="IJ32" s="73">
        <v>2</v>
      </c>
      <c r="IK32" s="70">
        <v>2</v>
      </c>
      <c r="IL32" s="71">
        <v>1</v>
      </c>
      <c r="IM32" s="72">
        <v>3</v>
      </c>
      <c r="IN32" s="244"/>
      <c r="IO32" s="71">
        <v>1</v>
      </c>
      <c r="IP32" s="71">
        <v>1</v>
      </c>
      <c r="IQ32" s="71">
        <v>0</v>
      </c>
      <c r="IR32" s="71">
        <v>1</v>
      </c>
      <c r="IS32" s="71">
        <v>0</v>
      </c>
      <c r="IT32" s="72">
        <v>3</v>
      </c>
      <c r="IU32" s="73">
        <v>6</v>
      </c>
      <c r="IV32" s="70">
        <v>0</v>
      </c>
      <c r="IW32" s="71">
        <v>1</v>
      </c>
      <c r="IX32" s="72">
        <v>1</v>
      </c>
      <c r="IY32" s="244"/>
      <c r="IZ32" s="71">
        <v>4</v>
      </c>
      <c r="JA32" s="71">
        <v>2</v>
      </c>
      <c r="JB32" s="71">
        <v>1</v>
      </c>
      <c r="JC32" s="71">
        <v>0</v>
      </c>
      <c r="JD32" s="71">
        <v>2</v>
      </c>
      <c r="JE32" s="72">
        <v>9</v>
      </c>
      <c r="JF32" s="73">
        <v>10</v>
      </c>
      <c r="JG32" s="70">
        <v>3</v>
      </c>
      <c r="JH32" s="71">
        <v>0</v>
      </c>
      <c r="JI32" s="72">
        <v>3</v>
      </c>
      <c r="JJ32" s="244"/>
      <c r="JK32" s="71">
        <v>1</v>
      </c>
      <c r="JL32" s="71">
        <v>4</v>
      </c>
      <c r="JM32" s="71">
        <v>2</v>
      </c>
      <c r="JN32" s="71">
        <v>1</v>
      </c>
      <c r="JO32" s="71">
        <v>0</v>
      </c>
      <c r="JP32" s="72">
        <v>8</v>
      </c>
      <c r="JQ32" s="73">
        <v>11</v>
      </c>
      <c r="JR32" s="70">
        <v>0</v>
      </c>
      <c r="JS32" s="71">
        <v>0</v>
      </c>
      <c r="JT32" s="72">
        <v>0</v>
      </c>
      <c r="JU32" s="244"/>
      <c r="JV32" s="71">
        <v>0</v>
      </c>
      <c r="JW32" s="71">
        <v>0</v>
      </c>
      <c r="JX32" s="71">
        <v>0</v>
      </c>
      <c r="JY32" s="71">
        <v>0</v>
      </c>
      <c r="JZ32" s="71">
        <v>0</v>
      </c>
      <c r="KA32" s="72">
        <v>0</v>
      </c>
      <c r="KB32" s="73">
        <v>0</v>
      </c>
      <c r="KC32" s="70">
        <v>6</v>
      </c>
      <c r="KD32" s="71">
        <v>2</v>
      </c>
      <c r="KE32" s="72">
        <v>8</v>
      </c>
      <c r="KF32" s="244"/>
      <c r="KG32" s="71">
        <v>7</v>
      </c>
      <c r="KH32" s="71">
        <v>8</v>
      </c>
      <c r="KI32" s="71">
        <v>3</v>
      </c>
      <c r="KJ32" s="71">
        <v>2</v>
      </c>
      <c r="KK32" s="71">
        <v>3</v>
      </c>
      <c r="KL32" s="72">
        <v>23</v>
      </c>
      <c r="KM32" s="73">
        <v>31</v>
      </c>
    </row>
    <row r="33" spans="2:299" ht="21" customHeight="1" x14ac:dyDescent="0.2">
      <c r="B33" s="126" t="s">
        <v>30</v>
      </c>
      <c r="C33" s="315">
        <v>3</v>
      </c>
      <c r="D33" s="82">
        <v>4</v>
      </c>
      <c r="E33" s="83">
        <v>7</v>
      </c>
      <c r="F33" s="241"/>
      <c r="G33" s="82">
        <v>8</v>
      </c>
      <c r="H33" s="82">
        <v>2</v>
      </c>
      <c r="I33" s="82">
        <v>3</v>
      </c>
      <c r="J33" s="82">
        <v>7</v>
      </c>
      <c r="K33" s="82">
        <v>2</v>
      </c>
      <c r="L33" s="84">
        <v>22</v>
      </c>
      <c r="M33" s="85">
        <v>29</v>
      </c>
      <c r="N33" s="70">
        <v>0</v>
      </c>
      <c r="O33" s="71">
        <v>0</v>
      </c>
      <c r="P33" s="72">
        <v>0</v>
      </c>
      <c r="Q33" s="244"/>
      <c r="R33" s="71">
        <v>0</v>
      </c>
      <c r="S33" s="71">
        <v>0</v>
      </c>
      <c r="T33" s="71">
        <v>0</v>
      </c>
      <c r="U33" s="71">
        <v>0</v>
      </c>
      <c r="V33" s="71">
        <v>0</v>
      </c>
      <c r="W33" s="72">
        <v>0</v>
      </c>
      <c r="X33" s="73">
        <v>0</v>
      </c>
      <c r="Y33" s="70">
        <v>1</v>
      </c>
      <c r="Z33" s="71">
        <v>2</v>
      </c>
      <c r="AA33" s="72">
        <v>3</v>
      </c>
      <c r="AB33" s="244"/>
      <c r="AC33" s="71">
        <v>0</v>
      </c>
      <c r="AD33" s="71">
        <v>0</v>
      </c>
      <c r="AE33" s="71">
        <v>0</v>
      </c>
      <c r="AF33" s="71">
        <v>0</v>
      </c>
      <c r="AG33" s="71">
        <v>0</v>
      </c>
      <c r="AH33" s="72">
        <v>0</v>
      </c>
      <c r="AI33" s="73">
        <v>3</v>
      </c>
      <c r="AJ33" s="70">
        <v>0</v>
      </c>
      <c r="AK33" s="71">
        <v>0</v>
      </c>
      <c r="AL33" s="72">
        <v>0</v>
      </c>
      <c r="AM33" s="244"/>
      <c r="AN33" s="71">
        <v>0</v>
      </c>
      <c r="AO33" s="71">
        <v>0</v>
      </c>
      <c r="AP33" s="71">
        <v>0</v>
      </c>
      <c r="AQ33" s="71">
        <v>2</v>
      </c>
      <c r="AR33" s="71">
        <v>0</v>
      </c>
      <c r="AS33" s="72">
        <v>2</v>
      </c>
      <c r="AT33" s="73">
        <v>2</v>
      </c>
      <c r="AU33" s="70">
        <v>0</v>
      </c>
      <c r="AV33" s="71">
        <v>0</v>
      </c>
      <c r="AW33" s="72">
        <v>0</v>
      </c>
      <c r="AX33" s="244"/>
      <c r="AY33" s="71">
        <v>1</v>
      </c>
      <c r="AZ33" s="71">
        <v>0</v>
      </c>
      <c r="BA33" s="71">
        <v>1</v>
      </c>
      <c r="BB33" s="71">
        <v>0</v>
      </c>
      <c r="BC33" s="71">
        <v>0</v>
      </c>
      <c r="BD33" s="72">
        <v>2</v>
      </c>
      <c r="BE33" s="73">
        <v>2</v>
      </c>
      <c r="BF33" s="70">
        <v>1</v>
      </c>
      <c r="BG33" s="71">
        <v>2</v>
      </c>
      <c r="BH33" s="72">
        <v>3</v>
      </c>
      <c r="BI33" s="244"/>
      <c r="BJ33" s="71">
        <v>3</v>
      </c>
      <c r="BK33" s="71">
        <v>0</v>
      </c>
      <c r="BL33" s="71">
        <v>0</v>
      </c>
      <c r="BM33" s="71">
        <v>2</v>
      </c>
      <c r="BN33" s="71">
        <v>1</v>
      </c>
      <c r="BO33" s="72">
        <v>6</v>
      </c>
      <c r="BP33" s="73">
        <v>9</v>
      </c>
      <c r="BQ33" s="70">
        <v>1</v>
      </c>
      <c r="BR33" s="71">
        <v>0</v>
      </c>
      <c r="BS33" s="72">
        <v>1</v>
      </c>
      <c r="BT33" s="244"/>
      <c r="BU33" s="71">
        <v>4</v>
      </c>
      <c r="BV33" s="71">
        <v>2</v>
      </c>
      <c r="BW33" s="71">
        <v>2</v>
      </c>
      <c r="BX33" s="71">
        <v>3</v>
      </c>
      <c r="BY33" s="71">
        <v>1</v>
      </c>
      <c r="BZ33" s="72">
        <v>12</v>
      </c>
      <c r="CA33" s="73">
        <v>13</v>
      </c>
      <c r="CB33" s="70">
        <v>0</v>
      </c>
      <c r="CC33" s="71">
        <v>0</v>
      </c>
      <c r="CD33" s="72">
        <v>0</v>
      </c>
      <c r="CE33" s="244"/>
      <c r="CF33" s="71">
        <v>0</v>
      </c>
      <c r="CG33" s="71">
        <v>0</v>
      </c>
      <c r="CH33" s="71">
        <v>0</v>
      </c>
      <c r="CI33" s="71">
        <v>0</v>
      </c>
      <c r="CJ33" s="71">
        <v>0</v>
      </c>
      <c r="CK33" s="72">
        <v>0</v>
      </c>
      <c r="CL33" s="73">
        <v>0</v>
      </c>
      <c r="CM33" s="70">
        <v>3</v>
      </c>
      <c r="CN33" s="71">
        <v>4</v>
      </c>
      <c r="CO33" s="72">
        <v>7</v>
      </c>
      <c r="CP33" s="244"/>
      <c r="CQ33" s="71">
        <v>8</v>
      </c>
      <c r="CR33" s="71">
        <v>2</v>
      </c>
      <c r="CS33" s="71">
        <v>3</v>
      </c>
      <c r="CT33" s="71">
        <v>7</v>
      </c>
      <c r="CU33" s="71">
        <v>2</v>
      </c>
      <c r="CV33" s="72">
        <v>22</v>
      </c>
      <c r="CW33" s="73">
        <v>29</v>
      </c>
      <c r="CX33" s="123">
        <v>1</v>
      </c>
      <c r="CY33" s="82">
        <v>1</v>
      </c>
      <c r="CZ33" s="83">
        <v>2</v>
      </c>
      <c r="DA33" s="241"/>
      <c r="DB33" s="82">
        <v>2</v>
      </c>
      <c r="DC33" s="82">
        <v>0</v>
      </c>
      <c r="DD33" s="82">
        <v>2</v>
      </c>
      <c r="DE33" s="82">
        <v>2</v>
      </c>
      <c r="DF33" s="82">
        <v>1</v>
      </c>
      <c r="DG33" s="84">
        <v>7</v>
      </c>
      <c r="DH33" s="85">
        <v>9</v>
      </c>
      <c r="DI33" s="70">
        <v>0</v>
      </c>
      <c r="DJ33" s="71">
        <v>0</v>
      </c>
      <c r="DK33" s="72">
        <v>0</v>
      </c>
      <c r="DL33" s="244"/>
      <c r="DM33" s="71">
        <v>0</v>
      </c>
      <c r="DN33" s="71">
        <v>0</v>
      </c>
      <c r="DO33" s="71">
        <v>0</v>
      </c>
      <c r="DP33" s="71">
        <v>0</v>
      </c>
      <c r="DQ33" s="71">
        <v>0</v>
      </c>
      <c r="DR33" s="72">
        <v>0</v>
      </c>
      <c r="DS33" s="73">
        <v>0</v>
      </c>
      <c r="DT33" s="70">
        <v>0</v>
      </c>
      <c r="DU33" s="71">
        <v>0</v>
      </c>
      <c r="DV33" s="72">
        <v>0</v>
      </c>
      <c r="DW33" s="244"/>
      <c r="DX33" s="71">
        <v>1</v>
      </c>
      <c r="DY33" s="71">
        <v>0</v>
      </c>
      <c r="DZ33" s="71">
        <v>0</v>
      </c>
      <c r="EA33" s="71">
        <v>0</v>
      </c>
      <c r="EB33" s="71">
        <v>0</v>
      </c>
      <c r="EC33" s="72">
        <v>1</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1</v>
      </c>
      <c r="FC33" s="72">
        <v>1</v>
      </c>
      <c r="FD33" s="244"/>
      <c r="FE33" s="71">
        <v>0</v>
      </c>
      <c r="FF33" s="71">
        <v>0</v>
      </c>
      <c r="FG33" s="71">
        <v>1</v>
      </c>
      <c r="FH33" s="71">
        <v>2</v>
      </c>
      <c r="FI33" s="71">
        <v>0</v>
      </c>
      <c r="FJ33" s="72">
        <v>3</v>
      </c>
      <c r="FK33" s="73">
        <v>4</v>
      </c>
      <c r="FL33" s="70">
        <v>0</v>
      </c>
      <c r="FM33" s="71">
        <v>0</v>
      </c>
      <c r="FN33" s="72">
        <v>0</v>
      </c>
      <c r="FO33" s="244"/>
      <c r="FP33" s="71">
        <v>0</v>
      </c>
      <c r="FQ33" s="71">
        <v>0</v>
      </c>
      <c r="FR33" s="71">
        <v>1</v>
      </c>
      <c r="FS33" s="71">
        <v>0</v>
      </c>
      <c r="FT33" s="71">
        <v>1</v>
      </c>
      <c r="FU33" s="72">
        <v>2</v>
      </c>
      <c r="FV33" s="73">
        <v>2</v>
      </c>
      <c r="FW33" s="70">
        <v>0</v>
      </c>
      <c r="FX33" s="71">
        <v>0</v>
      </c>
      <c r="FY33" s="72">
        <v>0</v>
      </c>
      <c r="FZ33" s="244"/>
      <c r="GA33" s="71">
        <v>0</v>
      </c>
      <c r="GB33" s="71">
        <v>0</v>
      </c>
      <c r="GC33" s="71">
        <v>0</v>
      </c>
      <c r="GD33" s="71">
        <v>0</v>
      </c>
      <c r="GE33" s="71">
        <v>0</v>
      </c>
      <c r="GF33" s="72">
        <v>0</v>
      </c>
      <c r="GG33" s="73">
        <v>0</v>
      </c>
      <c r="GH33" s="70">
        <v>1</v>
      </c>
      <c r="GI33" s="71">
        <v>1</v>
      </c>
      <c r="GJ33" s="72">
        <v>2</v>
      </c>
      <c r="GK33" s="244"/>
      <c r="GL33" s="71">
        <v>2</v>
      </c>
      <c r="GM33" s="71">
        <v>0</v>
      </c>
      <c r="GN33" s="71">
        <v>2</v>
      </c>
      <c r="GO33" s="71">
        <v>2</v>
      </c>
      <c r="GP33" s="71">
        <v>1</v>
      </c>
      <c r="GQ33" s="72">
        <v>7</v>
      </c>
      <c r="GR33" s="73">
        <v>9</v>
      </c>
      <c r="GS33" s="123">
        <v>4</v>
      </c>
      <c r="GT33" s="82">
        <v>5</v>
      </c>
      <c r="GU33" s="83">
        <v>9</v>
      </c>
      <c r="GV33" s="241"/>
      <c r="GW33" s="82">
        <v>10</v>
      </c>
      <c r="GX33" s="82">
        <v>2</v>
      </c>
      <c r="GY33" s="82">
        <v>5</v>
      </c>
      <c r="GZ33" s="82">
        <v>9</v>
      </c>
      <c r="HA33" s="82">
        <v>3</v>
      </c>
      <c r="HB33" s="84">
        <v>29</v>
      </c>
      <c r="HC33" s="85">
        <v>38</v>
      </c>
      <c r="HD33" s="70">
        <v>0</v>
      </c>
      <c r="HE33" s="71">
        <v>0</v>
      </c>
      <c r="HF33" s="72">
        <v>0</v>
      </c>
      <c r="HG33" s="244"/>
      <c r="HH33" s="71">
        <v>0</v>
      </c>
      <c r="HI33" s="71">
        <v>0</v>
      </c>
      <c r="HJ33" s="71">
        <v>0</v>
      </c>
      <c r="HK33" s="71">
        <v>0</v>
      </c>
      <c r="HL33" s="71">
        <v>0</v>
      </c>
      <c r="HM33" s="72">
        <v>0</v>
      </c>
      <c r="HN33" s="73">
        <v>0</v>
      </c>
      <c r="HO33" s="70">
        <v>1</v>
      </c>
      <c r="HP33" s="71">
        <v>2</v>
      </c>
      <c r="HQ33" s="72">
        <v>3</v>
      </c>
      <c r="HR33" s="244"/>
      <c r="HS33" s="71">
        <v>1</v>
      </c>
      <c r="HT33" s="71">
        <v>0</v>
      </c>
      <c r="HU33" s="71">
        <v>0</v>
      </c>
      <c r="HV33" s="71">
        <v>0</v>
      </c>
      <c r="HW33" s="71">
        <v>0</v>
      </c>
      <c r="HX33" s="72">
        <v>1</v>
      </c>
      <c r="HY33" s="73">
        <v>4</v>
      </c>
      <c r="HZ33" s="70">
        <v>0</v>
      </c>
      <c r="IA33" s="71">
        <v>0</v>
      </c>
      <c r="IB33" s="72">
        <v>0</v>
      </c>
      <c r="IC33" s="244"/>
      <c r="ID33" s="71">
        <v>0</v>
      </c>
      <c r="IE33" s="71">
        <v>0</v>
      </c>
      <c r="IF33" s="71">
        <v>0</v>
      </c>
      <c r="IG33" s="71">
        <v>2</v>
      </c>
      <c r="IH33" s="71">
        <v>0</v>
      </c>
      <c r="II33" s="72">
        <v>2</v>
      </c>
      <c r="IJ33" s="73">
        <v>2</v>
      </c>
      <c r="IK33" s="70">
        <v>1</v>
      </c>
      <c r="IL33" s="71">
        <v>0</v>
      </c>
      <c r="IM33" s="72">
        <v>1</v>
      </c>
      <c r="IN33" s="244"/>
      <c r="IO33" s="71">
        <v>2</v>
      </c>
      <c r="IP33" s="71">
        <v>0</v>
      </c>
      <c r="IQ33" s="71">
        <v>1</v>
      </c>
      <c r="IR33" s="71">
        <v>0</v>
      </c>
      <c r="IS33" s="71">
        <v>0</v>
      </c>
      <c r="IT33" s="72">
        <v>3</v>
      </c>
      <c r="IU33" s="73">
        <v>4</v>
      </c>
      <c r="IV33" s="70">
        <v>1</v>
      </c>
      <c r="IW33" s="71">
        <v>3</v>
      </c>
      <c r="IX33" s="72">
        <v>4</v>
      </c>
      <c r="IY33" s="244"/>
      <c r="IZ33" s="71">
        <v>3</v>
      </c>
      <c r="JA33" s="71">
        <v>0</v>
      </c>
      <c r="JB33" s="71">
        <v>1</v>
      </c>
      <c r="JC33" s="71">
        <v>4</v>
      </c>
      <c r="JD33" s="71">
        <v>1</v>
      </c>
      <c r="JE33" s="72">
        <v>9</v>
      </c>
      <c r="JF33" s="73">
        <v>13</v>
      </c>
      <c r="JG33" s="70">
        <v>1</v>
      </c>
      <c r="JH33" s="71">
        <v>0</v>
      </c>
      <c r="JI33" s="72">
        <v>1</v>
      </c>
      <c r="JJ33" s="244"/>
      <c r="JK33" s="71">
        <v>4</v>
      </c>
      <c r="JL33" s="71">
        <v>2</v>
      </c>
      <c r="JM33" s="71">
        <v>3</v>
      </c>
      <c r="JN33" s="71">
        <v>3</v>
      </c>
      <c r="JO33" s="71">
        <v>2</v>
      </c>
      <c r="JP33" s="72">
        <v>14</v>
      </c>
      <c r="JQ33" s="73">
        <v>15</v>
      </c>
      <c r="JR33" s="70">
        <v>0</v>
      </c>
      <c r="JS33" s="71">
        <v>0</v>
      </c>
      <c r="JT33" s="72">
        <v>0</v>
      </c>
      <c r="JU33" s="244"/>
      <c r="JV33" s="71">
        <v>0</v>
      </c>
      <c r="JW33" s="71">
        <v>0</v>
      </c>
      <c r="JX33" s="71">
        <v>0</v>
      </c>
      <c r="JY33" s="71">
        <v>0</v>
      </c>
      <c r="JZ33" s="71">
        <v>0</v>
      </c>
      <c r="KA33" s="72">
        <v>0</v>
      </c>
      <c r="KB33" s="73">
        <v>0</v>
      </c>
      <c r="KC33" s="70">
        <v>4</v>
      </c>
      <c r="KD33" s="71">
        <v>5</v>
      </c>
      <c r="KE33" s="72">
        <v>9</v>
      </c>
      <c r="KF33" s="244"/>
      <c r="KG33" s="71">
        <v>10</v>
      </c>
      <c r="KH33" s="71">
        <v>2</v>
      </c>
      <c r="KI33" s="71">
        <v>5</v>
      </c>
      <c r="KJ33" s="71">
        <v>9</v>
      </c>
      <c r="KK33" s="71">
        <v>3</v>
      </c>
      <c r="KL33" s="72">
        <v>29</v>
      </c>
      <c r="KM33" s="73">
        <v>38</v>
      </c>
    </row>
    <row r="34" spans="2:299" ht="21" customHeight="1" x14ac:dyDescent="0.2">
      <c r="B34" s="126" t="s">
        <v>31</v>
      </c>
      <c r="C34" s="315">
        <v>5</v>
      </c>
      <c r="D34" s="82">
        <v>6</v>
      </c>
      <c r="E34" s="83">
        <v>11</v>
      </c>
      <c r="F34" s="241"/>
      <c r="G34" s="82">
        <v>9</v>
      </c>
      <c r="H34" s="82">
        <v>10</v>
      </c>
      <c r="I34" s="82">
        <v>5</v>
      </c>
      <c r="J34" s="82">
        <v>4</v>
      </c>
      <c r="K34" s="82">
        <v>1</v>
      </c>
      <c r="L34" s="84">
        <v>29</v>
      </c>
      <c r="M34" s="85">
        <v>40</v>
      </c>
      <c r="N34" s="70">
        <v>0</v>
      </c>
      <c r="O34" s="71">
        <v>0</v>
      </c>
      <c r="P34" s="72">
        <v>0</v>
      </c>
      <c r="Q34" s="244"/>
      <c r="R34" s="71">
        <v>0</v>
      </c>
      <c r="S34" s="71">
        <v>0</v>
      </c>
      <c r="T34" s="71">
        <v>0</v>
      </c>
      <c r="U34" s="71">
        <v>1</v>
      </c>
      <c r="V34" s="71">
        <v>0</v>
      </c>
      <c r="W34" s="72">
        <v>1</v>
      </c>
      <c r="X34" s="73">
        <v>1</v>
      </c>
      <c r="Y34" s="70">
        <v>0</v>
      </c>
      <c r="Z34" s="71">
        <v>1</v>
      </c>
      <c r="AA34" s="72">
        <v>1</v>
      </c>
      <c r="AB34" s="244"/>
      <c r="AC34" s="71">
        <v>1</v>
      </c>
      <c r="AD34" s="71">
        <v>0</v>
      </c>
      <c r="AE34" s="71">
        <v>0</v>
      </c>
      <c r="AF34" s="71">
        <v>0</v>
      </c>
      <c r="AG34" s="71">
        <v>0</v>
      </c>
      <c r="AH34" s="72">
        <v>1</v>
      </c>
      <c r="AI34" s="73">
        <v>2</v>
      </c>
      <c r="AJ34" s="70">
        <v>0</v>
      </c>
      <c r="AK34" s="71">
        <v>1</v>
      </c>
      <c r="AL34" s="72">
        <v>1</v>
      </c>
      <c r="AM34" s="244"/>
      <c r="AN34" s="71">
        <v>0</v>
      </c>
      <c r="AO34" s="71">
        <v>0</v>
      </c>
      <c r="AP34" s="71">
        <v>0</v>
      </c>
      <c r="AQ34" s="71">
        <v>1</v>
      </c>
      <c r="AR34" s="71">
        <v>0</v>
      </c>
      <c r="AS34" s="72">
        <v>1</v>
      </c>
      <c r="AT34" s="73">
        <v>2</v>
      </c>
      <c r="AU34" s="70">
        <v>0</v>
      </c>
      <c r="AV34" s="71">
        <v>1</v>
      </c>
      <c r="AW34" s="72">
        <v>1</v>
      </c>
      <c r="AX34" s="244"/>
      <c r="AY34" s="71">
        <v>4</v>
      </c>
      <c r="AZ34" s="71">
        <v>2</v>
      </c>
      <c r="BA34" s="71">
        <v>1</v>
      </c>
      <c r="BB34" s="71">
        <v>1</v>
      </c>
      <c r="BC34" s="71">
        <v>0</v>
      </c>
      <c r="BD34" s="72">
        <v>8</v>
      </c>
      <c r="BE34" s="73">
        <v>9</v>
      </c>
      <c r="BF34" s="70">
        <v>1</v>
      </c>
      <c r="BG34" s="71">
        <v>1</v>
      </c>
      <c r="BH34" s="72">
        <v>2</v>
      </c>
      <c r="BI34" s="244"/>
      <c r="BJ34" s="71">
        <v>2</v>
      </c>
      <c r="BK34" s="71">
        <v>5</v>
      </c>
      <c r="BL34" s="71">
        <v>0</v>
      </c>
      <c r="BM34" s="71">
        <v>0</v>
      </c>
      <c r="BN34" s="71">
        <v>0</v>
      </c>
      <c r="BO34" s="72">
        <v>7</v>
      </c>
      <c r="BP34" s="73">
        <v>9</v>
      </c>
      <c r="BQ34" s="70">
        <v>4</v>
      </c>
      <c r="BR34" s="71">
        <v>2</v>
      </c>
      <c r="BS34" s="72">
        <v>6</v>
      </c>
      <c r="BT34" s="244"/>
      <c r="BU34" s="71">
        <v>2</v>
      </c>
      <c r="BV34" s="71">
        <v>3</v>
      </c>
      <c r="BW34" s="71">
        <v>4</v>
      </c>
      <c r="BX34" s="71">
        <v>1</v>
      </c>
      <c r="BY34" s="71">
        <v>1</v>
      </c>
      <c r="BZ34" s="72">
        <v>11</v>
      </c>
      <c r="CA34" s="73">
        <v>17</v>
      </c>
      <c r="CB34" s="70">
        <v>0</v>
      </c>
      <c r="CC34" s="71">
        <v>0</v>
      </c>
      <c r="CD34" s="72">
        <v>0</v>
      </c>
      <c r="CE34" s="244"/>
      <c r="CF34" s="71">
        <v>0</v>
      </c>
      <c r="CG34" s="71">
        <v>0</v>
      </c>
      <c r="CH34" s="71">
        <v>0</v>
      </c>
      <c r="CI34" s="71">
        <v>0</v>
      </c>
      <c r="CJ34" s="71">
        <v>0</v>
      </c>
      <c r="CK34" s="72">
        <v>0</v>
      </c>
      <c r="CL34" s="73">
        <v>0</v>
      </c>
      <c r="CM34" s="70">
        <v>5</v>
      </c>
      <c r="CN34" s="71">
        <v>6</v>
      </c>
      <c r="CO34" s="72">
        <v>11</v>
      </c>
      <c r="CP34" s="244"/>
      <c r="CQ34" s="71">
        <v>9</v>
      </c>
      <c r="CR34" s="71">
        <v>10</v>
      </c>
      <c r="CS34" s="71">
        <v>5</v>
      </c>
      <c r="CT34" s="71">
        <v>4</v>
      </c>
      <c r="CU34" s="71">
        <v>1</v>
      </c>
      <c r="CV34" s="72">
        <v>29</v>
      </c>
      <c r="CW34" s="73">
        <v>40</v>
      </c>
      <c r="CX34" s="123">
        <v>1</v>
      </c>
      <c r="CY34" s="82">
        <v>2</v>
      </c>
      <c r="CZ34" s="83">
        <v>3</v>
      </c>
      <c r="DA34" s="241"/>
      <c r="DB34" s="82">
        <v>1</v>
      </c>
      <c r="DC34" s="82">
        <v>4</v>
      </c>
      <c r="DD34" s="82">
        <v>0</v>
      </c>
      <c r="DE34" s="82">
        <v>1</v>
      </c>
      <c r="DF34" s="82">
        <v>0</v>
      </c>
      <c r="DG34" s="84">
        <v>6</v>
      </c>
      <c r="DH34" s="85">
        <v>9</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1</v>
      </c>
      <c r="EG34" s="72">
        <v>1</v>
      </c>
      <c r="EH34" s="244"/>
      <c r="EI34" s="71">
        <v>1</v>
      </c>
      <c r="EJ34" s="71">
        <v>0</v>
      </c>
      <c r="EK34" s="71">
        <v>0</v>
      </c>
      <c r="EL34" s="71">
        <v>0</v>
      </c>
      <c r="EM34" s="71">
        <v>0</v>
      </c>
      <c r="EN34" s="72">
        <v>1</v>
      </c>
      <c r="EO34" s="73">
        <v>2</v>
      </c>
      <c r="EP34" s="70">
        <v>1</v>
      </c>
      <c r="EQ34" s="71">
        <v>0</v>
      </c>
      <c r="ER34" s="72">
        <v>1</v>
      </c>
      <c r="ES34" s="244"/>
      <c r="ET34" s="71">
        <v>0</v>
      </c>
      <c r="EU34" s="71">
        <v>2</v>
      </c>
      <c r="EV34" s="71">
        <v>0</v>
      </c>
      <c r="EW34" s="71">
        <v>0</v>
      </c>
      <c r="EX34" s="71">
        <v>0</v>
      </c>
      <c r="EY34" s="72">
        <v>2</v>
      </c>
      <c r="EZ34" s="73">
        <v>3</v>
      </c>
      <c r="FA34" s="70">
        <v>0</v>
      </c>
      <c r="FB34" s="71">
        <v>1</v>
      </c>
      <c r="FC34" s="72">
        <v>1</v>
      </c>
      <c r="FD34" s="244"/>
      <c r="FE34" s="71">
        <v>0</v>
      </c>
      <c r="FF34" s="71">
        <v>0</v>
      </c>
      <c r="FG34" s="71">
        <v>0</v>
      </c>
      <c r="FH34" s="71">
        <v>0</v>
      </c>
      <c r="FI34" s="71">
        <v>0</v>
      </c>
      <c r="FJ34" s="72">
        <v>0</v>
      </c>
      <c r="FK34" s="73">
        <v>1</v>
      </c>
      <c r="FL34" s="70">
        <v>0</v>
      </c>
      <c r="FM34" s="71">
        <v>0</v>
      </c>
      <c r="FN34" s="72">
        <v>0</v>
      </c>
      <c r="FO34" s="244"/>
      <c r="FP34" s="71">
        <v>0</v>
      </c>
      <c r="FQ34" s="71">
        <v>2</v>
      </c>
      <c r="FR34" s="71">
        <v>0</v>
      </c>
      <c r="FS34" s="71">
        <v>1</v>
      </c>
      <c r="FT34" s="71">
        <v>0</v>
      </c>
      <c r="FU34" s="72">
        <v>3</v>
      </c>
      <c r="FV34" s="73">
        <v>3</v>
      </c>
      <c r="FW34" s="70">
        <v>0</v>
      </c>
      <c r="FX34" s="71">
        <v>0</v>
      </c>
      <c r="FY34" s="72">
        <v>0</v>
      </c>
      <c r="FZ34" s="244"/>
      <c r="GA34" s="71">
        <v>0</v>
      </c>
      <c r="GB34" s="71">
        <v>0</v>
      </c>
      <c r="GC34" s="71">
        <v>0</v>
      </c>
      <c r="GD34" s="71">
        <v>0</v>
      </c>
      <c r="GE34" s="71">
        <v>0</v>
      </c>
      <c r="GF34" s="72">
        <v>0</v>
      </c>
      <c r="GG34" s="73">
        <v>0</v>
      </c>
      <c r="GH34" s="70">
        <v>1</v>
      </c>
      <c r="GI34" s="71">
        <v>2</v>
      </c>
      <c r="GJ34" s="72">
        <v>3</v>
      </c>
      <c r="GK34" s="244"/>
      <c r="GL34" s="71">
        <v>1</v>
      </c>
      <c r="GM34" s="71">
        <v>4</v>
      </c>
      <c r="GN34" s="71">
        <v>0</v>
      </c>
      <c r="GO34" s="71">
        <v>1</v>
      </c>
      <c r="GP34" s="71">
        <v>0</v>
      </c>
      <c r="GQ34" s="72">
        <v>6</v>
      </c>
      <c r="GR34" s="73">
        <v>9</v>
      </c>
      <c r="GS34" s="123">
        <v>6</v>
      </c>
      <c r="GT34" s="82">
        <v>8</v>
      </c>
      <c r="GU34" s="83">
        <v>14</v>
      </c>
      <c r="GV34" s="241"/>
      <c r="GW34" s="82">
        <v>10</v>
      </c>
      <c r="GX34" s="82">
        <v>14</v>
      </c>
      <c r="GY34" s="82">
        <v>5</v>
      </c>
      <c r="GZ34" s="82">
        <v>5</v>
      </c>
      <c r="HA34" s="82">
        <v>1</v>
      </c>
      <c r="HB34" s="84">
        <v>35</v>
      </c>
      <c r="HC34" s="85">
        <v>49</v>
      </c>
      <c r="HD34" s="70">
        <v>0</v>
      </c>
      <c r="HE34" s="71">
        <v>0</v>
      </c>
      <c r="HF34" s="72">
        <v>0</v>
      </c>
      <c r="HG34" s="244"/>
      <c r="HH34" s="71">
        <v>0</v>
      </c>
      <c r="HI34" s="71">
        <v>0</v>
      </c>
      <c r="HJ34" s="71">
        <v>0</v>
      </c>
      <c r="HK34" s="71">
        <v>1</v>
      </c>
      <c r="HL34" s="71">
        <v>0</v>
      </c>
      <c r="HM34" s="72">
        <v>1</v>
      </c>
      <c r="HN34" s="73">
        <v>1</v>
      </c>
      <c r="HO34" s="70">
        <v>0</v>
      </c>
      <c r="HP34" s="71">
        <v>1</v>
      </c>
      <c r="HQ34" s="72">
        <v>1</v>
      </c>
      <c r="HR34" s="244"/>
      <c r="HS34" s="71">
        <v>1</v>
      </c>
      <c r="HT34" s="71">
        <v>0</v>
      </c>
      <c r="HU34" s="71">
        <v>0</v>
      </c>
      <c r="HV34" s="71">
        <v>0</v>
      </c>
      <c r="HW34" s="71">
        <v>0</v>
      </c>
      <c r="HX34" s="72">
        <v>1</v>
      </c>
      <c r="HY34" s="73">
        <v>2</v>
      </c>
      <c r="HZ34" s="70">
        <v>0</v>
      </c>
      <c r="IA34" s="71">
        <v>2</v>
      </c>
      <c r="IB34" s="72">
        <v>2</v>
      </c>
      <c r="IC34" s="244"/>
      <c r="ID34" s="71">
        <v>1</v>
      </c>
      <c r="IE34" s="71">
        <v>0</v>
      </c>
      <c r="IF34" s="71">
        <v>0</v>
      </c>
      <c r="IG34" s="71">
        <v>1</v>
      </c>
      <c r="IH34" s="71">
        <v>0</v>
      </c>
      <c r="II34" s="72">
        <v>2</v>
      </c>
      <c r="IJ34" s="73">
        <v>4</v>
      </c>
      <c r="IK34" s="70">
        <v>1</v>
      </c>
      <c r="IL34" s="71">
        <v>1</v>
      </c>
      <c r="IM34" s="72">
        <v>2</v>
      </c>
      <c r="IN34" s="244"/>
      <c r="IO34" s="71">
        <v>4</v>
      </c>
      <c r="IP34" s="71">
        <v>4</v>
      </c>
      <c r="IQ34" s="71">
        <v>1</v>
      </c>
      <c r="IR34" s="71">
        <v>1</v>
      </c>
      <c r="IS34" s="71">
        <v>0</v>
      </c>
      <c r="IT34" s="72">
        <v>10</v>
      </c>
      <c r="IU34" s="73">
        <v>12</v>
      </c>
      <c r="IV34" s="70">
        <v>1</v>
      </c>
      <c r="IW34" s="71">
        <v>2</v>
      </c>
      <c r="IX34" s="72">
        <v>3</v>
      </c>
      <c r="IY34" s="244"/>
      <c r="IZ34" s="71">
        <v>2</v>
      </c>
      <c r="JA34" s="71">
        <v>5</v>
      </c>
      <c r="JB34" s="71">
        <v>0</v>
      </c>
      <c r="JC34" s="71">
        <v>0</v>
      </c>
      <c r="JD34" s="71">
        <v>0</v>
      </c>
      <c r="JE34" s="72">
        <v>7</v>
      </c>
      <c r="JF34" s="73">
        <v>10</v>
      </c>
      <c r="JG34" s="70">
        <v>4</v>
      </c>
      <c r="JH34" s="71">
        <v>2</v>
      </c>
      <c r="JI34" s="72">
        <v>6</v>
      </c>
      <c r="JJ34" s="244"/>
      <c r="JK34" s="71">
        <v>2</v>
      </c>
      <c r="JL34" s="71">
        <v>5</v>
      </c>
      <c r="JM34" s="71">
        <v>4</v>
      </c>
      <c r="JN34" s="71">
        <v>2</v>
      </c>
      <c r="JO34" s="71">
        <v>1</v>
      </c>
      <c r="JP34" s="72">
        <v>14</v>
      </c>
      <c r="JQ34" s="73">
        <v>20</v>
      </c>
      <c r="JR34" s="70">
        <v>0</v>
      </c>
      <c r="JS34" s="71">
        <v>0</v>
      </c>
      <c r="JT34" s="72">
        <v>0</v>
      </c>
      <c r="JU34" s="244"/>
      <c r="JV34" s="71">
        <v>0</v>
      </c>
      <c r="JW34" s="71">
        <v>0</v>
      </c>
      <c r="JX34" s="71">
        <v>0</v>
      </c>
      <c r="JY34" s="71">
        <v>0</v>
      </c>
      <c r="JZ34" s="71">
        <v>0</v>
      </c>
      <c r="KA34" s="72">
        <v>0</v>
      </c>
      <c r="KB34" s="73">
        <v>0</v>
      </c>
      <c r="KC34" s="70">
        <v>6</v>
      </c>
      <c r="KD34" s="71">
        <v>8</v>
      </c>
      <c r="KE34" s="72">
        <v>14</v>
      </c>
      <c r="KF34" s="244"/>
      <c r="KG34" s="71">
        <v>10</v>
      </c>
      <c r="KH34" s="71">
        <v>14</v>
      </c>
      <c r="KI34" s="71">
        <v>5</v>
      </c>
      <c r="KJ34" s="71">
        <v>5</v>
      </c>
      <c r="KK34" s="71">
        <v>1</v>
      </c>
      <c r="KL34" s="72">
        <v>35</v>
      </c>
      <c r="KM34" s="73">
        <v>49</v>
      </c>
    </row>
    <row r="35" spans="2:299" ht="21" customHeight="1" x14ac:dyDescent="0.2">
      <c r="B35" s="126" t="s">
        <v>32</v>
      </c>
      <c r="C35" s="315">
        <v>1</v>
      </c>
      <c r="D35" s="82">
        <v>6</v>
      </c>
      <c r="E35" s="83">
        <v>7</v>
      </c>
      <c r="F35" s="241"/>
      <c r="G35" s="82">
        <v>10</v>
      </c>
      <c r="H35" s="82">
        <v>12</v>
      </c>
      <c r="I35" s="82">
        <v>3</v>
      </c>
      <c r="J35" s="82">
        <v>4</v>
      </c>
      <c r="K35" s="82">
        <v>1</v>
      </c>
      <c r="L35" s="84">
        <v>30</v>
      </c>
      <c r="M35" s="85">
        <v>37</v>
      </c>
      <c r="N35" s="70">
        <v>1</v>
      </c>
      <c r="O35" s="71">
        <v>0</v>
      </c>
      <c r="P35" s="72">
        <v>1</v>
      </c>
      <c r="Q35" s="244"/>
      <c r="R35" s="71">
        <v>0</v>
      </c>
      <c r="S35" s="71">
        <v>0</v>
      </c>
      <c r="T35" s="71">
        <v>0</v>
      </c>
      <c r="U35" s="71">
        <v>0</v>
      </c>
      <c r="V35" s="71">
        <v>0</v>
      </c>
      <c r="W35" s="72">
        <v>0</v>
      </c>
      <c r="X35" s="73">
        <v>1</v>
      </c>
      <c r="Y35" s="70">
        <v>0</v>
      </c>
      <c r="Z35" s="71">
        <v>0</v>
      </c>
      <c r="AA35" s="72">
        <v>0</v>
      </c>
      <c r="AB35" s="244"/>
      <c r="AC35" s="71">
        <v>0</v>
      </c>
      <c r="AD35" s="71">
        <v>0</v>
      </c>
      <c r="AE35" s="71">
        <v>0</v>
      </c>
      <c r="AF35" s="71">
        <v>0</v>
      </c>
      <c r="AG35" s="71">
        <v>0</v>
      </c>
      <c r="AH35" s="72">
        <v>0</v>
      </c>
      <c r="AI35" s="73">
        <v>0</v>
      </c>
      <c r="AJ35" s="70">
        <v>0</v>
      </c>
      <c r="AK35" s="71">
        <v>0</v>
      </c>
      <c r="AL35" s="72">
        <v>0</v>
      </c>
      <c r="AM35" s="244"/>
      <c r="AN35" s="71">
        <v>0</v>
      </c>
      <c r="AO35" s="71">
        <v>1</v>
      </c>
      <c r="AP35" s="71">
        <v>1</v>
      </c>
      <c r="AQ35" s="71">
        <v>1</v>
      </c>
      <c r="AR35" s="71">
        <v>0</v>
      </c>
      <c r="AS35" s="72">
        <v>3</v>
      </c>
      <c r="AT35" s="73">
        <v>3</v>
      </c>
      <c r="AU35" s="70">
        <v>0</v>
      </c>
      <c r="AV35" s="71">
        <v>1</v>
      </c>
      <c r="AW35" s="72">
        <v>1</v>
      </c>
      <c r="AX35" s="244"/>
      <c r="AY35" s="71">
        <v>3</v>
      </c>
      <c r="AZ35" s="71">
        <v>1</v>
      </c>
      <c r="BA35" s="71">
        <v>1</v>
      </c>
      <c r="BB35" s="71">
        <v>0</v>
      </c>
      <c r="BC35" s="71">
        <v>0</v>
      </c>
      <c r="BD35" s="72">
        <v>5</v>
      </c>
      <c r="BE35" s="73">
        <v>6</v>
      </c>
      <c r="BF35" s="70">
        <v>0</v>
      </c>
      <c r="BG35" s="71">
        <v>4</v>
      </c>
      <c r="BH35" s="72">
        <v>4</v>
      </c>
      <c r="BI35" s="244"/>
      <c r="BJ35" s="71">
        <v>3</v>
      </c>
      <c r="BK35" s="71">
        <v>5</v>
      </c>
      <c r="BL35" s="71">
        <v>0</v>
      </c>
      <c r="BM35" s="71">
        <v>2</v>
      </c>
      <c r="BN35" s="71">
        <v>1</v>
      </c>
      <c r="BO35" s="72">
        <v>11</v>
      </c>
      <c r="BP35" s="73">
        <v>15</v>
      </c>
      <c r="BQ35" s="70">
        <v>0</v>
      </c>
      <c r="BR35" s="71">
        <v>1</v>
      </c>
      <c r="BS35" s="72">
        <v>1</v>
      </c>
      <c r="BT35" s="244"/>
      <c r="BU35" s="71">
        <v>4</v>
      </c>
      <c r="BV35" s="71">
        <v>5</v>
      </c>
      <c r="BW35" s="71">
        <v>1</v>
      </c>
      <c r="BX35" s="71">
        <v>1</v>
      </c>
      <c r="BY35" s="71">
        <v>0</v>
      </c>
      <c r="BZ35" s="72">
        <v>11</v>
      </c>
      <c r="CA35" s="73">
        <v>12</v>
      </c>
      <c r="CB35" s="70">
        <v>0</v>
      </c>
      <c r="CC35" s="71">
        <v>0</v>
      </c>
      <c r="CD35" s="72">
        <v>0</v>
      </c>
      <c r="CE35" s="244"/>
      <c r="CF35" s="71">
        <v>0</v>
      </c>
      <c r="CG35" s="71">
        <v>0</v>
      </c>
      <c r="CH35" s="71">
        <v>0</v>
      </c>
      <c r="CI35" s="71">
        <v>0</v>
      </c>
      <c r="CJ35" s="71">
        <v>0</v>
      </c>
      <c r="CK35" s="72">
        <v>0</v>
      </c>
      <c r="CL35" s="73">
        <v>0</v>
      </c>
      <c r="CM35" s="70">
        <v>1</v>
      </c>
      <c r="CN35" s="71">
        <v>6</v>
      </c>
      <c r="CO35" s="72">
        <v>7</v>
      </c>
      <c r="CP35" s="244"/>
      <c r="CQ35" s="71">
        <v>10</v>
      </c>
      <c r="CR35" s="71">
        <v>12</v>
      </c>
      <c r="CS35" s="71">
        <v>3</v>
      </c>
      <c r="CT35" s="71">
        <v>4</v>
      </c>
      <c r="CU35" s="71">
        <v>1</v>
      </c>
      <c r="CV35" s="72">
        <v>30</v>
      </c>
      <c r="CW35" s="73">
        <v>37</v>
      </c>
      <c r="CX35" s="123">
        <v>0</v>
      </c>
      <c r="CY35" s="82">
        <v>0</v>
      </c>
      <c r="CZ35" s="83">
        <v>0</v>
      </c>
      <c r="DA35" s="241"/>
      <c r="DB35" s="82">
        <v>1</v>
      </c>
      <c r="DC35" s="82">
        <v>2</v>
      </c>
      <c r="DD35" s="82">
        <v>4</v>
      </c>
      <c r="DE35" s="82">
        <v>4</v>
      </c>
      <c r="DF35" s="82">
        <v>1</v>
      </c>
      <c r="DG35" s="84">
        <v>12</v>
      </c>
      <c r="DH35" s="85">
        <v>12</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1</v>
      </c>
      <c r="EU35" s="71">
        <v>1</v>
      </c>
      <c r="EV35" s="71">
        <v>1</v>
      </c>
      <c r="EW35" s="71">
        <v>0</v>
      </c>
      <c r="EX35" s="71">
        <v>0</v>
      </c>
      <c r="EY35" s="72">
        <v>3</v>
      </c>
      <c r="EZ35" s="73">
        <v>3</v>
      </c>
      <c r="FA35" s="70">
        <v>0</v>
      </c>
      <c r="FB35" s="71">
        <v>0</v>
      </c>
      <c r="FC35" s="72">
        <v>0</v>
      </c>
      <c r="FD35" s="244"/>
      <c r="FE35" s="71">
        <v>0</v>
      </c>
      <c r="FF35" s="71">
        <v>0</v>
      </c>
      <c r="FG35" s="71">
        <v>2</v>
      </c>
      <c r="FH35" s="71">
        <v>2</v>
      </c>
      <c r="FI35" s="71">
        <v>0</v>
      </c>
      <c r="FJ35" s="72">
        <v>4</v>
      </c>
      <c r="FK35" s="73">
        <v>4</v>
      </c>
      <c r="FL35" s="70">
        <v>0</v>
      </c>
      <c r="FM35" s="71">
        <v>0</v>
      </c>
      <c r="FN35" s="72">
        <v>0</v>
      </c>
      <c r="FO35" s="244"/>
      <c r="FP35" s="71">
        <v>0</v>
      </c>
      <c r="FQ35" s="71">
        <v>1</v>
      </c>
      <c r="FR35" s="71">
        <v>1</v>
      </c>
      <c r="FS35" s="71">
        <v>2</v>
      </c>
      <c r="FT35" s="71">
        <v>1</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1</v>
      </c>
      <c r="GM35" s="71">
        <v>2</v>
      </c>
      <c r="GN35" s="71">
        <v>4</v>
      </c>
      <c r="GO35" s="71">
        <v>4</v>
      </c>
      <c r="GP35" s="71">
        <v>1</v>
      </c>
      <c r="GQ35" s="72">
        <v>12</v>
      </c>
      <c r="GR35" s="73">
        <v>12</v>
      </c>
      <c r="GS35" s="123">
        <v>1</v>
      </c>
      <c r="GT35" s="82">
        <v>6</v>
      </c>
      <c r="GU35" s="83">
        <v>7</v>
      </c>
      <c r="GV35" s="241"/>
      <c r="GW35" s="82">
        <v>11</v>
      </c>
      <c r="GX35" s="82">
        <v>14</v>
      </c>
      <c r="GY35" s="82">
        <v>7</v>
      </c>
      <c r="GZ35" s="82">
        <v>8</v>
      </c>
      <c r="HA35" s="82">
        <v>2</v>
      </c>
      <c r="HB35" s="84">
        <v>42</v>
      </c>
      <c r="HC35" s="85">
        <v>49</v>
      </c>
      <c r="HD35" s="70">
        <v>1</v>
      </c>
      <c r="HE35" s="71">
        <v>0</v>
      </c>
      <c r="HF35" s="72">
        <v>1</v>
      </c>
      <c r="HG35" s="244"/>
      <c r="HH35" s="71">
        <v>0</v>
      </c>
      <c r="HI35" s="71">
        <v>0</v>
      </c>
      <c r="HJ35" s="71">
        <v>0</v>
      </c>
      <c r="HK35" s="71">
        <v>0</v>
      </c>
      <c r="HL35" s="71">
        <v>0</v>
      </c>
      <c r="HM35" s="72">
        <v>0</v>
      </c>
      <c r="HN35" s="73">
        <v>1</v>
      </c>
      <c r="HO35" s="70">
        <v>0</v>
      </c>
      <c r="HP35" s="71">
        <v>0</v>
      </c>
      <c r="HQ35" s="72">
        <v>0</v>
      </c>
      <c r="HR35" s="244"/>
      <c r="HS35" s="71">
        <v>0</v>
      </c>
      <c r="HT35" s="71">
        <v>0</v>
      </c>
      <c r="HU35" s="71">
        <v>0</v>
      </c>
      <c r="HV35" s="71">
        <v>0</v>
      </c>
      <c r="HW35" s="71">
        <v>0</v>
      </c>
      <c r="HX35" s="72">
        <v>0</v>
      </c>
      <c r="HY35" s="73">
        <v>0</v>
      </c>
      <c r="HZ35" s="70">
        <v>0</v>
      </c>
      <c r="IA35" s="71">
        <v>0</v>
      </c>
      <c r="IB35" s="72">
        <v>0</v>
      </c>
      <c r="IC35" s="244"/>
      <c r="ID35" s="71">
        <v>0</v>
      </c>
      <c r="IE35" s="71">
        <v>1</v>
      </c>
      <c r="IF35" s="71">
        <v>1</v>
      </c>
      <c r="IG35" s="71">
        <v>1</v>
      </c>
      <c r="IH35" s="71">
        <v>0</v>
      </c>
      <c r="II35" s="72">
        <v>3</v>
      </c>
      <c r="IJ35" s="73">
        <v>3</v>
      </c>
      <c r="IK35" s="70">
        <v>0</v>
      </c>
      <c r="IL35" s="71">
        <v>1</v>
      </c>
      <c r="IM35" s="72">
        <v>1</v>
      </c>
      <c r="IN35" s="244"/>
      <c r="IO35" s="71">
        <v>4</v>
      </c>
      <c r="IP35" s="71">
        <v>2</v>
      </c>
      <c r="IQ35" s="71">
        <v>2</v>
      </c>
      <c r="IR35" s="71">
        <v>0</v>
      </c>
      <c r="IS35" s="71">
        <v>0</v>
      </c>
      <c r="IT35" s="72">
        <v>8</v>
      </c>
      <c r="IU35" s="73">
        <v>9</v>
      </c>
      <c r="IV35" s="70">
        <v>0</v>
      </c>
      <c r="IW35" s="71">
        <v>4</v>
      </c>
      <c r="IX35" s="72">
        <v>4</v>
      </c>
      <c r="IY35" s="244"/>
      <c r="IZ35" s="71">
        <v>3</v>
      </c>
      <c r="JA35" s="71">
        <v>5</v>
      </c>
      <c r="JB35" s="71">
        <v>2</v>
      </c>
      <c r="JC35" s="71">
        <v>4</v>
      </c>
      <c r="JD35" s="71">
        <v>1</v>
      </c>
      <c r="JE35" s="72">
        <v>15</v>
      </c>
      <c r="JF35" s="73">
        <v>19</v>
      </c>
      <c r="JG35" s="70">
        <v>0</v>
      </c>
      <c r="JH35" s="71">
        <v>1</v>
      </c>
      <c r="JI35" s="72">
        <v>1</v>
      </c>
      <c r="JJ35" s="244"/>
      <c r="JK35" s="71">
        <v>4</v>
      </c>
      <c r="JL35" s="71">
        <v>6</v>
      </c>
      <c r="JM35" s="71">
        <v>2</v>
      </c>
      <c r="JN35" s="71">
        <v>3</v>
      </c>
      <c r="JO35" s="71">
        <v>1</v>
      </c>
      <c r="JP35" s="72">
        <v>16</v>
      </c>
      <c r="JQ35" s="73">
        <v>17</v>
      </c>
      <c r="JR35" s="70">
        <v>0</v>
      </c>
      <c r="JS35" s="71">
        <v>0</v>
      </c>
      <c r="JT35" s="72">
        <v>0</v>
      </c>
      <c r="JU35" s="244"/>
      <c r="JV35" s="71">
        <v>0</v>
      </c>
      <c r="JW35" s="71">
        <v>0</v>
      </c>
      <c r="JX35" s="71">
        <v>0</v>
      </c>
      <c r="JY35" s="71">
        <v>0</v>
      </c>
      <c r="JZ35" s="71">
        <v>0</v>
      </c>
      <c r="KA35" s="72">
        <v>0</v>
      </c>
      <c r="KB35" s="73">
        <v>0</v>
      </c>
      <c r="KC35" s="70">
        <v>1</v>
      </c>
      <c r="KD35" s="71">
        <v>6</v>
      </c>
      <c r="KE35" s="72">
        <v>7</v>
      </c>
      <c r="KF35" s="244"/>
      <c r="KG35" s="71">
        <v>11</v>
      </c>
      <c r="KH35" s="71">
        <v>14</v>
      </c>
      <c r="KI35" s="71">
        <v>7</v>
      </c>
      <c r="KJ35" s="71">
        <v>8</v>
      </c>
      <c r="KK35" s="71">
        <v>2</v>
      </c>
      <c r="KL35" s="72">
        <v>42</v>
      </c>
      <c r="KM35" s="73">
        <v>49</v>
      </c>
    </row>
    <row r="36" spans="2:299" ht="21" customHeight="1" x14ac:dyDescent="0.2">
      <c r="B36" s="126" t="s">
        <v>33</v>
      </c>
      <c r="C36" s="315">
        <v>6</v>
      </c>
      <c r="D36" s="82">
        <v>2</v>
      </c>
      <c r="E36" s="83">
        <v>8</v>
      </c>
      <c r="F36" s="241"/>
      <c r="G36" s="82">
        <v>7</v>
      </c>
      <c r="H36" s="82">
        <v>1</v>
      </c>
      <c r="I36" s="82">
        <v>3</v>
      </c>
      <c r="J36" s="82">
        <v>1</v>
      </c>
      <c r="K36" s="82">
        <v>1</v>
      </c>
      <c r="L36" s="84">
        <v>13</v>
      </c>
      <c r="M36" s="85">
        <v>21</v>
      </c>
      <c r="N36" s="70">
        <v>0</v>
      </c>
      <c r="O36" s="71">
        <v>0</v>
      </c>
      <c r="P36" s="72">
        <v>0</v>
      </c>
      <c r="Q36" s="244"/>
      <c r="R36" s="71">
        <v>0</v>
      </c>
      <c r="S36" s="71">
        <v>0</v>
      </c>
      <c r="T36" s="71">
        <v>1</v>
      </c>
      <c r="U36" s="71">
        <v>0</v>
      </c>
      <c r="V36" s="71">
        <v>0</v>
      </c>
      <c r="W36" s="72">
        <v>1</v>
      </c>
      <c r="X36" s="73">
        <v>1</v>
      </c>
      <c r="Y36" s="70">
        <v>1</v>
      </c>
      <c r="Z36" s="71">
        <v>0</v>
      </c>
      <c r="AA36" s="72">
        <v>1</v>
      </c>
      <c r="AB36" s="244"/>
      <c r="AC36" s="71">
        <v>0</v>
      </c>
      <c r="AD36" s="71">
        <v>0</v>
      </c>
      <c r="AE36" s="71">
        <v>0</v>
      </c>
      <c r="AF36" s="71">
        <v>0</v>
      </c>
      <c r="AG36" s="71">
        <v>0</v>
      </c>
      <c r="AH36" s="72">
        <v>0</v>
      </c>
      <c r="AI36" s="73">
        <v>1</v>
      </c>
      <c r="AJ36" s="70">
        <v>3</v>
      </c>
      <c r="AK36" s="71">
        <v>0</v>
      </c>
      <c r="AL36" s="72">
        <v>3</v>
      </c>
      <c r="AM36" s="244"/>
      <c r="AN36" s="71">
        <v>1</v>
      </c>
      <c r="AO36" s="71">
        <v>0</v>
      </c>
      <c r="AP36" s="71">
        <v>0</v>
      </c>
      <c r="AQ36" s="71">
        <v>1</v>
      </c>
      <c r="AR36" s="71">
        <v>0</v>
      </c>
      <c r="AS36" s="72">
        <v>2</v>
      </c>
      <c r="AT36" s="73">
        <v>5</v>
      </c>
      <c r="AU36" s="70">
        <v>0</v>
      </c>
      <c r="AV36" s="71">
        <v>1</v>
      </c>
      <c r="AW36" s="72">
        <v>1</v>
      </c>
      <c r="AX36" s="244"/>
      <c r="AY36" s="71">
        <v>1</v>
      </c>
      <c r="AZ36" s="71">
        <v>1</v>
      </c>
      <c r="BA36" s="71">
        <v>1</v>
      </c>
      <c r="BB36" s="71">
        <v>0</v>
      </c>
      <c r="BC36" s="71">
        <v>0</v>
      </c>
      <c r="BD36" s="72">
        <v>3</v>
      </c>
      <c r="BE36" s="73">
        <v>4</v>
      </c>
      <c r="BF36" s="70">
        <v>0</v>
      </c>
      <c r="BG36" s="71">
        <v>1</v>
      </c>
      <c r="BH36" s="72">
        <v>1</v>
      </c>
      <c r="BI36" s="244"/>
      <c r="BJ36" s="71">
        <v>0</v>
      </c>
      <c r="BK36" s="71">
        <v>0</v>
      </c>
      <c r="BL36" s="71">
        <v>1</v>
      </c>
      <c r="BM36" s="71">
        <v>0</v>
      </c>
      <c r="BN36" s="71">
        <v>1</v>
      </c>
      <c r="BO36" s="72">
        <v>2</v>
      </c>
      <c r="BP36" s="73">
        <v>3</v>
      </c>
      <c r="BQ36" s="70">
        <v>2</v>
      </c>
      <c r="BR36" s="71">
        <v>0</v>
      </c>
      <c r="BS36" s="72">
        <v>2</v>
      </c>
      <c r="BT36" s="244"/>
      <c r="BU36" s="71">
        <v>5</v>
      </c>
      <c r="BV36" s="71">
        <v>0</v>
      </c>
      <c r="BW36" s="71">
        <v>0</v>
      </c>
      <c r="BX36" s="71">
        <v>0</v>
      </c>
      <c r="BY36" s="71">
        <v>0</v>
      </c>
      <c r="BZ36" s="72">
        <v>5</v>
      </c>
      <c r="CA36" s="73">
        <v>7</v>
      </c>
      <c r="CB36" s="70">
        <v>0</v>
      </c>
      <c r="CC36" s="71">
        <v>0</v>
      </c>
      <c r="CD36" s="72">
        <v>0</v>
      </c>
      <c r="CE36" s="244"/>
      <c r="CF36" s="71">
        <v>0</v>
      </c>
      <c r="CG36" s="71">
        <v>0</v>
      </c>
      <c r="CH36" s="71">
        <v>0</v>
      </c>
      <c r="CI36" s="71">
        <v>0</v>
      </c>
      <c r="CJ36" s="71">
        <v>0</v>
      </c>
      <c r="CK36" s="72">
        <v>0</v>
      </c>
      <c r="CL36" s="73">
        <v>0</v>
      </c>
      <c r="CM36" s="70">
        <v>6</v>
      </c>
      <c r="CN36" s="71">
        <v>2</v>
      </c>
      <c r="CO36" s="72">
        <v>8</v>
      </c>
      <c r="CP36" s="244"/>
      <c r="CQ36" s="71">
        <v>7</v>
      </c>
      <c r="CR36" s="71">
        <v>1</v>
      </c>
      <c r="CS36" s="71">
        <v>3</v>
      </c>
      <c r="CT36" s="71">
        <v>1</v>
      </c>
      <c r="CU36" s="71">
        <v>1</v>
      </c>
      <c r="CV36" s="72">
        <v>13</v>
      </c>
      <c r="CW36" s="73">
        <v>21</v>
      </c>
      <c r="CX36" s="123">
        <v>1</v>
      </c>
      <c r="CY36" s="82">
        <v>1</v>
      </c>
      <c r="CZ36" s="83">
        <v>2</v>
      </c>
      <c r="DA36" s="241"/>
      <c r="DB36" s="82">
        <v>0</v>
      </c>
      <c r="DC36" s="82">
        <v>3</v>
      </c>
      <c r="DD36" s="82">
        <v>0</v>
      </c>
      <c r="DE36" s="82">
        <v>1</v>
      </c>
      <c r="DF36" s="82">
        <v>0</v>
      </c>
      <c r="DG36" s="84">
        <v>4</v>
      </c>
      <c r="DH36" s="85">
        <v>6</v>
      </c>
      <c r="DI36" s="70">
        <v>0</v>
      </c>
      <c r="DJ36" s="71">
        <v>0</v>
      </c>
      <c r="DK36" s="72">
        <v>0</v>
      </c>
      <c r="DL36" s="244"/>
      <c r="DM36" s="71">
        <v>0</v>
      </c>
      <c r="DN36" s="71">
        <v>1</v>
      </c>
      <c r="DO36" s="71">
        <v>0</v>
      </c>
      <c r="DP36" s="71">
        <v>0</v>
      </c>
      <c r="DQ36" s="71">
        <v>0</v>
      </c>
      <c r="DR36" s="72">
        <v>1</v>
      </c>
      <c r="DS36" s="73">
        <v>1</v>
      </c>
      <c r="DT36" s="70">
        <v>0</v>
      </c>
      <c r="DU36" s="71">
        <v>0</v>
      </c>
      <c r="DV36" s="72">
        <v>0</v>
      </c>
      <c r="DW36" s="244"/>
      <c r="DX36" s="71">
        <v>0</v>
      </c>
      <c r="DY36" s="71">
        <v>0</v>
      </c>
      <c r="DZ36" s="71">
        <v>0</v>
      </c>
      <c r="EA36" s="71">
        <v>0</v>
      </c>
      <c r="EB36" s="71">
        <v>0</v>
      </c>
      <c r="EC36" s="72">
        <v>0</v>
      </c>
      <c r="ED36" s="73">
        <v>0</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0</v>
      </c>
      <c r="FG36" s="71">
        <v>0</v>
      </c>
      <c r="FH36" s="71">
        <v>0</v>
      </c>
      <c r="FI36" s="71">
        <v>0</v>
      </c>
      <c r="FJ36" s="72">
        <v>0</v>
      </c>
      <c r="FK36" s="73">
        <v>0</v>
      </c>
      <c r="FL36" s="70">
        <v>1</v>
      </c>
      <c r="FM36" s="71">
        <v>1</v>
      </c>
      <c r="FN36" s="72">
        <v>2</v>
      </c>
      <c r="FO36" s="244"/>
      <c r="FP36" s="71">
        <v>0</v>
      </c>
      <c r="FQ36" s="71">
        <v>2</v>
      </c>
      <c r="FR36" s="71">
        <v>0</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1</v>
      </c>
      <c r="GI36" s="71">
        <v>1</v>
      </c>
      <c r="GJ36" s="72">
        <v>2</v>
      </c>
      <c r="GK36" s="244"/>
      <c r="GL36" s="71">
        <v>0</v>
      </c>
      <c r="GM36" s="71">
        <v>3</v>
      </c>
      <c r="GN36" s="71">
        <v>0</v>
      </c>
      <c r="GO36" s="71">
        <v>1</v>
      </c>
      <c r="GP36" s="71">
        <v>0</v>
      </c>
      <c r="GQ36" s="72">
        <v>4</v>
      </c>
      <c r="GR36" s="73">
        <v>6</v>
      </c>
      <c r="GS36" s="123">
        <v>7</v>
      </c>
      <c r="GT36" s="82">
        <v>3</v>
      </c>
      <c r="GU36" s="83">
        <v>10</v>
      </c>
      <c r="GV36" s="241"/>
      <c r="GW36" s="82">
        <v>7</v>
      </c>
      <c r="GX36" s="82">
        <v>4</v>
      </c>
      <c r="GY36" s="82">
        <v>3</v>
      </c>
      <c r="GZ36" s="82">
        <v>2</v>
      </c>
      <c r="HA36" s="82">
        <v>1</v>
      </c>
      <c r="HB36" s="84">
        <v>17</v>
      </c>
      <c r="HC36" s="85">
        <v>27</v>
      </c>
      <c r="HD36" s="70">
        <v>0</v>
      </c>
      <c r="HE36" s="71">
        <v>0</v>
      </c>
      <c r="HF36" s="72">
        <v>0</v>
      </c>
      <c r="HG36" s="244"/>
      <c r="HH36" s="71">
        <v>0</v>
      </c>
      <c r="HI36" s="71">
        <v>1</v>
      </c>
      <c r="HJ36" s="71">
        <v>1</v>
      </c>
      <c r="HK36" s="71">
        <v>0</v>
      </c>
      <c r="HL36" s="71">
        <v>0</v>
      </c>
      <c r="HM36" s="72">
        <v>2</v>
      </c>
      <c r="HN36" s="73">
        <v>2</v>
      </c>
      <c r="HO36" s="70">
        <v>1</v>
      </c>
      <c r="HP36" s="71">
        <v>0</v>
      </c>
      <c r="HQ36" s="72">
        <v>1</v>
      </c>
      <c r="HR36" s="244"/>
      <c r="HS36" s="71">
        <v>0</v>
      </c>
      <c r="HT36" s="71">
        <v>0</v>
      </c>
      <c r="HU36" s="71">
        <v>0</v>
      </c>
      <c r="HV36" s="71">
        <v>0</v>
      </c>
      <c r="HW36" s="71">
        <v>0</v>
      </c>
      <c r="HX36" s="72">
        <v>0</v>
      </c>
      <c r="HY36" s="73">
        <v>1</v>
      </c>
      <c r="HZ36" s="70">
        <v>3</v>
      </c>
      <c r="IA36" s="71">
        <v>0</v>
      </c>
      <c r="IB36" s="72">
        <v>3</v>
      </c>
      <c r="IC36" s="244"/>
      <c r="ID36" s="71">
        <v>1</v>
      </c>
      <c r="IE36" s="71">
        <v>0</v>
      </c>
      <c r="IF36" s="71">
        <v>0</v>
      </c>
      <c r="IG36" s="71">
        <v>1</v>
      </c>
      <c r="IH36" s="71">
        <v>0</v>
      </c>
      <c r="II36" s="72">
        <v>2</v>
      </c>
      <c r="IJ36" s="73">
        <v>5</v>
      </c>
      <c r="IK36" s="70">
        <v>0</v>
      </c>
      <c r="IL36" s="71">
        <v>1</v>
      </c>
      <c r="IM36" s="72">
        <v>1</v>
      </c>
      <c r="IN36" s="244"/>
      <c r="IO36" s="71">
        <v>1</v>
      </c>
      <c r="IP36" s="71">
        <v>1</v>
      </c>
      <c r="IQ36" s="71">
        <v>1</v>
      </c>
      <c r="IR36" s="71">
        <v>0</v>
      </c>
      <c r="IS36" s="71">
        <v>0</v>
      </c>
      <c r="IT36" s="72">
        <v>3</v>
      </c>
      <c r="IU36" s="73">
        <v>4</v>
      </c>
      <c r="IV36" s="70">
        <v>0</v>
      </c>
      <c r="IW36" s="71">
        <v>1</v>
      </c>
      <c r="IX36" s="72">
        <v>1</v>
      </c>
      <c r="IY36" s="244"/>
      <c r="IZ36" s="71">
        <v>0</v>
      </c>
      <c r="JA36" s="71">
        <v>0</v>
      </c>
      <c r="JB36" s="71">
        <v>1</v>
      </c>
      <c r="JC36" s="71">
        <v>0</v>
      </c>
      <c r="JD36" s="71">
        <v>1</v>
      </c>
      <c r="JE36" s="72">
        <v>2</v>
      </c>
      <c r="JF36" s="73">
        <v>3</v>
      </c>
      <c r="JG36" s="70">
        <v>3</v>
      </c>
      <c r="JH36" s="71">
        <v>1</v>
      </c>
      <c r="JI36" s="72">
        <v>4</v>
      </c>
      <c r="JJ36" s="244"/>
      <c r="JK36" s="71">
        <v>5</v>
      </c>
      <c r="JL36" s="71">
        <v>2</v>
      </c>
      <c r="JM36" s="71">
        <v>0</v>
      </c>
      <c r="JN36" s="71">
        <v>1</v>
      </c>
      <c r="JO36" s="71">
        <v>0</v>
      </c>
      <c r="JP36" s="72">
        <v>8</v>
      </c>
      <c r="JQ36" s="73">
        <v>12</v>
      </c>
      <c r="JR36" s="70">
        <v>0</v>
      </c>
      <c r="JS36" s="71">
        <v>0</v>
      </c>
      <c r="JT36" s="72">
        <v>0</v>
      </c>
      <c r="JU36" s="244"/>
      <c r="JV36" s="71">
        <v>0</v>
      </c>
      <c r="JW36" s="71">
        <v>0</v>
      </c>
      <c r="JX36" s="71">
        <v>0</v>
      </c>
      <c r="JY36" s="71">
        <v>0</v>
      </c>
      <c r="JZ36" s="71">
        <v>0</v>
      </c>
      <c r="KA36" s="72">
        <v>0</v>
      </c>
      <c r="KB36" s="73">
        <v>0</v>
      </c>
      <c r="KC36" s="70">
        <v>7</v>
      </c>
      <c r="KD36" s="71">
        <v>3</v>
      </c>
      <c r="KE36" s="72">
        <v>10</v>
      </c>
      <c r="KF36" s="244"/>
      <c r="KG36" s="71">
        <v>7</v>
      </c>
      <c r="KH36" s="71">
        <v>4</v>
      </c>
      <c r="KI36" s="71">
        <v>3</v>
      </c>
      <c r="KJ36" s="71">
        <v>2</v>
      </c>
      <c r="KK36" s="71">
        <v>1</v>
      </c>
      <c r="KL36" s="72">
        <v>17</v>
      </c>
      <c r="KM36" s="73">
        <v>27</v>
      </c>
    </row>
    <row r="37" spans="2:299" ht="21" customHeight="1" x14ac:dyDescent="0.2">
      <c r="B37" s="126" t="s">
        <v>34</v>
      </c>
      <c r="C37" s="315">
        <v>5</v>
      </c>
      <c r="D37" s="82">
        <v>1</v>
      </c>
      <c r="E37" s="83">
        <v>6</v>
      </c>
      <c r="F37" s="241"/>
      <c r="G37" s="82">
        <v>4</v>
      </c>
      <c r="H37" s="82">
        <v>2</v>
      </c>
      <c r="I37" s="82">
        <v>6</v>
      </c>
      <c r="J37" s="82">
        <v>1</v>
      </c>
      <c r="K37" s="82">
        <v>0</v>
      </c>
      <c r="L37" s="84">
        <v>13</v>
      </c>
      <c r="M37" s="85">
        <v>19</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2</v>
      </c>
      <c r="AV37" s="71">
        <v>0</v>
      </c>
      <c r="AW37" s="72">
        <v>2</v>
      </c>
      <c r="AX37" s="244"/>
      <c r="AY37" s="71">
        <v>1</v>
      </c>
      <c r="AZ37" s="71">
        <v>0</v>
      </c>
      <c r="BA37" s="71">
        <v>2</v>
      </c>
      <c r="BB37" s="71">
        <v>1</v>
      </c>
      <c r="BC37" s="71">
        <v>0</v>
      </c>
      <c r="BD37" s="72">
        <v>4</v>
      </c>
      <c r="BE37" s="73">
        <v>6</v>
      </c>
      <c r="BF37" s="70">
        <v>2</v>
      </c>
      <c r="BG37" s="71">
        <v>1</v>
      </c>
      <c r="BH37" s="72">
        <v>3</v>
      </c>
      <c r="BI37" s="244"/>
      <c r="BJ37" s="71">
        <v>1</v>
      </c>
      <c r="BK37" s="71">
        <v>0</v>
      </c>
      <c r="BL37" s="71">
        <v>3</v>
      </c>
      <c r="BM37" s="71">
        <v>0</v>
      </c>
      <c r="BN37" s="71">
        <v>0</v>
      </c>
      <c r="BO37" s="72">
        <v>4</v>
      </c>
      <c r="BP37" s="73">
        <v>7</v>
      </c>
      <c r="BQ37" s="70">
        <v>1</v>
      </c>
      <c r="BR37" s="71">
        <v>0</v>
      </c>
      <c r="BS37" s="72">
        <v>1</v>
      </c>
      <c r="BT37" s="244"/>
      <c r="BU37" s="71">
        <v>2</v>
      </c>
      <c r="BV37" s="71">
        <v>1</v>
      </c>
      <c r="BW37" s="71">
        <v>1</v>
      </c>
      <c r="BX37" s="71">
        <v>0</v>
      </c>
      <c r="BY37" s="71">
        <v>0</v>
      </c>
      <c r="BZ37" s="72">
        <v>4</v>
      </c>
      <c r="CA37" s="73">
        <v>5</v>
      </c>
      <c r="CB37" s="70">
        <v>0</v>
      </c>
      <c r="CC37" s="71">
        <v>0</v>
      </c>
      <c r="CD37" s="72">
        <v>0</v>
      </c>
      <c r="CE37" s="244"/>
      <c r="CF37" s="71">
        <v>0</v>
      </c>
      <c r="CG37" s="71">
        <v>0</v>
      </c>
      <c r="CH37" s="71">
        <v>0</v>
      </c>
      <c r="CI37" s="71">
        <v>0</v>
      </c>
      <c r="CJ37" s="71">
        <v>0</v>
      </c>
      <c r="CK37" s="72">
        <v>0</v>
      </c>
      <c r="CL37" s="73">
        <v>0</v>
      </c>
      <c r="CM37" s="70">
        <v>5</v>
      </c>
      <c r="CN37" s="71">
        <v>1</v>
      </c>
      <c r="CO37" s="72">
        <v>6</v>
      </c>
      <c r="CP37" s="244"/>
      <c r="CQ37" s="71">
        <v>4</v>
      </c>
      <c r="CR37" s="71">
        <v>2</v>
      </c>
      <c r="CS37" s="71">
        <v>6</v>
      </c>
      <c r="CT37" s="71">
        <v>1</v>
      </c>
      <c r="CU37" s="71">
        <v>0</v>
      </c>
      <c r="CV37" s="72">
        <v>13</v>
      </c>
      <c r="CW37" s="73">
        <v>19</v>
      </c>
      <c r="CX37" s="123">
        <v>0</v>
      </c>
      <c r="CY37" s="82">
        <v>0</v>
      </c>
      <c r="CZ37" s="83">
        <v>0</v>
      </c>
      <c r="DA37" s="241"/>
      <c r="DB37" s="82">
        <v>0</v>
      </c>
      <c r="DC37" s="82">
        <v>1</v>
      </c>
      <c r="DD37" s="82">
        <v>0</v>
      </c>
      <c r="DE37" s="82">
        <v>0</v>
      </c>
      <c r="DF37" s="82">
        <v>1</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1</v>
      </c>
      <c r="FR37" s="71">
        <v>0</v>
      </c>
      <c r="FS37" s="71">
        <v>0</v>
      </c>
      <c r="FT37" s="71">
        <v>1</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1</v>
      </c>
      <c r="GN37" s="71">
        <v>0</v>
      </c>
      <c r="GO37" s="71">
        <v>0</v>
      </c>
      <c r="GP37" s="71">
        <v>1</v>
      </c>
      <c r="GQ37" s="72">
        <v>2</v>
      </c>
      <c r="GR37" s="73">
        <v>2</v>
      </c>
      <c r="GS37" s="123">
        <v>5</v>
      </c>
      <c r="GT37" s="82">
        <v>1</v>
      </c>
      <c r="GU37" s="83">
        <v>6</v>
      </c>
      <c r="GV37" s="241"/>
      <c r="GW37" s="82">
        <v>4</v>
      </c>
      <c r="GX37" s="82">
        <v>3</v>
      </c>
      <c r="GY37" s="82">
        <v>6</v>
      </c>
      <c r="GZ37" s="82">
        <v>1</v>
      </c>
      <c r="HA37" s="82">
        <v>1</v>
      </c>
      <c r="HB37" s="84">
        <v>15</v>
      </c>
      <c r="HC37" s="85">
        <v>21</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2</v>
      </c>
      <c r="IL37" s="71">
        <v>0</v>
      </c>
      <c r="IM37" s="72">
        <v>2</v>
      </c>
      <c r="IN37" s="244"/>
      <c r="IO37" s="71">
        <v>1</v>
      </c>
      <c r="IP37" s="71">
        <v>0</v>
      </c>
      <c r="IQ37" s="71">
        <v>2</v>
      </c>
      <c r="IR37" s="71">
        <v>1</v>
      </c>
      <c r="IS37" s="71">
        <v>0</v>
      </c>
      <c r="IT37" s="72">
        <v>4</v>
      </c>
      <c r="IU37" s="73">
        <v>6</v>
      </c>
      <c r="IV37" s="70">
        <v>2</v>
      </c>
      <c r="IW37" s="71">
        <v>1</v>
      </c>
      <c r="IX37" s="72">
        <v>3</v>
      </c>
      <c r="IY37" s="244"/>
      <c r="IZ37" s="71">
        <v>1</v>
      </c>
      <c r="JA37" s="71">
        <v>0</v>
      </c>
      <c r="JB37" s="71">
        <v>3</v>
      </c>
      <c r="JC37" s="71">
        <v>0</v>
      </c>
      <c r="JD37" s="71">
        <v>0</v>
      </c>
      <c r="JE37" s="72">
        <v>4</v>
      </c>
      <c r="JF37" s="73">
        <v>7</v>
      </c>
      <c r="JG37" s="70">
        <v>1</v>
      </c>
      <c r="JH37" s="71">
        <v>0</v>
      </c>
      <c r="JI37" s="72">
        <v>1</v>
      </c>
      <c r="JJ37" s="244"/>
      <c r="JK37" s="71">
        <v>2</v>
      </c>
      <c r="JL37" s="71">
        <v>2</v>
      </c>
      <c r="JM37" s="71">
        <v>1</v>
      </c>
      <c r="JN37" s="71">
        <v>0</v>
      </c>
      <c r="JO37" s="71">
        <v>1</v>
      </c>
      <c r="JP37" s="72">
        <v>6</v>
      </c>
      <c r="JQ37" s="73">
        <v>7</v>
      </c>
      <c r="JR37" s="70">
        <v>0</v>
      </c>
      <c r="JS37" s="71">
        <v>0</v>
      </c>
      <c r="JT37" s="72">
        <v>0</v>
      </c>
      <c r="JU37" s="244"/>
      <c r="JV37" s="71">
        <v>0</v>
      </c>
      <c r="JW37" s="71">
        <v>0</v>
      </c>
      <c r="JX37" s="71">
        <v>0</v>
      </c>
      <c r="JY37" s="71">
        <v>0</v>
      </c>
      <c r="JZ37" s="71">
        <v>0</v>
      </c>
      <c r="KA37" s="72">
        <v>0</v>
      </c>
      <c r="KB37" s="73">
        <v>0</v>
      </c>
      <c r="KC37" s="70">
        <v>5</v>
      </c>
      <c r="KD37" s="71">
        <v>1</v>
      </c>
      <c r="KE37" s="72">
        <v>6</v>
      </c>
      <c r="KF37" s="244"/>
      <c r="KG37" s="71">
        <v>4</v>
      </c>
      <c r="KH37" s="71">
        <v>3</v>
      </c>
      <c r="KI37" s="71">
        <v>6</v>
      </c>
      <c r="KJ37" s="71">
        <v>1</v>
      </c>
      <c r="KK37" s="71">
        <v>1</v>
      </c>
      <c r="KL37" s="72">
        <v>15</v>
      </c>
      <c r="KM37" s="73">
        <v>21</v>
      </c>
    </row>
    <row r="38" spans="2:299" ht="21" customHeight="1" x14ac:dyDescent="0.2">
      <c r="B38" s="126" t="s">
        <v>35</v>
      </c>
      <c r="C38" s="315">
        <v>15</v>
      </c>
      <c r="D38" s="82">
        <v>7</v>
      </c>
      <c r="E38" s="83">
        <v>22</v>
      </c>
      <c r="F38" s="241"/>
      <c r="G38" s="82">
        <v>22</v>
      </c>
      <c r="H38" s="82">
        <v>10</v>
      </c>
      <c r="I38" s="82">
        <v>6</v>
      </c>
      <c r="J38" s="82">
        <v>2</v>
      </c>
      <c r="K38" s="82">
        <v>3</v>
      </c>
      <c r="L38" s="84">
        <v>43</v>
      </c>
      <c r="M38" s="85">
        <v>65</v>
      </c>
      <c r="N38" s="70">
        <v>0</v>
      </c>
      <c r="O38" s="71">
        <v>0</v>
      </c>
      <c r="P38" s="72">
        <v>0</v>
      </c>
      <c r="Q38" s="244"/>
      <c r="R38" s="71">
        <v>0</v>
      </c>
      <c r="S38" s="71">
        <v>0</v>
      </c>
      <c r="T38" s="71">
        <v>0</v>
      </c>
      <c r="U38" s="71">
        <v>0</v>
      </c>
      <c r="V38" s="71">
        <v>0</v>
      </c>
      <c r="W38" s="72">
        <v>0</v>
      </c>
      <c r="X38" s="73">
        <v>0</v>
      </c>
      <c r="Y38" s="70">
        <v>1</v>
      </c>
      <c r="Z38" s="71">
        <v>1</v>
      </c>
      <c r="AA38" s="72">
        <v>2</v>
      </c>
      <c r="AB38" s="244"/>
      <c r="AC38" s="71">
        <v>0</v>
      </c>
      <c r="AD38" s="71">
        <v>0</v>
      </c>
      <c r="AE38" s="71">
        <v>0</v>
      </c>
      <c r="AF38" s="71">
        <v>0</v>
      </c>
      <c r="AG38" s="71">
        <v>1</v>
      </c>
      <c r="AH38" s="72">
        <v>1</v>
      </c>
      <c r="AI38" s="73">
        <v>3</v>
      </c>
      <c r="AJ38" s="70">
        <v>1</v>
      </c>
      <c r="AK38" s="71">
        <v>0</v>
      </c>
      <c r="AL38" s="72">
        <v>1</v>
      </c>
      <c r="AM38" s="244"/>
      <c r="AN38" s="71">
        <v>4</v>
      </c>
      <c r="AO38" s="71">
        <v>1</v>
      </c>
      <c r="AP38" s="71">
        <v>0</v>
      </c>
      <c r="AQ38" s="71">
        <v>0</v>
      </c>
      <c r="AR38" s="71">
        <v>0</v>
      </c>
      <c r="AS38" s="72">
        <v>5</v>
      </c>
      <c r="AT38" s="73">
        <v>6</v>
      </c>
      <c r="AU38" s="70">
        <v>5</v>
      </c>
      <c r="AV38" s="71">
        <v>2</v>
      </c>
      <c r="AW38" s="72">
        <v>7</v>
      </c>
      <c r="AX38" s="244"/>
      <c r="AY38" s="71">
        <v>6</v>
      </c>
      <c r="AZ38" s="71">
        <v>3</v>
      </c>
      <c r="BA38" s="71">
        <v>3</v>
      </c>
      <c r="BB38" s="71">
        <v>0</v>
      </c>
      <c r="BC38" s="71">
        <v>0</v>
      </c>
      <c r="BD38" s="72">
        <v>12</v>
      </c>
      <c r="BE38" s="73">
        <v>19</v>
      </c>
      <c r="BF38" s="70">
        <v>4</v>
      </c>
      <c r="BG38" s="71">
        <v>2</v>
      </c>
      <c r="BH38" s="72">
        <v>6</v>
      </c>
      <c r="BI38" s="244"/>
      <c r="BJ38" s="71">
        <v>5</v>
      </c>
      <c r="BK38" s="71">
        <v>2</v>
      </c>
      <c r="BL38" s="71">
        <v>2</v>
      </c>
      <c r="BM38" s="71">
        <v>1</v>
      </c>
      <c r="BN38" s="71">
        <v>1</v>
      </c>
      <c r="BO38" s="72">
        <v>11</v>
      </c>
      <c r="BP38" s="73">
        <v>17</v>
      </c>
      <c r="BQ38" s="70">
        <v>4</v>
      </c>
      <c r="BR38" s="71">
        <v>2</v>
      </c>
      <c r="BS38" s="72">
        <v>6</v>
      </c>
      <c r="BT38" s="244"/>
      <c r="BU38" s="71">
        <v>7</v>
      </c>
      <c r="BV38" s="71">
        <v>4</v>
      </c>
      <c r="BW38" s="71">
        <v>1</v>
      </c>
      <c r="BX38" s="71">
        <v>1</v>
      </c>
      <c r="BY38" s="71">
        <v>1</v>
      </c>
      <c r="BZ38" s="72">
        <v>14</v>
      </c>
      <c r="CA38" s="73">
        <v>20</v>
      </c>
      <c r="CB38" s="70">
        <v>0</v>
      </c>
      <c r="CC38" s="71">
        <v>0</v>
      </c>
      <c r="CD38" s="72">
        <v>0</v>
      </c>
      <c r="CE38" s="244"/>
      <c r="CF38" s="71">
        <v>0</v>
      </c>
      <c r="CG38" s="71">
        <v>0</v>
      </c>
      <c r="CH38" s="71">
        <v>0</v>
      </c>
      <c r="CI38" s="71">
        <v>0</v>
      </c>
      <c r="CJ38" s="71">
        <v>0</v>
      </c>
      <c r="CK38" s="72">
        <v>0</v>
      </c>
      <c r="CL38" s="73">
        <v>0</v>
      </c>
      <c r="CM38" s="70">
        <v>15</v>
      </c>
      <c r="CN38" s="71">
        <v>7</v>
      </c>
      <c r="CO38" s="72">
        <v>22</v>
      </c>
      <c r="CP38" s="244"/>
      <c r="CQ38" s="71">
        <v>22</v>
      </c>
      <c r="CR38" s="71">
        <v>10</v>
      </c>
      <c r="CS38" s="71">
        <v>6</v>
      </c>
      <c r="CT38" s="71">
        <v>2</v>
      </c>
      <c r="CU38" s="71">
        <v>3</v>
      </c>
      <c r="CV38" s="72">
        <v>43</v>
      </c>
      <c r="CW38" s="73">
        <v>65</v>
      </c>
      <c r="CX38" s="123">
        <v>2</v>
      </c>
      <c r="CY38" s="82">
        <v>2</v>
      </c>
      <c r="CZ38" s="83">
        <v>4</v>
      </c>
      <c r="DA38" s="241"/>
      <c r="DB38" s="82">
        <v>4</v>
      </c>
      <c r="DC38" s="82">
        <v>3</v>
      </c>
      <c r="DD38" s="82">
        <v>4</v>
      </c>
      <c r="DE38" s="82">
        <v>5</v>
      </c>
      <c r="DF38" s="82">
        <v>1</v>
      </c>
      <c r="DG38" s="84">
        <v>17</v>
      </c>
      <c r="DH38" s="85">
        <v>21</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1</v>
      </c>
      <c r="EJ38" s="71">
        <v>0</v>
      </c>
      <c r="EK38" s="71">
        <v>0</v>
      </c>
      <c r="EL38" s="71">
        <v>0</v>
      </c>
      <c r="EM38" s="71">
        <v>0</v>
      </c>
      <c r="EN38" s="72">
        <v>1</v>
      </c>
      <c r="EO38" s="73">
        <v>1</v>
      </c>
      <c r="EP38" s="70">
        <v>0</v>
      </c>
      <c r="EQ38" s="71">
        <v>0</v>
      </c>
      <c r="ER38" s="72">
        <v>0</v>
      </c>
      <c r="ES38" s="244"/>
      <c r="ET38" s="71">
        <v>1</v>
      </c>
      <c r="EU38" s="71">
        <v>0</v>
      </c>
      <c r="EV38" s="71">
        <v>1</v>
      </c>
      <c r="EW38" s="71">
        <v>0</v>
      </c>
      <c r="EX38" s="71">
        <v>0</v>
      </c>
      <c r="EY38" s="72">
        <v>2</v>
      </c>
      <c r="EZ38" s="73">
        <v>2</v>
      </c>
      <c r="FA38" s="70">
        <v>0</v>
      </c>
      <c r="FB38" s="71">
        <v>1</v>
      </c>
      <c r="FC38" s="72">
        <v>1</v>
      </c>
      <c r="FD38" s="244"/>
      <c r="FE38" s="71">
        <v>0</v>
      </c>
      <c r="FF38" s="71">
        <v>1</v>
      </c>
      <c r="FG38" s="71">
        <v>1</v>
      </c>
      <c r="FH38" s="71">
        <v>0</v>
      </c>
      <c r="FI38" s="71">
        <v>1</v>
      </c>
      <c r="FJ38" s="72">
        <v>3</v>
      </c>
      <c r="FK38" s="73">
        <v>4</v>
      </c>
      <c r="FL38" s="70">
        <v>2</v>
      </c>
      <c r="FM38" s="71">
        <v>1</v>
      </c>
      <c r="FN38" s="72">
        <v>3</v>
      </c>
      <c r="FO38" s="244"/>
      <c r="FP38" s="71">
        <v>2</v>
      </c>
      <c r="FQ38" s="71">
        <v>2</v>
      </c>
      <c r="FR38" s="71">
        <v>1</v>
      </c>
      <c r="FS38" s="71">
        <v>5</v>
      </c>
      <c r="FT38" s="71">
        <v>0</v>
      </c>
      <c r="FU38" s="72">
        <v>10</v>
      </c>
      <c r="FV38" s="73">
        <v>13</v>
      </c>
      <c r="FW38" s="70">
        <v>0</v>
      </c>
      <c r="FX38" s="71">
        <v>0</v>
      </c>
      <c r="FY38" s="72">
        <v>0</v>
      </c>
      <c r="FZ38" s="244"/>
      <c r="GA38" s="71">
        <v>0</v>
      </c>
      <c r="GB38" s="71">
        <v>0</v>
      </c>
      <c r="GC38" s="71">
        <v>0</v>
      </c>
      <c r="GD38" s="71">
        <v>0</v>
      </c>
      <c r="GE38" s="71">
        <v>0</v>
      </c>
      <c r="GF38" s="72">
        <v>0</v>
      </c>
      <c r="GG38" s="73">
        <v>0</v>
      </c>
      <c r="GH38" s="70">
        <v>2</v>
      </c>
      <c r="GI38" s="71">
        <v>2</v>
      </c>
      <c r="GJ38" s="72">
        <v>4</v>
      </c>
      <c r="GK38" s="244"/>
      <c r="GL38" s="71">
        <v>4</v>
      </c>
      <c r="GM38" s="71">
        <v>3</v>
      </c>
      <c r="GN38" s="71">
        <v>4</v>
      </c>
      <c r="GO38" s="71">
        <v>5</v>
      </c>
      <c r="GP38" s="71">
        <v>1</v>
      </c>
      <c r="GQ38" s="72">
        <v>17</v>
      </c>
      <c r="GR38" s="73">
        <v>21</v>
      </c>
      <c r="GS38" s="123">
        <v>17</v>
      </c>
      <c r="GT38" s="82">
        <v>9</v>
      </c>
      <c r="GU38" s="83">
        <v>26</v>
      </c>
      <c r="GV38" s="241"/>
      <c r="GW38" s="82">
        <v>26</v>
      </c>
      <c r="GX38" s="82">
        <v>13</v>
      </c>
      <c r="GY38" s="82">
        <v>10</v>
      </c>
      <c r="GZ38" s="82">
        <v>7</v>
      </c>
      <c r="HA38" s="82">
        <v>4</v>
      </c>
      <c r="HB38" s="84">
        <v>60</v>
      </c>
      <c r="HC38" s="85">
        <v>86</v>
      </c>
      <c r="HD38" s="70">
        <v>0</v>
      </c>
      <c r="HE38" s="71">
        <v>0</v>
      </c>
      <c r="HF38" s="72">
        <v>0</v>
      </c>
      <c r="HG38" s="244"/>
      <c r="HH38" s="71">
        <v>0</v>
      </c>
      <c r="HI38" s="71">
        <v>0</v>
      </c>
      <c r="HJ38" s="71">
        <v>0</v>
      </c>
      <c r="HK38" s="71">
        <v>0</v>
      </c>
      <c r="HL38" s="71">
        <v>0</v>
      </c>
      <c r="HM38" s="72">
        <v>0</v>
      </c>
      <c r="HN38" s="73">
        <v>0</v>
      </c>
      <c r="HO38" s="70">
        <v>1</v>
      </c>
      <c r="HP38" s="71">
        <v>1</v>
      </c>
      <c r="HQ38" s="72">
        <v>2</v>
      </c>
      <c r="HR38" s="244"/>
      <c r="HS38" s="71">
        <v>0</v>
      </c>
      <c r="HT38" s="71">
        <v>0</v>
      </c>
      <c r="HU38" s="71">
        <v>1</v>
      </c>
      <c r="HV38" s="71">
        <v>0</v>
      </c>
      <c r="HW38" s="71">
        <v>1</v>
      </c>
      <c r="HX38" s="72">
        <v>2</v>
      </c>
      <c r="HY38" s="73">
        <v>4</v>
      </c>
      <c r="HZ38" s="70">
        <v>1</v>
      </c>
      <c r="IA38" s="71">
        <v>0</v>
      </c>
      <c r="IB38" s="72">
        <v>1</v>
      </c>
      <c r="IC38" s="244"/>
      <c r="ID38" s="71">
        <v>5</v>
      </c>
      <c r="IE38" s="71">
        <v>1</v>
      </c>
      <c r="IF38" s="71">
        <v>0</v>
      </c>
      <c r="IG38" s="71">
        <v>0</v>
      </c>
      <c r="IH38" s="71">
        <v>0</v>
      </c>
      <c r="II38" s="72">
        <v>6</v>
      </c>
      <c r="IJ38" s="73">
        <v>7</v>
      </c>
      <c r="IK38" s="70">
        <v>5</v>
      </c>
      <c r="IL38" s="71">
        <v>2</v>
      </c>
      <c r="IM38" s="72">
        <v>7</v>
      </c>
      <c r="IN38" s="244"/>
      <c r="IO38" s="71">
        <v>7</v>
      </c>
      <c r="IP38" s="71">
        <v>3</v>
      </c>
      <c r="IQ38" s="71">
        <v>4</v>
      </c>
      <c r="IR38" s="71">
        <v>0</v>
      </c>
      <c r="IS38" s="71">
        <v>0</v>
      </c>
      <c r="IT38" s="72">
        <v>14</v>
      </c>
      <c r="IU38" s="73">
        <v>21</v>
      </c>
      <c r="IV38" s="70">
        <v>4</v>
      </c>
      <c r="IW38" s="71">
        <v>3</v>
      </c>
      <c r="IX38" s="72">
        <v>7</v>
      </c>
      <c r="IY38" s="244"/>
      <c r="IZ38" s="71">
        <v>5</v>
      </c>
      <c r="JA38" s="71">
        <v>3</v>
      </c>
      <c r="JB38" s="71">
        <v>3</v>
      </c>
      <c r="JC38" s="71">
        <v>1</v>
      </c>
      <c r="JD38" s="71">
        <v>2</v>
      </c>
      <c r="JE38" s="72">
        <v>14</v>
      </c>
      <c r="JF38" s="73">
        <v>21</v>
      </c>
      <c r="JG38" s="70">
        <v>6</v>
      </c>
      <c r="JH38" s="71">
        <v>3</v>
      </c>
      <c r="JI38" s="72">
        <v>9</v>
      </c>
      <c r="JJ38" s="244"/>
      <c r="JK38" s="71">
        <v>9</v>
      </c>
      <c r="JL38" s="71">
        <v>6</v>
      </c>
      <c r="JM38" s="71">
        <v>2</v>
      </c>
      <c r="JN38" s="71">
        <v>6</v>
      </c>
      <c r="JO38" s="71">
        <v>1</v>
      </c>
      <c r="JP38" s="72">
        <v>24</v>
      </c>
      <c r="JQ38" s="73">
        <v>33</v>
      </c>
      <c r="JR38" s="70">
        <v>0</v>
      </c>
      <c r="JS38" s="71">
        <v>0</v>
      </c>
      <c r="JT38" s="72">
        <v>0</v>
      </c>
      <c r="JU38" s="244"/>
      <c r="JV38" s="71">
        <v>0</v>
      </c>
      <c r="JW38" s="71">
        <v>0</v>
      </c>
      <c r="JX38" s="71">
        <v>0</v>
      </c>
      <c r="JY38" s="71">
        <v>0</v>
      </c>
      <c r="JZ38" s="71">
        <v>0</v>
      </c>
      <c r="KA38" s="72">
        <v>0</v>
      </c>
      <c r="KB38" s="73">
        <v>0</v>
      </c>
      <c r="KC38" s="70">
        <v>17</v>
      </c>
      <c r="KD38" s="71">
        <v>9</v>
      </c>
      <c r="KE38" s="72">
        <v>26</v>
      </c>
      <c r="KF38" s="244"/>
      <c r="KG38" s="71">
        <v>26</v>
      </c>
      <c r="KH38" s="71">
        <v>13</v>
      </c>
      <c r="KI38" s="71">
        <v>10</v>
      </c>
      <c r="KJ38" s="71">
        <v>7</v>
      </c>
      <c r="KK38" s="71">
        <v>4</v>
      </c>
      <c r="KL38" s="72">
        <v>60</v>
      </c>
      <c r="KM38" s="73">
        <v>86</v>
      </c>
    </row>
    <row r="39" spans="2:299" ht="21" customHeight="1" x14ac:dyDescent="0.2">
      <c r="B39" s="126" t="s">
        <v>36</v>
      </c>
      <c r="C39" s="315">
        <v>2</v>
      </c>
      <c r="D39" s="82">
        <v>11</v>
      </c>
      <c r="E39" s="83">
        <v>13</v>
      </c>
      <c r="F39" s="241"/>
      <c r="G39" s="82">
        <v>12</v>
      </c>
      <c r="H39" s="82">
        <v>14</v>
      </c>
      <c r="I39" s="82">
        <v>7</v>
      </c>
      <c r="J39" s="82">
        <v>4</v>
      </c>
      <c r="K39" s="82">
        <v>3</v>
      </c>
      <c r="L39" s="84">
        <v>40</v>
      </c>
      <c r="M39" s="85">
        <v>53</v>
      </c>
      <c r="N39" s="70">
        <v>0</v>
      </c>
      <c r="O39" s="71">
        <v>0</v>
      </c>
      <c r="P39" s="72">
        <v>0</v>
      </c>
      <c r="Q39" s="244"/>
      <c r="R39" s="71">
        <v>1</v>
      </c>
      <c r="S39" s="71">
        <v>2</v>
      </c>
      <c r="T39" s="71">
        <v>0</v>
      </c>
      <c r="U39" s="71">
        <v>0</v>
      </c>
      <c r="V39" s="71">
        <v>0</v>
      </c>
      <c r="W39" s="72">
        <v>3</v>
      </c>
      <c r="X39" s="73">
        <v>3</v>
      </c>
      <c r="Y39" s="70">
        <v>0</v>
      </c>
      <c r="Z39" s="71">
        <v>0</v>
      </c>
      <c r="AA39" s="72">
        <v>0</v>
      </c>
      <c r="AB39" s="244"/>
      <c r="AC39" s="71">
        <v>1</v>
      </c>
      <c r="AD39" s="71">
        <v>1</v>
      </c>
      <c r="AE39" s="71">
        <v>1</v>
      </c>
      <c r="AF39" s="71">
        <v>0</v>
      </c>
      <c r="AG39" s="71">
        <v>0</v>
      </c>
      <c r="AH39" s="72">
        <v>3</v>
      </c>
      <c r="AI39" s="73">
        <v>3</v>
      </c>
      <c r="AJ39" s="70">
        <v>0</v>
      </c>
      <c r="AK39" s="71">
        <v>1</v>
      </c>
      <c r="AL39" s="72">
        <v>1</v>
      </c>
      <c r="AM39" s="244"/>
      <c r="AN39" s="71">
        <v>0</v>
      </c>
      <c r="AO39" s="71">
        <v>3</v>
      </c>
      <c r="AP39" s="71">
        <v>0</v>
      </c>
      <c r="AQ39" s="71">
        <v>0</v>
      </c>
      <c r="AR39" s="71">
        <v>0</v>
      </c>
      <c r="AS39" s="72">
        <v>3</v>
      </c>
      <c r="AT39" s="73">
        <v>4</v>
      </c>
      <c r="AU39" s="70">
        <v>0</v>
      </c>
      <c r="AV39" s="71">
        <v>3</v>
      </c>
      <c r="AW39" s="72">
        <v>3</v>
      </c>
      <c r="AX39" s="244"/>
      <c r="AY39" s="71">
        <v>1</v>
      </c>
      <c r="AZ39" s="71">
        <v>1</v>
      </c>
      <c r="BA39" s="71">
        <v>0</v>
      </c>
      <c r="BB39" s="71">
        <v>0</v>
      </c>
      <c r="BC39" s="71">
        <v>0</v>
      </c>
      <c r="BD39" s="72">
        <v>2</v>
      </c>
      <c r="BE39" s="73">
        <v>5</v>
      </c>
      <c r="BF39" s="70">
        <v>2</v>
      </c>
      <c r="BG39" s="71">
        <v>5</v>
      </c>
      <c r="BH39" s="72">
        <v>7</v>
      </c>
      <c r="BI39" s="244"/>
      <c r="BJ39" s="71">
        <v>5</v>
      </c>
      <c r="BK39" s="71">
        <v>4</v>
      </c>
      <c r="BL39" s="71">
        <v>2</v>
      </c>
      <c r="BM39" s="71">
        <v>3</v>
      </c>
      <c r="BN39" s="71">
        <v>2</v>
      </c>
      <c r="BO39" s="72">
        <v>16</v>
      </c>
      <c r="BP39" s="73">
        <v>23</v>
      </c>
      <c r="BQ39" s="70">
        <v>0</v>
      </c>
      <c r="BR39" s="71">
        <v>2</v>
      </c>
      <c r="BS39" s="72">
        <v>2</v>
      </c>
      <c r="BT39" s="244"/>
      <c r="BU39" s="71">
        <v>4</v>
      </c>
      <c r="BV39" s="71">
        <v>3</v>
      </c>
      <c r="BW39" s="71">
        <v>4</v>
      </c>
      <c r="BX39" s="71">
        <v>1</v>
      </c>
      <c r="BY39" s="71">
        <v>1</v>
      </c>
      <c r="BZ39" s="72">
        <v>13</v>
      </c>
      <c r="CA39" s="73">
        <v>15</v>
      </c>
      <c r="CB39" s="70">
        <v>0</v>
      </c>
      <c r="CC39" s="71">
        <v>0</v>
      </c>
      <c r="CD39" s="72">
        <v>0</v>
      </c>
      <c r="CE39" s="244"/>
      <c r="CF39" s="71">
        <v>0</v>
      </c>
      <c r="CG39" s="71">
        <v>0</v>
      </c>
      <c r="CH39" s="71">
        <v>0</v>
      </c>
      <c r="CI39" s="71">
        <v>0</v>
      </c>
      <c r="CJ39" s="71">
        <v>0</v>
      </c>
      <c r="CK39" s="72">
        <v>0</v>
      </c>
      <c r="CL39" s="73">
        <v>0</v>
      </c>
      <c r="CM39" s="70">
        <v>2</v>
      </c>
      <c r="CN39" s="71">
        <v>11</v>
      </c>
      <c r="CO39" s="72">
        <v>13</v>
      </c>
      <c r="CP39" s="244"/>
      <c r="CQ39" s="71">
        <v>12</v>
      </c>
      <c r="CR39" s="71">
        <v>14</v>
      </c>
      <c r="CS39" s="71">
        <v>7</v>
      </c>
      <c r="CT39" s="71">
        <v>4</v>
      </c>
      <c r="CU39" s="71">
        <v>3</v>
      </c>
      <c r="CV39" s="72">
        <v>40</v>
      </c>
      <c r="CW39" s="73">
        <v>53</v>
      </c>
      <c r="CX39" s="123">
        <v>2</v>
      </c>
      <c r="CY39" s="82">
        <v>3</v>
      </c>
      <c r="CZ39" s="83">
        <v>5</v>
      </c>
      <c r="DA39" s="241"/>
      <c r="DB39" s="82">
        <v>2</v>
      </c>
      <c r="DC39" s="82">
        <v>1</v>
      </c>
      <c r="DD39" s="82">
        <v>0</v>
      </c>
      <c r="DE39" s="82">
        <v>0</v>
      </c>
      <c r="DF39" s="82">
        <v>3</v>
      </c>
      <c r="DG39" s="84">
        <v>6</v>
      </c>
      <c r="DH39" s="85">
        <v>11</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2</v>
      </c>
      <c r="ER39" s="72">
        <v>2</v>
      </c>
      <c r="ES39" s="244"/>
      <c r="ET39" s="71">
        <v>0</v>
      </c>
      <c r="EU39" s="71">
        <v>1</v>
      </c>
      <c r="EV39" s="71">
        <v>0</v>
      </c>
      <c r="EW39" s="71">
        <v>0</v>
      </c>
      <c r="EX39" s="71">
        <v>0</v>
      </c>
      <c r="EY39" s="72">
        <v>1</v>
      </c>
      <c r="EZ39" s="73">
        <v>3</v>
      </c>
      <c r="FA39" s="70">
        <v>1</v>
      </c>
      <c r="FB39" s="71">
        <v>1</v>
      </c>
      <c r="FC39" s="72">
        <v>2</v>
      </c>
      <c r="FD39" s="244"/>
      <c r="FE39" s="71">
        <v>2</v>
      </c>
      <c r="FF39" s="71">
        <v>0</v>
      </c>
      <c r="FG39" s="71">
        <v>0</v>
      </c>
      <c r="FH39" s="71">
        <v>0</v>
      </c>
      <c r="FI39" s="71">
        <v>0</v>
      </c>
      <c r="FJ39" s="72">
        <v>2</v>
      </c>
      <c r="FK39" s="73">
        <v>4</v>
      </c>
      <c r="FL39" s="70">
        <v>1</v>
      </c>
      <c r="FM39" s="71">
        <v>0</v>
      </c>
      <c r="FN39" s="72">
        <v>1</v>
      </c>
      <c r="FO39" s="244"/>
      <c r="FP39" s="71">
        <v>0</v>
      </c>
      <c r="FQ39" s="71">
        <v>0</v>
      </c>
      <c r="FR39" s="71">
        <v>0</v>
      </c>
      <c r="FS39" s="71">
        <v>0</v>
      </c>
      <c r="FT39" s="71">
        <v>3</v>
      </c>
      <c r="FU39" s="72">
        <v>3</v>
      </c>
      <c r="FV39" s="73">
        <v>4</v>
      </c>
      <c r="FW39" s="70">
        <v>0</v>
      </c>
      <c r="FX39" s="71">
        <v>0</v>
      </c>
      <c r="FY39" s="72">
        <v>0</v>
      </c>
      <c r="FZ39" s="244"/>
      <c r="GA39" s="71">
        <v>0</v>
      </c>
      <c r="GB39" s="71">
        <v>0</v>
      </c>
      <c r="GC39" s="71">
        <v>0</v>
      </c>
      <c r="GD39" s="71">
        <v>0</v>
      </c>
      <c r="GE39" s="71">
        <v>0</v>
      </c>
      <c r="GF39" s="72">
        <v>0</v>
      </c>
      <c r="GG39" s="73">
        <v>0</v>
      </c>
      <c r="GH39" s="70">
        <v>2</v>
      </c>
      <c r="GI39" s="71">
        <v>3</v>
      </c>
      <c r="GJ39" s="72">
        <v>5</v>
      </c>
      <c r="GK39" s="244"/>
      <c r="GL39" s="71">
        <v>2</v>
      </c>
      <c r="GM39" s="71">
        <v>1</v>
      </c>
      <c r="GN39" s="71">
        <v>0</v>
      </c>
      <c r="GO39" s="71">
        <v>0</v>
      </c>
      <c r="GP39" s="71">
        <v>3</v>
      </c>
      <c r="GQ39" s="72">
        <v>6</v>
      </c>
      <c r="GR39" s="73">
        <v>11</v>
      </c>
      <c r="GS39" s="123">
        <v>4</v>
      </c>
      <c r="GT39" s="82">
        <v>14</v>
      </c>
      <c r="GU39" s="83">
        <v>18</v>
      </c>
      <c r="GV39" s="241"/>
      <c r="GW39" s="82">
        <v>14</v>
      </c>
      <c r="GX39" s="82">
        <v>15</v>
      </c>
      <c r="GY39" s="82">
        <v>7</v>
      </c>
      <c r="GZ39" s="82">
        <v>4</v>
      </c>
      <c r="HA39" s="82">
        <v>6</v>
      </c>
      <c r="HB39" s="84">
        <v>46</v>
      </c>
      <c r="HC39" s="85">
        <v>64</v>
      </c>
      <c r="HD39" s="70">
        <v>0</v>
      </c>
      <c r="HE39" s="71">
        <v>0</v>
      </c>
      <c r="HF39" s="72">
        <v>0</v>
      </c>
      <c r="HG39" s="244"/>
      <c r="HH39" s="71">
        <v>1</v>
      </c>
      <c r="HI39" s="71">
        <v>2</v>
      </c>
      <c r="HJ39" s="71">
        <v>0</v>
      </c>
      <c r="HK39" s="71">
        <v>0</v>
      </c>
      <c r="HL39" s="71">
        <v>0</v>
      </c>
      <c r="HM39" s="72">
        <v>3</v>
      </c>
      <c r="HN39" s="73">
        <v>3</v>
      </c>
      <c r="HO39" s="70">
        <v>0</v>
      </c>
      <c r="HP39" s="71">
        <v>0</v>
      </c>
      <c r="HQ39" s="72">
        <v>0</v>
      </c>
      <c r="HR39" s="244"/>
      <c r="HS39" s="71">
        <v>1</v>
      </c>
      <c r="HT39" s="71">
        <v>1</v>
      </c>
      <c r="HU39" s="71">
        <v>1</v>
      </c>
      <c r="HV39" s="71">
        <v>0</v>
      </c>
      <c r="HW39" s="71">
        <v>0</v>
      </c>
      <c r="HX39" s="72">
        <v>3</v>
      </c>
      <c r="HY39" s="73">
        <v>3</v>
      </c>
      <c r="HZ39" s="70">
        <v>0</v>
      </c>
      <c r="IA39" s="71">
        <v>1</v>
      </c>
      <c r="IB39" s="72">
        <v>1</v>
      </c>
      <c r="IC39" s="244"/>
      <c r="ID39" s="71">
        <v>0</v>
      </c>
      <c r="IE39" s="71">
        <v>3</v>
      </c>
      <c r="IF39" s="71">
        <v>0</v>
      </c>
      <c r="IG39" s="71">
        <v>0</v>
      </c>
      <c r="IH39" s="71">
        <v>0</v>
      </c>
      <c r="II39" s="72">
        <v>3</v>
      </c>
      <c r="IJ39" s="73">
        <v>4</v>
      </c>
      <c r="IK39" s="70">
        <v>0</v>
      </c>
      <c r="IL39" s="71">
        <v>5</v>
      </c>
      <c r="IM39" s="72">
        <v>5</v>
      </c>
      <c r="IN39" s="244"/>
      <c r="IO39" s="71">
        <v>1</v>
      </c>
      <c r="IP39" s="71">
        <v>2</v>
      </c>
      <c r="IQ39" s="71">
        <v>0</v>
      </c>
      <c r="IR39" s="71">
        <v>0</v>
      </c>
      <c r="IS39" s="71">
        <v>0</v>
      </c>
      <c r="IT39" s="72">
        <v>3</v>
      </c>
      <c r="IU39" s="73">
        <v>8</v>
      </c>
      <c r="IV39" s="70">
        <v>3</v>
      </c>
      <c r="IW39" s="71">
        <v>6</v>
      </c>
      <c r="IX39" s="72">
        <v>9</v>
      </c>
      <c r="IY39" s="244"/>
      <c r="IZ39" s="71">
        <v>7</v>
      </c>
      <c r="JA39" s="71">
        <v>4</v>
      </c>
      <c r="JB39" s="71">
        <v>2</v>
      </c>
      <c r="JC39" s="71">
        <v>3</v>
      </c>
      <c r="JD39" s="71">
        <v>2</v>
      </c>
      <c r="JE39" s="72">
        <v>18</v>
      </c>
      <c r="JF39" s="73">
        <v>27</v>
      </c>
      <c r="JG39" s="70">
        <v>1</v>
      </c>
      <c r="JH39" s="71">
        <v>2</v>
      </c>
      <c r="JI39" s="72">
        <v>3</v>
      </c>
      <c r="JJ39" s="244"/>
      <c r="JK39" s="71">
        <v>4</v>
      </c>
      <c r="JL39" s="71">
        <v>3</v>
      </c>
      <c r="JM39" s="71">
        <v>4</v>
      </c>
      <c r="JN39" s="71">
        <v>1</v>
      </c>
      <c r="JO39" s="71">
        <v>4</v>
      </c>
      <c r="JP39" s="72">
        <v>16</v>
      </c>
      <c r="JQ39" s="73">
        <v>19</v>
      </c>
      <c r="JR39" s="70">
        <v>0</v>
      </c>
      <c r="JS39" s="71">
        <v>0</v>
      </c>
      <c r="JT39" s="72">
        <v>0</v>
      </c>
      <c r="JU39" s="244"/>
      <c r="JV39" s="71">
        <v>0</v>
      </c>
      <c r="JW39" s="71">
        <v>0</v>
      </c>
      <c r="JX39" s="71">
        <v>0</v>
      </c>
      <c r="JY39" s="71">
        <v>0</v>
      </c>
      <c r="JZ39" s="71">
        <v>0</v>
      </c>
      <c r="KA39" s="72">
        <v>0</v>
      </c>
      <c r="KB39" s="73">
        <v>0</v>
      </c>
      <c r="KC39" s="70">
        <v>4</v>
      </c>
      <c r="KD39" s="71">
        <v>14</v>
      </c>
      <c r="KE39" s="72">
        <v>18</v>
      </c>
      <c r="KF39" s="244"/>
      <c r="KG39" s="71">
        <v>14</v>
      </c>
      <c r="KH39" s="71">
        <v>15</v>
      </c>
      <c r="KI39" s="71">
        <v>7</v>
      </c>
      <c r="KJ39" s="71">
        <v>4</v>
      </c>
      <c r="KK39" s="71">
        <v>6</v>
      </c>
      <c r="KL39" s="72">
        <v>46</v>
      </c>
      <c r="KM39" s="73">
        <v>64</v>
      </c>
    </row>
    <row r="40" spans="2:299" ht="21" customHeight="1" thickBot="1" x14ac:dyDescent="0.25">
      <c r="B40" s="127" t="s">
        <v>37</v>
      </c>
      <c r="C40" s="316">
        <v>0</v>
      </c>
      <c r="D40" s="87">
        <v>1</v>
      </c>
      <c r="E40" s="88">
        <v>1</v>
      </c>
      <c r="F40" s="242"/>
      <c r="G40" s="87">
        <v>0</v>
      </c>
      <c r="H40" s="87">
        <v>2</v>
      </c>
      <c r="I40" s="87">
        <v>1</v>
      </c>
      <c r="J40" s="87">
        <v>1</v>
      </c>
      <c r="K40" s="87">
        <v>0</v>
      </c>
      <c r="L40" s="89">
        <v>4</v>
      </c>
      <c r="M40" s="90">
        <v>5</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1</v>
      </c>
      <c r="AL40" s="76">
        <v>1</v>
      </c>
      <c r="AM40" s="245"/>
      <c r="AN40" s="75">
        <v>0</v>
      </c>
      <c r="AO40" s="75">
        <v>0</v>
      </c>
      <c r="AP40" s="75">
        <v>0</v>
      </c>
      <c r="AQ40" s="75">
        <v>0</v>
      </c>
      <c r="AR40" s="75">
        <v>0</v>
      </c>
      <c r="AS40" s="76">
        <v>0</v>
      </c>
      <c r="AT40" s="77">
        <v>1</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2</v>
      </c>
      <c r="BL40" s="75">
        <v>0</v>
      </c>
      <c r="BM40" s="75">
        <v>1</v>
      </c>
      <c r="BN40" s="75">
        <v>0</v>
      </c>
      <c r="BO40" s="76">
        <v>3</v>
      </c>
      <c r="BP40" s="77">
        <v>3</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2</v>
      </c>
      <c r="CS40" s="75">
        <v>1</v>
      </c>
      <c r="CT40" s="75">
        <v>1</v>
      </c>
      <c r="CU40" s="75">
        <v>0</v>
      </c>
      <c r="CV40" s="76">
        <v>4</v>
      </c>
      <c r="CW40" s="77">
        <v>5</v>
      </c>
      <c r="CX40" s="124">
        <v>0</v>
      </c>
      <c r="CY40" s="87">
        <v>0</v>
      </c>
      <c r="CZ40" s="88">
        <v>0</v>
      </c>
      <c r="DA40" s="242"/>
      <c r="DB40" s="87">
        <v>0</v>
      </c>
      <c r="DC40" s="87">
        <v>0</v>
      </c>
      <c r="DD40" s="87">
        <v>0</v>
      </c>
      <c r="DE40" s="87">
        <v>1</v>
      </c>
      <c r="DF40" s="87">
        <v>0</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1</v>
      </c>
      <c r="FT40" s="75">
        <v>0</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1</v>
      </c>
      <c r="GP40" s="75">
        <v>0</v>
      </c>
      <c r="GQ40" s="76">
        <v>1</v>
      </c>
      <c r="GR40" s="77">
        <v>1</v>
      </c>
      <c r="GS40" s="124">
        <v>0</v>
      </c>
      <c r="GT40" s="87">
        <v>1</v>
      </c>
      <c r="GU40" s="88">
        <v>1</v>
      </c>
      <c r="GV40" s="242"/>
      <c r="GW40" s="87">
        <v>0</v>
      </c>
      <c r="GX40" s="87">
        <v>2</v>
      </c>
      <c r="GY40" s="87">
        <v>1</v>
      </c>
      <c r="GZ40" s="87">
        <v>2</v>
      </c>
      <c r="HA40" s="87">
        <v>0</v>
      </c>
      <c r="HB40" s="89">
        <v>5</v>
      </c>
      <c r="HC40" s="90">
        <v>6</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1</v>
      </c>
      <c r="IB40" s="76">
        <v>1</v>
      </c>
      <c r="IC40" s="245"/>
      <c r="ID40" s="75">
        <v>0</v>
      </c>
      <c r="IE40" s="75">
        <v>0</v>
      </c>
      <c r="IF40" s="75">
        <v>0</v>
      </c>
      <c r="IG40" s="75">
        <v>0</v>
      </c>
      <c r="IH40" s="75">
        <v>0</v>
      </c>
      <c r="II40" s="76">
        <v>0</v>
      </c>
      <c r="IJ40" s="77">
        <v>1</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2</v>
      </c>
      <c r="JB40" s="75">
        <v>0</v>
      </c>
      <c r="JC40" s="75">
        <v>1</v>
      </c>
      <c r="JD40" s="75">
        <v>0</v>
      </c>
      <c r="JE40" s="76">
        <v>3</v>
      </c>
      <c r="JF40" s="77">
        <v>3</v>
      </c>
      <c r="JG40" s="74">
        <v>0</v>
      </c>
      <c r="JH40" s="75">
        <v>0</v>
      </c>
      <c r="JI40" s="76">
        <v>0</v>
      </c>
      <c r="JJ40" s="245"/>
      <c r="JK40" s="75">
        <v>0</v>
      </c>
      <c r="JL40" s="75">
        <v>0</v>
      </c>
      <c r="JM40" s="75">
        <v>0</v>
      </c>
      <c r="JN40" s="75">
        <v>1</v>
      </c>
      <c r="JO40" s="75">
        <v>0</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2</v>
      </c>
      <c r="KI40" s="75">
        <v>1</v>
      </c>
      <c r="KJ40" s="75">
        <v>2</v>
      </c>
      <c r="KK40" s="75">
        <v>0</v>
      </c>
      <c r="KL40" s="76">
        <v>5</v>
      </c>
      <c r="KM40" s="77">
        <v>6</v>
      </c>
    </row>
    <row r="41" spans="2:299" ht="32.25" customHeight="1" x14ac:dyDescent="0.2">
      <c r="C41" s="310"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4</v>
      </c>
      <c r="G1" s="524"/>
      <c r="H1" s="248">
        <f>第１表!G2</f>
        <v>11</v>
      </c>
      <c r="I1" s="506">
        <f>H1</f>
        <v>11</v>
      </c>
      <c r="J1" s="506"/>
    </row>
    <row r="2" spans="2:299" ht="24" customHeight="1" thickBot="1" x14ac:dyDescent="0.25">
      <c r="B2" s="20" t="s">
        <v>153</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53" t="s">
        <v>42</v>
      </c>
      <c r="C6" s="51" t="s">
        <v>43</v>
      </c>
      <c r="D6" s="47" t="s">
        <v>44</v>
      </c>
      <c r="E6" s="48" t="s">
        <v>45</v>
      </c>
      <c r="F6" s="52" t="s">
        <v>46</v>
      </c>
      <c r="G6" s="47" t="s">
        <v>47</v>
      </c>
      <c r="H6" s="47" t="s">
        <v>48</v>
      </c>
      <c r="I6" s="47" t="s">
        <v>49</v>
      </c>
      <c r="J6" s="47" t="s">
        <v>50</v>
      </c>
      <c r="K6" s="47" t="s">
        <v>51</v>
      </c>
      <c r="L6" s="48" t="s">
        <v>45</v>
      </c>
      <c r="M6" s="351"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351"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351"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352" t="s">
        <v>4</v>
      </c>
      <c r="C7" s="314">
        <v>3279</v>
      </c>
      <c r="D7" s="78">
        <v>3003</v>
      </c>
      <c r="E7" s="79">
        <v>6282</v>
      </c>
      <c r="F7" s="240"/>
      <c r="G7" s="78">
        <v>4223</v>
      </c>
      <c r="H7" s="78">
        <v>3792</v>
      </c>
      <c r="I7" s="78">
        <v>2396</v>
      </c>
      <c r="J7" s="78">
        <v>2053</v>
      </c>
      <c r="K7" s="78">
        <v>1341</v>
      </c>
      <c r="L7" s="80">
        <v>13805</v>
      </c>
      <c r="M7" s="81">
        <v>20087</v>
      </c>
      <c r="N7" s="66">
        <v>106</v>
      </c>
      <c r="O7" s="67">
        <v>119</v>
      </c>
      <c r="P7" s="68">
        <v>225</v>
      </c>
      <c r="Q7" s="243"/>
      <c r="R7" s="67">
        <v>106</v>
      </c>
      <c r="S7" s="67">
        <v>126</v>
      </c>
      <c r="T7" s="67">
        <v>68</v>
      </c>
      <c r="U7" s="67">
        <v>76</v>
      </c>
      <c r="V7" s="67">
        <v>72</v>
      </c>
      <c r="W7" s="68">
        <v>448</v>
      </c>
      <c r="X7" s="69">
        <v>673</v>
      </c>
      <c r="Y7" s="66">
        <v>242</v>
      </c>
      <c r="Z7" s="67">
        <v>251</v>
      </c>
      <c r="AA7" s="68">
        <v>493</v>
      </c>
      <c r="AB7" s="243"/>
      <c r="AC7" s="67">
        <v>275</v>
      </c>
      <c r="AD7" s="67">
        <v>294</v>
      </c>
      <c r="AE7" s="67">
        <v>207</v>
      </c>
      <c r="AF7" s="67">
        <v>168</v>
      </c>
      <c r="AG7" s="67">
        <v>146</v>
      </c>
      <c r="AH7" s="68">
        <v>1090</v>
      </c>
      <c r="AI7" s="69">
        <v>1583</v>
      </c>
      <c r="AJ7" s="66">
        <v>369</v>
      </c>
      <c r="AK7" s="67">
        <v>366</v>
      </c>
      <c r="AL7" s="68">
        <v>735</v>
      </c>
      <c r="AM7" s="243"/>
      <c r="AN7" s="67">
        <v>492</v>
      </c>
      <c r="AO7" s="67">
        <v>427</v>
      </c>
      <c r="AP7" s="67">
        <v>253</v>
      </c>
      <c r="AQ7" s="67">
        <v>257</v>
      </c>
      <c r="AR7" s="67">
        <v>198</v>
      </c>
      <c r="AS7" s="68">
        <v>1627</v>
      </c>
      <c r="AT7" s="69">
        <v>2362</v>
      </c>
      <c r="AU7" s="66">
        <v>738</v>
      </c>
      <c r="AV7" s="67">
        <v>683</v>
      </c>
      <c r="AW7" s="68">
        <v>1421</v>
      </c>
      <c r="AX7" s="243"/>
      <c r="AY7" s="67">
        <v>995</v>
      </c>
      <c r="AZ7" s="67">
        <v>805</v>
      </c>
      <c r="BA7" s="67">
        <v>516</v>
      </c>
      <c r="BB7" s="67">
        <v>381</v>
      </c>
      <c r="BC7" s="67">
        <v>273</v>
      </c>
      <c r="BD7" s="68">
        <v>2970</v>
      </c>
      <c r="BE7" s="69">
        <v>4391</v>
      </c>
      <c r="BF7" s="66">
        <v>1005</v>
      </c>
      <c r="BG7" s="67">
        <v>862</v>
      </c>
      <c r="BH7" s="68">
        <v>1867</v>
      </c>
      <c r="BI7" s="243"/>
      <c r="BJ7" s="67">
        <v>1214</v>
      </c>
      <c r="BK7" s="67">
        <v>1014</v>
      </c>
      <c r="BL7" s="67">
        <v>650</v>
      </c>
      <c r="BM7" s="67">
        <v>550</v>
      </c>
      <c r="BN7" s="67">
        <v>312</v>
      </c>
      <c r="BO7" s="68">
        <v>3740</v>
      </c>
      <c r="BP7" s="69">
        <v>5607</v>
      </c>
      <c r="BQ7" s="66">
        <v>819</v>
      </c>
      <c r="BR7" s="67">
        <v>722</v>
      </c>
      <c r="BS7" s="68">
        <v>1541</v>
      </c>
      <c r="BT7" s="243"/>
      <c r="BU7" s="67">
        <v>1141</v>
      </c>
      <c r="BV7" s="67">
        <v>1126</v>
      </c>
      <c r="BW7" s="67">
        <v>702</v>
      </c>
      <c r="BX7" s="67">
        <v>621</v>
      </c>
      <c r="BY7" s="67">
        <v>340</v>
      </c>
      <c r="BZ7" s="68">
        <v>3930</v>
      </c>
      <c r="CA7" s="69">
        <v>5471</v>
      </c>
      <c r="CB7" s="66">
        <v>0</v>
      </c>
      <c r="CC7" s="67">
        <v>0</v>
      </c>
      <c r="CD7" s="68">
        <v>0</v>
      </c>
      <c r="CE7" s="243"/>
      <c r="CF7" s="67">
        <v>0</v>
      </c>
      <c r="CG7" s="67">
        <v>0</v>
      </c>
      <c r="CH7" s="67">
        <v>0</v>
      </c>
      <c r="CI7" s="67">
        <v>0</v>
      </c>
      <c r="CJ7" s="67">
        <v>0</v>
      </c>
      <c r="CK7" s="68">
        <v>0</v>
      </c>
      <c r="CL7" s="69">
        <v>0</v>
      </c>
      <c r="CM7" s="66">
        <v>3279</v>
      </c>
      <c r="CN7" s="67">
        <v>3003</v>
      </c>
      <c r="CO7" s="68">
        <v>6282</v>
      </c>
      <c r="CP7" s="243"/>
      <c r="CQ7" s="67">
        <v>4223</v>
      </c>
      <c r="CR7" s="67">
        <v>3792</v>
      </c>
      <c r="CS7" s="67">
        <v>2396</v>
      </c>
      <c r="CT7" s="67">
        <v>2053</v>
      </c>
      <c r="CU7" s="67">
        <v>1341</v>
      </c>
      <c r="CV7" s="68">
        <v>13805</v>
      </c>
      <c r="CW7" s="69">
        <v>20087</v>
      </c>
      <c r="CX7" s="122">
        <v>1197</v>
      </c>
      <c r="CY7" s="78">
        <v>1341</v>
      </c>
      <c r="CZ7" s="79">
        <v>2538</v>
      </c>
      <c r="DA7" s="240"/>
      <c r="DB7" s="78">
        <v>1769</v>
      </c>
      <c r="DC7" s="78">
        <v>1623</v>
      </c>
      <c r="DD7" s="78">
        <v>1096</v>
      </c>
      <c r="DE7" s="78">
        <v>1134</v>
      </c>
      <c r="DF7" s="78">
        <v>776</v>
      </c>
      <c r="DG7" s="80">
        <v>6398</v>
      </c>
      <c r="DH7" s="81">
        <v>8936</v>
      </c>
      <c r="DI7" s="66">
        <v>29</v>
      </c>
      <c r="DJ7" s="67">
        <v>31</v>
      </c>
      <c r="DK7" s="68">
        <v>60</v>
      </c>
      <c r="DL7" s="243"/>
      <c r="DM7" s="67">
        <v>24</v>
      </c>
      <c r="DN7" s="67">
        <v>30</v>
      </c>
      <c r="DO7" s="67">
        <v>21</v>
      </c>
      <c r="DP7" s="67">
        <v>14</v>
      </c>
      <c r="DQ7" s="67">
        <v>14</v>
      </c>
      <c r="DR7" s="68">
        <v>103</v>
      </c>
      <c r="DS7" s="69">
        <v>163</v>
      </c>
      <c r="DT7" s="66">
        <v>94</v>
      </c>
      <c r="DU7" s="67">
        <v>91</v>
      </c>
      <c r="DV7" s="68">
        <v>185</v>
      </c>
      <c r="DW7" s="243"/>
      <c r="DX7" s="67">
        <v>98</v>
      </c>
      <c r="DY7" s="67">
        <v>88</v>
      </c>
      <c r="DZ7" s="67">
        <v>53</v>
      </c>
      <c r="EA7" s="67">
        <v>52</v>
      </c>
      <c r="EB7" s="67">
        <v>26</v>
      </c>
      <c r="EC7" s="68">
        <v>317</v>
      </c>
      <c r="ED7" s="69">
        <v>502</v>
      </c>
      <c r="EE7" s="66">
        <v>180</v>
      </c>
      <c r="EF7" s="67">
        <v>195</v>
      </c>
      <c r="EG7" s="68">
        <v>375</v>
      </c>
      <c r="EH7" s="243"/>
      <c r="EI7" s="67">
        <v>191</v>
      </c>
      <c r="EJ7" s="67">
        <v>163</v>
      </c>
      <c r="EK7" s="67">
        <v>105</v>
      </c>
      <c r="EL7" s="67">
        <v>80</v>
      </c>
      <c r="EM7" s="67">
        <v>72</v>
      </c>
      <c r="EN7" s="68">
        <v>611</v>
      </c>
      <c r="EO7" s="69">
        <v>986</v>
      </c>
      <c r="EP7" s="66">
        <v>341</v>
      </c>
      <c r="EQ7" s="67">
        <v>311</v>
      </c>
      <c r="ER7" s="68">
        <v>652</v>
      </c>
      <c r="ES7" s="243"/>
      <c r="ET7" s="67">
        <v>369</v>
      </c>
      <c r="EU7" s="67">
        <v>293</v>
      </c>
      <c r="EV7" s="67">
        <v>141</v>
      </c>
      <c r="EW7" s="67">
        <v>143</v>
      </c>
      <c r="EX7" s="67">
        <v>99</v>
      </c>
      <c r="EY7" s="68">
        <v>1045</v>
      </c>
      <c r="EZ7" s="69">
        <v>1697</v>
      </c>
      <c r="FA7" s="66">
        <v>331</v>
      </c>
      <c r="FB7" s="67">
        <v>402</v>
      </c>
      <c r="FC7" s="68">
        <v>733</v>
      </c>
      <c r="FD7" s="243"/>
      <c r="FE7" s="67">
        <v>528</v>
      </c>
      <c r="FF7" s="67">
        <v>478</v>
      </c>
      <c r="FG7" s="67">
        <v>295</v>
      </c>
      <c r="FH7" s="67">
        <v>284</v>
      </c>
      <c r="FI7" s="67">
        <v>179</v>
      </c>
      <c r="FJ7" s="68">
        <v>1764</v>
      </c>
      <c r="FK7" s="69">
        <v>2497</v>
      </c>
      <c r="FL7" s="66">
        <v>222</v>
      </c>
      <c r="FM7" s="67">
        <v>311</v>
      </c>
      <c r="FN7" s="68">
        <v>533</v>
      </c>
      <c r="FO7" s="243"/>
      <c r="FP7" s="67">
        <v>559</v>
      </c>
      <c r="FQ7" s="67">
        <v>571</v>
      </c>
      <c r="FR7" s="67">
        <v>481</v>
      </c>
      <c r="FS7" s="67">
        <v>561</v>
      </c>
      <c r="FT7" s="67">
        <v>386</v>
      </c>
      <c r="FU7" s="68">
        <v>2558</v>
      </c>
      <c r="FV7" s="69">
        <v>3091</v>
      </c>
      <c r="FW7" s="66">
        <v>0</v>
      </c>
      <c r="FX7" s="67">
        <v>0</v>
      </c>
      <c r="FY7" s="68">
        <v>0</v>
      </c>
      <c r="FZ7" s="243"/>
      <c r="GA7" s="67">
        <v>0</v>
      </c>
      <c r="GB7" s="67">
        <v>0</v>
      </c>
      <c r="GC7" s="67">
        <v>0</v>
      </c>
      <c r="GD7" s="67">
        <v>0</v>
      </c>
      <c r="GE7" s="67">
        <v>0</v>
      </c>
      <c r="GF7" s="68">
        <v>0</v>
      </c>
      <c r="GG7" s="69">
        <v>0</v>
      </c>
      <c r="GH7" s="66">
        <v>1197</v>
      </c>
      <c r="GI7" s="67">
        <v>1341</v>
      </c>
      <c r="GJ7" s="68">
        <v>2538</v>
      </c>
      <c r="GK7" s="243"/>
      <c r="GL7" s="67">
        <v>1769</v>
      </c>
      <c r="GM7" s="67">
        <v>1623</v>
      </c>
      <c r="GN7" s="67">
        <v>1096</v>
      </c>
      <c r="GO7" s="67">
        <v>1134</v>
      </c>
      <c r="GP7" s="67">
        <v>776</v>
      </c>
      <c r="GQ7" s="68">
        <v>6398</v>
      </c>
      <c r="GR7" s="69">
        <v>8936</v>
      </c>
      <c r="GS7" s="122">
        <v>4476</v>
      </c>
      <c r="GT7" s="78">
        <v>4344</v>
      </c>
      <c r="GU7" s="79">
        <v>8820</v>
      </c>
      <c r="GV7" s="240"/>
      <c r="GW7" s="78">
        <v>5992</v>
      </c>
      <c r="GX7" s="78">
        <v>5415</v>
      </c>
      <c r="GY7" s="78">
        <v>3492</v>
      </c>
      <c r="GZ7" s="78">
        <v>3187</v>
      </c>
      <c r="HA7" s="78">
        <v>2117</v>
      </c>
      <c r="HB7" s="80">
        <v>20203</v>
      </c>
      <c r="HC7" s="81">
        <v>29023</v>
      </c>
      <c r="HD7" s="66">
        <v>135</v>
      </c>
      <c r="HE7" s="67">
        <v>150</v>
      </c>
      <c r="HF7" s="68">
        <v>285</v>
      </c>
      <c r="HG7" s="243"/>
      <c r="HH7" s="67">
        <v>130</v>
      </c>
      <c r="HI7" s="67">
        <v>156</v>
      </c>
      <c r="HJ7" s="67">
        <v>89</v>
      </c>
      <c r="HK7" s="67">
        <v>90</v>
      </c>
      <c r="HL7" s="67">
        <v>86</v>
      </c>
      <c r="HM7" s="68">
        <v>551</v>
      </c>
      <c r="HN7" s="69">
        <v>836</v>
      </c>
      <c r="HO7" s="66">
        <v>336</v>
      </c>
      <c r="HP7" s="67">
        <v>342</v>
      </c>
      <c r="HQ7" s="68">
        <v>678</v>
      </c>
      <c r="HR7" s="243"/>
      <c r="HS7" s="67">
        <v>373</v>
      </c>
      <c r="HT7" s="67">
        <v>382</v>
      </c>
      <c r="HU7" s="67">
        <v>260</v>
      </c>
      <c r="HV7" s="67">
        <v>220</v>
      </c>
      <c r="HW7" s="67">
        <v>172</v>
      </c>
      <c r="HX7" s="68">
        <v>1407</v>
      </c>
      <c r="HY7" s="69">
        <v>2085</v>
      </c>
      <c r="HZ7" s="66">
        <v>549</v>
      </c>
      <c r="IA7" s="67">
        <v>561</v>
      </c>
      <c r="IB7" s="68">
        <v>1110</v>
      </c>
      <c r="IC7" s="243"/>
      <c r="ID7" s="67">
        <v>683</v>
      </c>
      <c r="IE7" s="67">
        <v>590</v>
      </c>
      <c r="IF7" s="67">
        <v>358</v>
      </c>
      <c r="IG7" s="67">
        <v>337</v>
      </c>
      <c r="IH7" s="67">
        <v>270</v>
      </c>
      <c r="II7" s="68">
        <v>2238</v>
      </c>
      <c r="IJ7" s="69">
        <v>3348</v>
      </c>
      <c r="IK7" s="66">
        <v>1079</v>
      </c>
      <c r="IL7" s="67">
        <v>994</v>
      </c>
      <c r="IM7" s="68">
        <v>2073</v>
      </c>
      <c r="IN7" s="243"/>
      <c r="IO7" s="67">
        <v>1364</v>
      </c>
      <c r="IP7" s="67">
        <v>1098</v>
      </c>
      <c r="IQ7" s="67">
        <v>657</v>
      </c>
      <c r="IR7" s="67">
        <v>524</v>
      </c>
      <c r="IS7" s="67">
        <v>372</v>
      </c>
      <c r="IT7" s="68">
        <v>4015</v>
      </c>
      <c r="IU7" s="69">
        <v>6088</v>
      </c>
      <c r="IV7" s="66">
        <v>1336</v>
      </c>
      <c r="IW7" s="67">
        <v>1264</v>
      </c>
      <c r="IX7" s="68">
        <v>2600</v>
      </c>
      <c r="IY7" s="243"/>
      <c r="IZ7" s="67">
        <v>1742</v>
      </c>
      <c r="JA7" s="67">
        <v>1492</v>
      </c>
      <c r="JB7" s="67">
        <v>945</v>
      </c>
      <c r="JC7" s="67">
        <v>834</v>
      </c>
      <c r="JD7" s="67">
        <v>491</v>
      </c>
      <c r="JE7" s="68">
        <v>5504</v>
      </c>
      <c r="JF7" s="69">
        <v>8104</v>
      </c>
      <c r="JG7" s="66">
        <v>1041</v>
      </c>
      <c r="JH7" s="67">
        <v>1033</v>
      </c>
      <c r="JI7" s="68">
        <v>2074</v>
      </c>
      <c r="JJ7" s="243"/>
      <c r="JK7" s="67">
        <v>1700</v>
      </c>
      <c r="JL7" s="67">
        <v>1697</v>
      </c>
      <c r="JM7" s="67">
        <v>1183</v>
      </c>
      <c r="JN7" s="67">
        <v>1182</v>
      </c>
      <c r="JO7" s="67">
        <v>726</v>
      </c>
      <c r="JP7" s="68">
        <v>6488</v>
      </c>
      <c r="JQ7" s="69">
        <v>8562</v>
      </c>
      <c r="JR7" s="66">
        <v>0</v>
      </c>
      <c r="JS7" s="67">
        <v>0</v>
      </c>
      <c r="JT7" s="68">
        <v>0</v>
      </c>
      <c r="JU7" s="243"/>
      <c r="JV7" s="67">
        <v>0</v>
      </c>
      <c r="JW7" s="67">
        <v>0</v>
      </c>
      <c r="JX7" s="67">
        <v>0</v>
      </c>
      <c r="JY7" s="67">
        <v>0</v>
      </c>
      <c r="JZ7" s="67">
        <v>0</v>
      </c>
      <c r="KA7" s="68">
        <v>0</v>
      </c>
      <c r="KB7" s="69">
        <v>0</v>
      </c>
      <c r="KC7" s="66">
        <v>4476</v>
      </c>
      <c r="KD7" s="67">
        <v>4344</v>
      </c>
      <c r="KE7" s="68">
        <v>8820</v>
      </c>
      <c r="KF7" s="243"/>
      <c r="KG7" s="67">
        <v>5992</v>
      </c>
      <c r="KH7" s="67">
        <v>5415</v>
      </c>
      <c r="KI7" s="67">
        <v>3492</v>
      </c>
      <c r="KJ7" s="67">
        <v>3187</v>
      </c>
      <c r="KK7" s="67">
        <v>2117</v>
      </c>
      <c r="KL7" s="68">
        <v>20203</v>
      </c>
      <c r="KM7" s="69">
        <v>29023</v>
      </c>
    </row>
    <row r="8" spans="2:299" ht="21" customHeight="1" x14ac:dyDescent="0.2">
      <c r="B8" s="126" t="s">
        <v>5</v>
      </c>
      <c r="C8" s="315">
        <v>1465</v>
      </c>
      <c r="D8" s="82">
        <v>1548</v>
      </c>
      <c r="E8" s="83">
        <v>3013</v>
      </c>
      <c r="F8" s="241"/>
      <c r="G8" s="82">
        <v>1558</v>
      </c>
      <c r="H8" s="82">
        <v>1872</v>
      </c>
      <c r="I8" s="82">
        <v>1099</v>
      </c>
      <c r="J8" s="82">
        <v>904</v>
      </c>
      <c r="K8" s="82">
        <v>576</v>
      </c>
      <c r="L8" s="84">
        <v>6009</v>
      </c>
      <c r="M8" s="85">
        <v>9022</v>
      </c>
      <c r="N8" s="70">
        <v>50</v>
      </c>
      <c r="O8" s="71">
        <v>57</v>
      </c>
      <c r="P8" s="72">
        <v>107</v>
      </c>
      <c r="Q8" s="244"/>
      <c r="R8" s="71">
        <v>35</v>
      </c>
      <c r="S8" s="71">
        <v>60</v>
      </c>
      <c r="T8" s="71">
        <v>31</v>
      </c>
      <c r="U8" s="71">
        <v>31</v>
      </c>
      <c r="V8" s="71">
        <v>25</v>
      </c>
      <c r="W8" s="72">
        <v>182</v>
      </c>
      <c r="X8" s="73">
        <v>289</v>
      </c>
      <c r="Y8" s="70">
        <v>87</v>
      </c>
      <c r="Z8" s="71">
        <v>123</v>
      </c>
      <c r="AA8" s="72">
        <v>210</v>
      </c>
      <c r="AB8" s="244"/>
      <c r="AC8" s="71">
        <v>73</v>
      </c>
      <c r="AD8" s="71">
        <v>119</v>
      </c>
      <c r="AE8" s="71">
        <v>94</v>
      </c>
      <c r="AF8" s="71">
        <v>82</v>
      </c>
      <c r="AG8" s="71">
        <v>65</v>
      </c>
      <c r="AH8" s="72">
        <v>433</v>
      </c>
      <c r="AI8" s="73">
        <v>643</v>
      </c>
      <c r="AJ8" s="70">
        <v>151</v>
      </c>
      <c r="AK8" s="71">
        <v>189</v>
      </c>
      <c r="AL8" s="72">
        <v>340</v>
      </c>
      <c r="AM8" s="244"/>
      <c r="AN8" s="71">
        <v>176</v>
      </c>
      <c r="AO8" s="71">
        <v>184</v>
      </c>
      <c r="AP8" s="71">
        <v>101</v>
      </c>
      <c r="AQ8" s="71">
        <v>103</v>
      </c>
      <c r="AR8" s="71">
        <v>81</v>
      </c>
      <c r="AS8" s="72">
        <v>645</v>
      </c>
      <c r="AT8" s="73">
        <v>985</v>
      </c>
      <c r="AU8" s="70">
        <v>350</v>
      </c>
      <c r="AV8" s="71">
        <v>362</v>
      </c>
      <c r="AW8" s="72">
        <v>712</v>
      </c>
      <c r="AX8" s="244"/>
      <c r="AY8" s="71">
        <v>345</v>
      </c>
      <c r="AZ8" s="71">
        <v>402</v>
      </c>
      <c r="BA8" s="71">
        <v>227</v>
      </c>
      <c r="BB8" s="71">
        <v>172</v>
      </c>
      <c r="BC8" s="71">
        <v>120</v>
      </c>
      <c r="BD8" s="72">
        <v>1266</v>
      </c>
      <c r="BE8" s="73">
        <v>1978</v>
      </c>
      <c r="BF8" s="70">
        <v>460</v>
      </c>
      <c r="BG8" s="71">
        <v>447</v>
      </c>
      <c r="BH8" s="72">
        <v>907</v>
      </c>
      <c r="BI8" s="244"/>
      <c r="BJ8" s="71">
        <v>476</v>
      </c>
      <c r="BK8" s="71">
        <v>509</v>
      </c>
      <c r="BL8" s="71">
        <v>302</v>
      </c>
      <c r="BM8" s="71">
        <v>237</v>
      </c>
      <c r="BN8" s="71">
        <v>127</v>
      </c>
      <c r="BO8" s="72">
        <v>1651</v>
      </c>
      <c r="BP8" s="73">
        <v>2558</v>
      </c>
      <c r="BQ8" s="70">
        <v>367</v>
      </c>
      <c r="BR8" s="71">
        <v>370</v>
      </c>
      <c r="BS8" s="72">
        <v>737</v>
      </c>
      <c r="BT8" s="244"/>
      <c r="BU8" s="71">
        <v>453</v>
      </c>
      <c r="BV8" s="71">
        <v>598</v>
      </c>
      <c r="BW8" s="71">
        <v>344</v>
      </c>
      <c r="BX8" s="71">
        <v>279</v>
      </c>
      <c r="BY8" s="71">
        <v>158</v>
      </c>
      <c r="BZ8" s="72">
        <v>1832</v>
      </c>
      <c r="CA8" s="73">
        <v>2569</v>
      </c>
      <c r="CB8" s="70">
        <v>0</v>
      </c>
      <c r="CC8" s="71">
        <v>0</v>
      </c>
      <c r="CD8" s="72">
        <v>0</v>
      </c>
      <c r="CE8" s="244"/>
      <c r="CF8" s="71">
        <v>0</v>
      </c>
      <c r="CG8" s="71">
        <v>0</v>
      </c>
      <c r="CH8" s="71">
        <v>0</v>
      </c>
      <c r="CI8" s="71">
        <v>0</v>
      </c>
      <c r="CJ8" s="71">
        <v>0</v>
      </c>
      <c r="CK8" s="72">
        <v>0</v>
      </c>
      <c r="CL8" s="73">
        <v>0</v>
      </c>
      <c r="CM8" s="70">
        <v>1465</v>
      </c>
      <c r="CN8" s="71">
        <v>1548</v>
      </c>
      <c r="CO8" s="72">
        <v>3013</v>
      </c>
      <c r="CP8" s="244"/>
      <c r="CQ8" s="71">
        <v>1558</v>
      </c>
      <c r="CR8" s="71">
        <v>1872</v>
      </c>
      <c r="CS8" s="71">
        <v>1099</v>
      </c>
      <c r="CT8" s="71">
        <v>904</v>
      </c>
      <c r="CU8" s="71">
        <v>576</v>
      </c>
      <c r="CV8" s="72">
        <v>6009</v>
      </c>
      <c r="CW8" s="73">
        <v>9022</v>
      </c>
      <c r="CX8" s="123">
        <v>472</v>
      </c>
      <c r="CY8" s="82">
        <v>634</v>
      </c>
      <c r="CZ8" s="83">
        <v>1106</v>
      </c>
      <c r="DA8" s="241"/>
      <c r="DB8" s="82">
        <v>629</v>
      </c>
      <c r="DC8" s="82">
        <v>810</v>
      </c>
      <c r="DD8" s="82">
        <v>457</v>
      </c>
      <c r="DE8" s="82">
        <v>500</v>
      </c>
      <c r="DF8" s="82">
        <v>338</v>
      </c>
      <c r="DG8" s="84">
        <v>2734</v>
      </c>
      <c r="DH8" s="85">
        <v>3840</v>
      </c>
      <c r="DI8" s="70">
        <v>12</v>
      </c>
      <c r="DJ8" s="71">
        <v>12</v>
      </c>
      <c r="DK8" s="72">
        <v>24</v>
      </c>
      <c r="DL8" s="244"/>
      <c r="DM8" s="71">
        <v>9</v>
      </c>
      <c r="DN8" s="71">
        <v>19</v>
      </c>
      <c r="DO8" s="71">
        <v>7</v>
      </c>
      <c r="DP8" s="71">
        <v>6</v>
      </c>
      <c r="DQ8" s="71">
        <v>3</v>
      </c>
      <c r="DR8" s="72">
        <v>44</v>
      </c>
      <c r="DS8" s="73">
        <v>68</v>
      </c>
      <c r="DT8" s="70">
        <v>41</v>
      </c>
      <c r="DU8" s="71">
        <v>44</v>
      </c>
      <c r="DV8" s="72">
        <v>85</v>
      </c>
      <c r="DW8" s="244"/>
      <c r="DX8" s="71">
        <v>28</v>
      </c>
      <c r="DY8" s="71">
        <v>40</v>
      </c>
      <c r="DZ8" s="71">
        <v>20</v>
      </c>
      <c r="EA8" s="71">
        <v>26</v>
      </c>
      <c r="EB8" s="71">
        <v>12</v>
      </c>
      <c r="EC8" s="72">
        <v>126</v>
      </c>
      <c r="ED8" s="73">
        <v>211</v>
      </c>
      <c r="EE8" s="70">
        <v>64</v>
      </c>
      <c r="EF8" s="71">
        <v>96</v>
      </c>
      <c r="EG8" s="72">
        <v>160</v>
      </c>
      <c r="EH8" s="244"/>
      <c r="EI8" s="71">
        <v>64</v>
      </c>
      <c r="EJ8" s="71">
        <v>80</v>
      </c>
      <c r="EK8" s="71">
        <v>45</v>
      </c>
      <c r="EL8" s="71">
        <v>33</v>
      </c>
      <c r="EM8" s="71">
        <v>35</v>
      </c>
      <c r="EN8" s="72">
        <v>257</v>
      </c>
      <c r="EO8" s="73">
        <v>417</v>
      </c>
      <c r="EP8" s="70">
        <v>138</v>
      </c>
      <c r="EQ8" s="71">
        <v>143</v>
      </c>
      <c r="ER8" s="72">
        <v>281</v>
      </c>
      <c r="ES8" s="244"/>
      <c r="ET8" s="71">
        <v>131</v>
      </c>
      <c r="EU8" s="71">
        <v>138</v>
      </c>
      <c r="EV8" s="71">
        <v>64</v>
      </c>
      <c r="EW8" s="71">
        <v>70</v>
      </c>
      <c r="EX8" s="71">
        <v>34</v>
      </c>
      <c r="EY8" s="72">
        <v>437</v>
      </c>
      <c r="EZ8" s="73">
        <v>718</v>
      </c>
      <c r="FA8" s="70">
        <v>132</v>
      </c>
      <c r="FB8" s="71">
        <v>195</v>
      </c>
      <c r="FC8" s="72">
        <v>327</v>
      </c>
      <c r="FD8" s="244"/>
      <c r="FE8" s="71">
        <v>202</v>
      </c>
      <c r="FF8" s="71">
        <v>258</v>
      </c>
      <c r="FG8" s="71">
        <v>120</v>
      </c>
      <c r="FH8" s="71">
        <v>140</v>
      </c>
      <c r="FI8" s="71">
        <v>87</v>
      </c>
      <c r="FJ8" s="72">
        <v>807</v>
      </c>
      <c r="FK8" s="73">
        <v>1134</v>
      </c>
      <c r="FL8" s="70">
        <v>85</v>
      </c>
      <c r="FM8" s="71">
        <v>144</v>
      </c>
      <c r="FN8" s="72">
        <v>229</v>
      </c>
      <c r="FO8" s="244"/>
      <c r="FP8" s="71">
        <v>195</v>
      </c>
      <c r="FQ8" s="71">
        <v>275</v>
      </c>
      <c r="FR8" s="71">
        <v>201</v>
      </c>
      <c r="FS8" s="71">
        <v>225</v>
      </c>
      <c r="FT8" s="71">
        <v>167</v>
      </c>
      <c r="FU8" s="72">
        <v>1063</v>
      </c>
      <c r="FV8" s="73">
        <v>1292</v>
      </c>
      <c r="FW8" s="70">
        <v>0</v>
      </c>
      <c r="FX8" s="71">
        <v>0</v>
      </c>
      <c r="FY8" s="72">
        <v>0</v>
      </c>
      <c r="FZ8" s="244"/>
      <c r="GA8" s="71">
        <v>0</v>
      </c>
      <c r="GB8" s="71">
        <v>0</v>
      </c>
      <c r="GC8" s="71">
        <v>0</v>
      </c>
      <c r="GD8" s="71">
        <v>0</v>
      </c>
      <c r="GE8" s="71">
        <v>0</v>
      </c>
      <c r="GF8" s="72">
        <v>0</v>
      </c>
      <c r="GG8" s="73">
        <v>0</v>
      </c>
      <c r="GH8" s="70">
        <v>472</v>
      </c>
      <c r="GI8" s="71">
        <v>634</v>
      </c>
      <c r="GJ8" s="72">
        <v>1106</v>
      </c>
      <c r="GK8" s="244"/>
      <c r="GL8" s="71">
        <v>629</v>
      </c>
      <c r="GM8" s="71">
        <v>810</v>
      </c>
      <c r="GN8" s="71">
        <v>457</v>
      </c>
      <c r="GO8" s="71">
        <v>500</v>
      </c>
      <c r="GP8" s="71">
        <v>338</v>
      </c>
      <c r="GQ8" s="72">
        <v>2734</v>
      </c>
      <c r="GR8" s="73">
        <v>3840</v>
      </c>
      <c r="GS8" s="123">
        <v>1937</v>
      </c>
      <c r="GT8" s="82">
        <v>2182</v>
      </c>
      <c r="GU8" s="83">
        <v>4119</v>
      </c>
      <c r="GV8" s="241"/>
      <c r="GW8" s="82">
        <v>2187</v>
      </c>
      <c r="GX8" s="82">
        <v>2682</v>
      </c>
      <c r="GY8" s="82">
        <v>1556</v>
      </c>
      <c r="GZ8" s="82">
        <v>1404</v>
      </c>
      <c r="HA8" s="82">
        <v>914</v>
      </c>
      <c r="HB8" s="84">
        <v>8743</v>
      </c>
      <c r="HC8" s="85">
        <v>12862</v>
      </c>
      <c r="HD8" s="70">
        <v>62</v>
      </c>
      <c r="HE8" s="71">
        <v>69</v>
      </c>
      <c r="HF8" s="72">
        <v>131</v>
      </c>
      <c r="HG8" s="244"/>
      <c r="HH8" s="71">
        <v>44</v>
      </c>
      <c r="HI8" s="71">
        <v>79</v>
      </c>
      <c r="HJ8" s="71">
        <v>38</v>
      </c>
      <c r="HK8" s="71">
        <v>37</v>
      </c>
      <c r="HL8" s="71">
        <v>28</v>
      </c>
      <c r="HM8" s="72">
        <v>226</v>
      </c>
      <c r="HN8" s="73">
        <v>357</v>
      </c>
      <c r="HO8" s="70">
        <v>128</v>
      </c>
      <c r="HP8" s="71">
        <v>167</v>
      </c>
      <c r="HQ8" s="72">
        <v>295</v>
      </c>
      <c r="HR8" s="244"/>
      <c r="HS8" s="71">
        <v>101</v>
      </c>
      <c r="HT8" s="71">
        <v>159</v>
      </c>
      <c r="HU8" s="71">
        <v>114</v>
      </c>
      <c r="HV8" s="71">
        <v>108</v>
      </c>
      <c r="HW8" s="71">
        <v>77</v>
      </c>
      <c r="HX8" s="72">
        <v>559</v>
      </c>
      <c r="HY8" s="73">
        <v>854</v>
      </c>
      <c r="HZ8" s="70">
        <v>215</v>
      </c>
      <c r="IA8" s="71">
        <v>285</v>
      </c>
      <c r="IB8" s="72">
        <v>500</v>
      </c>
      <c r="IC8" s="244"/>
      <c r="ID8" s="71">
        <v>240</v>
      </c>
      <c r="IE8" s="71">
        <v>264</v>
      </c>
      <c r="IF8" s="71">
        <v>146</v>
      </c>
      <c r="IG8" s="71">
        <v>136</v>
      </c>
      <c r="IH8" s="71">
        <v>116</v>
      </c>
      <c r="II8" s="72">
        <v>902</v>
      </c>
      <c r="IJ8" s="73">
        <v>1402</v>
      </c>
      <c r="IK8" s="70">
        <v>488</v>
      </c>
      <c r="IL8" s="71">
        <v>505</v>
      </c>
      <c r="IM8" s="72">
        <v>993</v>
      </c>
      <c r="IN8" s="244"/>
      <c r="IO8" s="71">
        <v>476</v>
      </c>
      <c r="IP8" s="71">
        <v>540</v>
      </c>
      <c r="IQ8" s="71">
        <v>291</v>
      </c>
      <c r="IR8" s="71">
        <v>242</v>
      </c>
      <c r="IS8" s="71">
        <v>154</v>
      </c>
      <c r="IT8" s="72">
        <v>1703</v>
      </c>
      <c r="IU8" s="73">
        <v>2696</v>
      </c>
      <c r="IV8" s="70">
        <v>592</v>
      </c>
      <c r="IW8" s="71">
        <v>642</v>
      </c>
      <c r="IX8" s="72">
        <v>1234</v>
      </c>
      <c r="IY8" s="244"/>
      <c r="IZ8" s="71">
        <v>678</v>
      </c>
      <c r="JA8" s="71">
        <v>767</v>
      </c>
      <c r="JB8" s="71">
        <v>422</v>
      </c>
      <c r="JC8" s="71">
        <v>377</v>
      </c>
      <c r="JD8" s="71">
        <v>214</v>
      </c>
      <c r="JE8" s="72">
        <v>2458</v>
      </c>
      <c r="JF8" s="73">
        <v>3692</v>
      </c>
      <c r="JG8" s="70">
        <v>452</v>
      </c>
      <c r="JH8" s="71">
        <v>514</v>
      </c>
      <c r="JI8" s="72">
        <v>966</v>
      </c>
      <c r="JJ8" s="244"/>
      <c r="JK8" s="71">
        <v>648</v>
      </c>
      <c r="JL8" s="71">
        <v>873</v>
      </c>
      <c r="JM8" s="71">
        <v>545</v>
      </c>
      <c r="JN8" s="71">
        <v>504</v>
      </c>
      <c r="JO8" s="71">
        <v>325</v>
      </c>
      <c r="JP8" s="72">
        <v>2895</v>
      </c>
      <c r="JQ8" s="73">
        <v>3861</v>
      </c>
      <c r="JR8" s="70">
        <v>0</v>
      </c>
      <c r="JS8" s="71">
        <v>0</v>
      </c>
      <c r="JT8" s="72">
        <v>0</v>
      </c>
      <c r="JU8" s="244"/>
      <c r="JV8" s="71">
        <v>0</v>
      </c>
      <c r="JW8" s="71">
        <v>0</v>
      </c>
      <c r="JX8" s="71">
        <v>0</v>
      </c>
      <c r="JY8" s="71">
        <v>0</v>
      </c>
      <c r="JZ8" s="71">
        <v>0</v>
      </c>
      <c r="KA8" s="72">
        <v>0</v>
      </c>
      <c r="KB8" s="73">
        <v>0</v>
      </c>
      <c r="KC8" s="70">
        <v>1937</v>
      </c>
      <c r="KD8" s="71">
        <v>2182</v>
      </c>
      <c r="KE8" s="72">
        <v>4119</v>
      </c>
      <c r="KF8" s="244"/>
      <c r="KG8" s="71">
        <v>2187</v>
      </c>
      <c r="KH8" s="71">
        <v>2682</v>
      </c>
      <c r="KI8" s="71">
        <v>1556</v>
      </c>
      <c r="KJ8" s="71">
        <v>1404</v>
      </c>
      <c r="KK8" s="71">
        <v>914</v>
      </c>
      <c r="KL8" s="72">
        <v>8743</v>
      </c>
      <c r="KM8" s="73">
        <v>12862</v>
      </c>
    </row>
    <row r="9" spans="2:299" ht="21" customHeight="1" x14ac:dyDescent="0.2">
      <c r="B9" s="126" t="s">
        <v>6</v>
      </c>
      <c r="C9" s="315">
        <v>439</v>
      </c>
      <c r="D9" s="82">
        <v>369</v>
      </c>
      <c r="E9" s="83">
        <v>808</v>
      </c>
      <c r="F9" s="241"/>
      <c r="G9" s="82">
        <v>766</v>
      </c>
      <c r="H9" s="82">
        <v>498</v>
      </c>
      <c r="I9" s="82">
        <v>376</v>
      </c>
      <c r="J9" s="82">
        <v>339</v>
      </c>
      <c r="K9" s="82">
        <v>217</v>
      </c>
      <c r="L9" s="84">
        <v>2196</v>
      </c>
      <c r="M9" s="85">
        <v>3004</v>
      </c>
      <c r="N9" s="70">
        <v>12</v>
      </c>
      <c r="O9" s="71">
        <v>21</v>
      </c>
      <c r="P9" s="72">
        <v>33</v>
      </c>
      <c r="Q9" s="244"/>
      <c r="R9" s="71">
        <v>19</v>
      </c>
      <c r="S9" s="71">
        <v>17</v>
      </c>
      <c r="T9" s="71">
        <v>9</v>
      </c>
      <c r="U9" s="71">
        <v>14</v>
      </c>
      <c r="V9" s="71">
        <v>13</v>
      </c>
      <c r="W9" s="72">
        <v>72</v>
      </c>
      <c r="X9" s="73">
        <v>105</v>
      </c>
      <c r="Y9" s="70">
        <v>36</v>
      </c>
      <c r="Z9" s="71">
        <v>29</v>
      </c>
      <c r="AA9" s="72">
        <v>65</v>
      </c>
      <c r="AB9" s="244"/>
      <c r="AC9" s="71">
        <v>58</v>
      </c>
      <c r="AD9" s="71">
        <v>45</v>
      </c>
      <c r="AE9" s="71">
        <v>32</v>
      </c>
      <c r="AF9" s="71">
        <v>24</v>
      </c>
      <c r="AG9" s="71">
        <v>24</v>
      </c>
      <c r="AH9" s="72">
        <v>183</v>
      </c>
      <c r="AI9" s="73">
        <v>248</v>
      </c>
      <c r="AJ9" s="70">
        <v>54</v>
      </c>
      <c r="AK9" s="71">
        <v>55</v>
      </c>
      <c r="AL9" s="72">
        <v>109</v>
      </c>
      <c r="AM9" s="244"/>
      <c r="AN9" s="71">
        <v>92</v>
      </c>
      <c r="AO9" s="71">
        <v>57</v>
      </c>
      <c r="AP9" s="71">
        <v>48</v>
      </c>
      <c r="AQ9" s="71">
        <v>40</v>
      </c>
      <c r="AR9" s="71">
        <v>38</v>
      </c>
      <c r="AS9" s="72">
        <v>275</v>
      </c>
      <c r="AT9" s="73">
        <v>384</v>
      </c>
      <c r="AU9" s="70">
        <v>87</v>
      </c>
      <c r="AV9" s="71">
        <v>74</v>
      </c>
      <c r="AW9" s="72">
        <v>161</v>
      </c>
      <c r="AX9" s="244"/>
      <c r="AY9" s="71">
        <v>183</v>
      </c>
      <c r="AZ9" s="71">
        <v>95</v>
      </c>
      <c r="BA9" s="71">
        <v>79</v>
      </c>
      <c r="BB9" s="71">
        <v>64</v>
      </c>
      <c r="BC9" s="71">
        <v>39</v>
      </c>
      <c r="BD9" s="72">
        <v>460</v>
      </c>
      <c r="BE9" s="73">
        <v>621</v>
      </c>
      <c r="BF9" s="70">
        <v>132</v>
      </c>
      <c r="BG9" s="71">
        <v>104</v>
      </c>
      <c r="BH9" s="72">
        <v>236</v>
      </c>
      <c r="BI9" s="244"/>
      <c r="BJ9" s="71">
        <v>210</v>
      </c>
      <c r="BK9" s="71">
        <v>132</v>
      </c>
      <c r="BL9" s="71">
        <v>98</v>
      </c>
      <c r="BM9" s="71">
        <v>94</v>
      </c>
      <c r="BN9" s="71">
        <v>54</v>
      </c>
      <c r="BO9" s="72">
        <v>588</v>
      </c>
      <c r="BP9" s="73">
        <v>824</v>
      </c>
      <c r="BQ9" s="70">
        <v>118</v>
      </c>
      <c r="BR9" s="71">
        <v>86</v>
      </c>
      <c r="BS9" s="72">
        <v>204</v>
      </c>
      <c r="BT9" s="244"/>
      <c r="BU9" s="71">
        <v>204</v>
      </c>
      <c r="BV9" s="71">
        <v>152</v>
      </c>
      <c r="BW9" s="71">
        <v>110</v>
      </c>
      <c r="BX9" s="71">
        <v>103</v>
      </c>
      <c r="BY9" s="71">
        <v>49</v>
      </c>
      <c r="BZ9" s="72">
        <v>618</v>
      </c>
      <c r="CA9" s="73">
        <v>822</v>
      </c>
      <c r="CB9" s="70">
        <v>0</v>
      </c>
      <c r="CC9" s="71">
        <v>0</v>
      </c>
      <c r="CD9" s="72">
        <v>0</v>
      </c>
      <c r="CE9" s="244"/>
      <c r="CF9" s="71">
        <v>0</v>
      </c>
      <c r="CG9" s="71">
        <v>0</v>
      </c>
      <c r="CH9" s="71">
        <v>0</v>
      </c>
      <c r="CI9" s="71">
        <v>0</v>
      </c>
      <c r="CJ9" s="71">
        <v>0</v>
      </c>
      <c r="CK9" s="72">
        <v>0</v>
      </c>
      <c r="CL9" s="73">
        <v>0</v>
      </c>
      <c r="CM9" s="70">
        <v>439</v>
      </c>
      <c r="CN9" s="71">
        <v>369</v>
      </c>
      <c r="CO9" s="72">
        <v>808</v>
      </c>
      <c r="CP9" s="244"/>
      <c r="CQ9" s="71">
        <v>766</v>
      </c>
      <c r="CR9" s="71">
        <v>498</v>
      </c>
      <c r="CS9" s="71">
        <v>376</v>
      </c>
      <c r="CT9" s="71">
        <v>339</v>
      </c>
      <c r="CU9" s="71">
        <v>217</v>
      </c>
      <c r="CV9" s="72">
        <v>2196</v>
      </c>
      <c r="CW9" s="73">
        <v>3004</v>
      </c>
      <c r="CX9" s="123">
        <v>212</v>
      </c>
      <c r="CY9" s="82">
        <v>211</v>
      </c>
      <c r="CZ9" s="83">
        <v>423</v>
      </c>
      <c r="DA9" s="241"/>
      <c r="DB9" s="82">
        <v>401</v>
      </c>
      <c r="DC9" s="82">
        <v>261</v>
      </c>
      <c r="DD9" s="82">
        <v>201</v>
      </c>
      <c r="DE9" s="82">
        <v>192</v>
      </c>
      <c r="DF9" s="82">
        <v>136</v>
      </c>
      <c r="DG9" s="84">
        <v>1191</v>
      </c>
      <c r="DH9" s="85">
        <v>1614</v>
      </c>
      <c r="DI9" s="70">
        <v>1</v>
      </c>
      <c r="DJ9" s="71">
        <v>7</v>
      </c>
      <c r="DK9" s="72">
        <v>8</v>
      </c>
      <c r="DL9" s="244"/>
      <c r="DM9" s="71">
        <v>4</v>
      </c>
      <c r="DN9" s="71">
        <v>7</v>
      </c>
      <c r="DO9" s="71">
        <v>3</v>
      </c>
      <c r="DP9" s="71">
        <v>5</v>
      </c>
      <c r="DQ9" s="71">
        <v>2</v>
      </c>
      <c r="DR9" s="72">
        <v>21</v>
      </c>
      <c r="DS9" s="73">
        <v>29</v>
      </c>
      <c r="DT9" s="70">
        <v>10</v>
      </c>
      <c r="DU9" s="71">
        <v>13</v>
      </c>
      <c r="DV9" s="72">
        <v>23</v>
      </c>
      <c r="DW9" s="244"/>
      <c r="DX9" s="71">
        <v>24</v>
      </c>
      <c r="DY9" s="71">
        <v>16</v>
      </c>
      <c r="DZ9" s="71">
        <v>11</v>
      </c>
      <c r="EA9" s="71">
        <v>10</v>
      </c>
      <c r="EB9" s="71">
        <v>3</v>
      </c>
      <c r="EC9" s="72">
        <v>64</v>
      </c>
      <c r="ED9" s="73">
        <v>87</v>
      </c>
      <c r="EE9" s="70">
        <v>35</v>
      </c>
      <c r="EF9" s="71">
        <v>25</v>
      </c>
      <c r="EG9" s="72">
        <v>60</v>
      </c>
      <c r="EH9" s="244"/>
      <c r="EI9" s="71">
        <v>56</v>
      </c>
      <c r="EJ9" s="71">
        <v>25</v>
      </c>
      <c r="EK9" s="71">
        <v>16</v>
      </c>
      <c r="EL9" s="71">
        <v>18</v>
      </c>
      <c r="EM9" s="71">
        <v>14</v>
      </c>
      <c r="EN9" s="72">
        <v>129</v>
      </c>
      <c r="EO9" s="73">
        <v>189</v>
      </c>
      <c r="EP9" s="70">
        <v>56</v>
      </c>
      <c r="EQ9" s="71">
        <v>47</v>
      </c>
      <c r="ER9" s="72">
        <v>103</v>
      </c>
      <c r="ES9" s="244"/>
      <c r="ET9" s="71">
        <v>78</v>
      </c>
      <c r="EU9" s="71">
        <v>61</v>
      </c>
      <c r="EV9" s="71">
        <v>25</v>
      </c>
      <c r="EW9" s="71">
        <v>18</v>
      </c>
      <c r="EX9" s="71">
        <v>23</v>
      </c>
      <c r="EY9" s="72">
        <v>205</v>
      </c>
      <c r="EZ9" s="73">
        <v>308</v>
      </c>
      <c r="FA9" s="70">
        <v>67</v>
      </c>
      <c r="FB9" s="71">
        <v>71</v>
      </c>
      <c r="FC9" s="72">
        <v>138</v>
      </c>
      <c r="FD9" s="244"/>
      <c r="FE9" s="71">
        <v>114</v>
      </c>
      <c r="FF9" s="71">
        <v>69</v>
      </c>
      <c r="FG9" s="71">
        <v>59</v>
      </c>
      <c r="FH9" s="71">
        <v>41</v>
      </c>
      <c r="FI9" s="71">
        <v>29</v>
      </c>
      <c r="FJ9" s="72">
        <v>312</v>
      </c>
      <c r="FK9" s="73">
        <v>450</v>
      </c>
      <c r="FL9" s="70">
        <v>43</v>
      </c>
      <c r="FM9" s="71">
        <v>48</v>
      </c>
      <c r="FN9" s="72">
        <v>91</v>
      </c>
      <c r="FO9" s="244"/>
      <c r="FP9" s="71">
        <v>125</v>
      </c>
      <c r="FQ9" s="71">
        <v>83</v>
      </c>
      <c r="FR9" s="71">
        <v>87</v>
      </c>
      <c r="FS9" s="71">
        <v>100</v>
      </c>
      <c r="FT9" s="71">
        <v>65</v>
      </c>
      <c r="FU9" s="72">
        <v>460</v>
      </c>
      <c r="FV9" s="73">
        <v>551</v>
      </c>
      <c r="FW9" s="70">
        <v>0</v>
      </c>
      <c r="FX9" s="71">
        <v>0</v>
      </c>
      <c r="FY9" s="72">
        <v>0</v>
      </c>
      <c r="FZ9" s="244"/>
      <c r="GA9" s="71">
        <v>0</v>
      </c>
      <c r="GB9" s="71">
        <v>0</v>
      </c>
      <c r="GC9" s="71">
        <v>0</v>
      </c>
      <c r="GD9" s="71">
        <v>0</v>
      </c>
      <c r="GE9" s="71">
        <v>0</v>
      </c>
      <c r="GF9" s="72">
        <v>0</v>
      </c>
      <c r="GG9" s="73">
        <v>0</v>
      </c>
      <c r="GH9" s="70">
        <v>212</v>
      </c>
      <c r="GI9" s="71">
        <v>211</v>
      </c>
      <c r="GJ9" s="72">
        <v>423</v>
      </c>
      <c r="GK9" s="244"/>
      <c r="GL9" s="71">
        <v>401</v>
      </c>
      <c r="GM9" s="71">
        <v>261</v>
      </c>
      <c r="GN9" s="71">
        <v>201</v>
      </c>
      <c r="GO9" s="71">
        <v>192</v>
      </c>
      <c r="GP9" s="71">
        <v>136</v>
      </c>
      <c r="GQ9" s="72">
        <v>1191</v>
      </c>
      <c r="GR9" s="73">
        <v>1614</v>
      </c>
      <c r="GS9" s="123">
        <v>651</v>
      </c>
      <c r="GT9" s="82">
        <v>580</v>
      </c>
      <c r="GU9" s="83">
        <v>1231</v>
      </c>
      <c r="GV9" s="241"/>
      <c r="GW9" s="82">
        <v>1167</v>
      </c>
      <c r="GX9" s="82">
        <v>759</v>
      </c>
      <c r="GY9" s="82">
        <v>577</v>
      </c>
      <c r="GZ9" s="82">
        <v>531</v>
      </c>
      <c r="HA9" s="82">
        <v>353</v>
      </c>
      <c r="HB9" s="84">
        <v>3387</v>
      </c>
      <c r="HC9" s="85">
        <v>4618</v>
      </c>
      <c r="HD9" s="70">
        <v>13</v>
      </c>
      <c r="HE9" s="71">
        <v>28</v>
      </c>
      <c r="HF9" s="72">
        <v>41</v>
      </c>
      <c r="HG9" s="244"/>
      <c r="HH9" s="71">
        <v>23</v>
      </c>
      <c r="HI9" s="71">
        <v>24</v>
      </c>
      <c r="HJ9" s="71">
        <v>12</v>
      </c>
      <c r="HK9" s="71">
        <v>19</v>
      </c>
      <c r="HL9" s="71">
        <v>15</v>
      </c>
      <c r="HM9" s="72">
        <v>93</v>
      </c>
      <c r="HN9" s="73">
        <v>134</v>
      </c>
      <c r="HO9" s="70">
        <v>46</v>
      </c>
      <c r="HP9" s="71">
        <v>42</v>
      </c>
      <c r="HQ9" s="72">
        <v>88</v>
      </c>
      <c r="HR9" s="244"/>
      <c r="HS9" s="71">
        <v>82</v>
      </c>
      <c r="HT9" s="71">
        <v>61</v>
      </c>
      <c r="HU9" s="71">
        <v>43</v>
      </c>
      <c r="HV9" s="71">
        <v>34</v>
      </c>
      <c r="HW9" s="71">
        <v>27</v>
      </c>
      <c r="HX9" s="72">
        <v>247</v>
      </c>
      <c r="HY9" s="73">
        <v>335</v>
      </c>
      <c r="HZ9" s="70">
        <v>89</v>
      </c>
      <c r="IA9" s="71">
        <v>80</v>
      </c>
      <c r="IB9" s="72">
        <v>169</v>
      </c>
      <c r="IC9" s="244"/>
      <c r="ID9" s="71">
        <v>148</v>
      </c>
      <c r="IE9" s="71">
        <v>82</v>
      </c>
      <c r="IF9" s="71">
        <v>64</v>
      </c>
      <c r="IG9" s="71">
        <v>58</v>
      </c>
      <c r="IH9" s="71">
        <v>52</v>
      </c>
      <c r="II9" s="72">
        <v>404</v>
      </c>
      <c r="IJ9" s="73">
        <v>573</v>
      </c>
      <c r="IK9" s="70">
        <v>143</v>
      </c>
      <c r="IL9" s="71">
        <v>121</v>
      </c>
      <c r="IM9" s="72">
        <v>264</v>
      </c>
      <c r="IN9" s="244"/>
      <c r="IO9" s="71">
        <v>261</v>
      </c>
      <c r="IP9" s="71">
        <v>156</v>
      </c>
      <c r="IQ9" s="71">
        <v>104</v>
      </c>
      <c r="IR9" s="71">
        <v>82</v>
      </c>
      <c r="IS9" s="71">
        <v>62</v>
      </c>
      <c r="IT9" s="72">
        <v>665</v>
      </c>
      <c r="IU9" s="73">
        <v>929</v>
      </c>
      <c r="IV9" s="70">
        <v>199</v>
      </c>
      <c r="IW9" s="71">
        <v>175</v>
      </c>
      <c r="IX9" s="72">
        <v>374</v>
      </c>
      <c r="IY9" s="244"/>
      <c r="IZ9" s="71">
        <v>324</v>
      </c>
      <c r="JA9" s="71">
        <v>201</v>
      </c>
      <c r="JB9" s="71">
        <v>157</v>
      </c>
      <c r="JC9" s="71">
        <v>135</v>
      </c>
      <c r="JD9" s="71">
        <v>83</v>
      </c>
      <c r="JE9" s="72">
        <v>900</v>
      </c>
      <c r="JF9" s="73">
        <v>1274</v>
      </c>
      <c r="JG9" s="70">
        <v>161</v>
      </c>
      <c r="JH9" s="71">
        <v>134</v>
      </c>
      <c r="JI9" s="72">
        <v>295</v>
      </c>
      <c r="JJ9" s="244"/>
      <c r="JK9" s="71">
        <v>329</v>
      </c>
      <c r="JL9" s="71">
        <v>235</v>
      </c>
      <c r="JM9" s="71">
        <v>197</v>
      </c>
      <c r="JN9" s="71">
        <v>203</v>
      </c>
      <c r="JO9" s="71">
        <v>114</v>
      </c>
      <c r="JP9" s="72">
        <v>1078</v>
      </c>
      <c r="JQ9" s="73">
        <v>1373</v>
      </c>
      <c r="JR9" s="70">
        <v>0</v>
      </c>
      <c r="JS9" s="71">
        <v>0</v>
      </c>
      <c r="JT9" s="72">
        <v>0</v>
      </c>
      <c r="JU9" s="244"/>
      <c r="JV9" s="71">
        <v>0</v>
      </c>
      <c r="JW9" s="71">
        <v>0</v>
      </c>
      <c r="JX9" s="71">
        <v>0</v>
      </c>
      <c r="JY9" s="71">
        <v>0</v>
      </c>
      <c r="JZ9" s="71">
        <v>0</v>
      </c>
      <c r="KA9" s="72">
        <v>0</v>
      </c>
      <c r="KB9" s="73">
        <v>0</v>
      </c>
      <c r="KC9" s="70">
        <v>651</v>
      </c>
      <c r="KD9" s="71">
        <v>580</v>
      </c>
      <c r="KE9" s="72">
        <v>1231</v>
      </c>
      <c r="KF9" s="244"/>
      <c r="KG9" s="71">
        <v>1167</v>
      </c>
      <c r="KH9" s="71">
        <v>759</v>
      </c>
      <c r="KI9" s="71">
        <v>577</v>
      </c>
      <c r="KJ9" s="71">
        <v>531</v>
      </c>
      <c r="KK9" s="71">
        <v>353</v>
      </c>
      <c r="KL9" s="72">
        <v>3387</v>
      </c>
      <c r="KM9" s="73">
        <v>4618</v>
      </c>
    </row>
    <row r="10" spans="2:299" ht="21" customHeight="1" x14ac:dyDescent="0.2">
      <c r="B10" s="126" t="s">
        <v>14</v>
      </c>
      <c r="C10" s="315">
        <v>182</v>
      </c>
      <c r="D10" s="82">
        <v>192</v>
      </c>
      <c r="E10" s="83">
        <v>374</v>
      </c>
      <c r="F10" s="241"/>
      <c r="G10" s="82">
        <v>251</v>
      </c>
      <c r="H10" s="82">
        <v>255</v>
      </c>
      <c r="I10" s="82">
        <v>149</v>
      </c>
      <c r="J10" s="82">
        <v>137</v>
      </c>
      <c r="K10" s="82">
        <v>83</v>
      </c>
      <c r="L10" s="84">
        <v>875</v>
      </c>
      <c r="M10" s="85">
        <v>1249</v>
      </c>
      <c r="N10" s="70">
        <v>10</v>
      </c>
      <c r="O10" s="71">
        <v>7</v>
      </c>
      <c r="P10" s="72">
        <v>17</v>
      </c>
      <c r="Q10" s="244"/>
      <c r="R10" s="71">
        <v>4</v>
      </c>
      <c r="S10" s="71">
        <v>8</v>
      </c>
      <c r="T10" s="71">
        <v>5</v>
      </c>
      <c r="U10" s="71">
        <v>7</v>
      </c>
      <c r="V10" s="71">
        <v>9</v>
      </c>
      <c r="W10" s="72">
        <v>33</v>
      </c>
      <c r="X10" s="73">
        <v>50</v>
      </c>
      <c r="Y10" s="70">
        <v>14</v>
      </c>
      <c r="Z10" s="71">
        <v>24</v>
      </c>
      <c r="AA10" s="72">
        <v>38</v>
      </c>
      <c r="AB10" s="244"/>
      <c r="AC10" s="71">
        <v>17</v>
      </c>
      <c r="AD10" s="71">
        <v>21</v>
      </c>
      <c r="AE10" s="71">
        <v>18</v>
      </c>
      <c r="AF10" s="71">
        <v>12</v>
      </c>
      <c r="AG10" s="71">
        <v>7</v>
      </c>
      <c r="AH10" s="72">
        <v>75</v>
      </c>
      <c r="AI10" s="73">
        <v>113</v>
      </c>
      <c r="AJ10" s="70">
        <v>23</v>
      </c>
      <c r="AK10" s="71">
        <v>29</v>
      </c>
      <c r="AL10" s="72">
        <v>52</v>
      </c>
      <c r="AM10" s="244"/>
      <c r="AN10" s="71">
        <v>26</v>
      </c>
      <c r="AO10" s="71">
        <v>42</v>
      </c>
      <c r="AP10" s="71">
        <v>13</v>
      </c>
      <c r="AQ10" s="71">
        <v>21</v>
      </c>
      <c r="AR10" s="71">
        <v>17</v>
      </c>
      <c r="AS10" s="72">
        <v>119</v>
      </c>
      <c r="AT10" s="73">
        <v>171</v>
      </c>
      <c r="AU10" s="70">
        <v>42</v>
      </c>
      <c r="AV10" s="71">
        <v>36</v>
      </c>
      <c r="AW10" s="72">
        <v>78</v>
      </c>
      <c r="AX10" s="244"/>
      <c r="AY10" s="71">
        <v>68</v>
      </c>
      <c r="AZ10" s="71">
        <v>57</v>
      </c>
      <c r="BA10" s="71">
        <v>37</v>
      </c>
      <c r="BB10" s="71">
        <v>27</v>
      </c>
      <c r="BC10" s="71">
        <v>18</v>
      </c>
      <c r="BD10" s="72">
        <v>207</v>
      </c>
      <c r="BE10" s="73">
        <v>285</v>
      </c>
      <c r="BF10" s="70">
        <v>57</v>
      </c>
      <c r="BG10" s="71">
        <v>52</v>
      </c>
      <c r="BH10" s="72">
        <v>109</v>
      </c>
      <c r="BI10" s="244"/>
      <c r="BJ10" s="71">
        <v>75</v>
      </c>
      <c r="BK10" s="71">
        <v>68</v>
      </c>
      <c r="BL10" s="71">
        <v>46</v>
      </c>
      <c r="BM10" s="71">
        <v>39</v>
      </c>
      <c r="BN10" s="71">
        <v>15</v>
      </c>
      <c r="BO10" s="72">
        <v>243</v>
      </c>
      <c r="BP10" s="73">
        <v>352</v>
      </c>
      <c r="BQ10" s="70">
        <v>36</v>
      </c>
      <c r="BR10" s="71">
        <v>44</v>
      </c>
      <c r="BS10" s="72">
        <v>80</v>
      </c>
      <c r="BT10" s="244"/>
      <c r="BU10" s="71">
        <v>61</v>
      </c>
      <c r="BV10" s="71">
        <v>59</v>
      </c>
      <c r="BW10" s="71">
        <v>30</v>
      </c>
      <c r="BX10" s="71">
        <v>31</v>
      </c>
      <c r="BY10" s="71">
        <v>17</v>
      </c>
      <c r="BZ10" s="72">
        <v>198</v>
      </c>
      <c r="CA10" s="73">
        <v>278</v>
      </c>
      <c r="CB10" s="70">
        <v>0</v>
      </c>
      <c r="CC10" s="71">
        <v>0</v>
      </c>
      <c r="CD10" s="72">
        <v>0</v>
      </c>
      <c r="CE10" s="244"/>
      <c r="CF10" s="71">
        <v>0</v>
      </c>
      <c r="CG10" s="71">
        <v>0</v>
      </c>
      <c r="CH10" s="71">
        <v>0</v>
      </c>
      <c r="CI10" s="71">
        <v>0</v>
      </c>
      <c r="CJ10" s="71">
        <v>0</v>
      </c>
      <c r="CK10" s="72">
        <v>0</v>
      </c>
      <c r="CL10" s="73">
        <v>0</v>
      </c>
      <c r="CM10" s="70">
        <v>182</v>
      </c>
      <c r="CN10" s="71">
        <v>192</v>
      </c>
      <c r="CO10" s="72">
        <v>374</v>
      </c>
      <c r="CP10" s="244"/>
      <c r="CQ10" s="71">
        <v>251</v>
      </c>
      <c r="CR10" s="71">
        <v>255</v>
      </c>
      <c r="CS10" s="71">
        <v>149</v>
      </c>
      <c r="CT10" s="71">
        <v>137</v>
      </c>
      <c r="CU10" s="71">
        <v>83</v>
      </c>
      <c r="CV10" s="72">
        <v>875</v>
      </c>
      <c r="CW10" s="73">
        <v>1249</v>
      </c>
      <c r="CX10" s="123">
        <v>60</v>
      </c>
      <c r="CY10" s="82">
        <v>88</v>
      </c>
      <c r="CZ10" s="83">
        <v>148</v>
      </c>
      <c r="DA10" s="241"/>
      <c r="DB10" s="82">
        <v>96</v>
      </c>
      <c r="DC10" s="82">
        <v>110</v>
      </c>
      <c r="DD10" s="82">
        <v>80</v>
      </c>
      <c r="DE10" s="82">
        <v>66</v>
      </c>
      <c r="DF10" s="82">
        <v>49</v>
      </c>
      <c r="DG10" s="84">
        <v>401</v>
      </c>
      <c r="DH10" s="85">
        <v>549</v>
      </c>
      <c r="DI10" s="70">
        <v>1</v>
      </c>
      <c r="DJ10" s="71">
        <v>2</v>
      </c>
      <c r="DK10" s="72">
        <v>3</v>
      </c>
      <c r="DL10" s="244"/>
      <c r="DM10" s="71">
        <v>0</v>
      </c>
      <c r="DN10" s="71">
        <v>2</v>
      </c>
      <c r="DO10" s="71">
        <v>1</v>
      </c>
      <c r="DP10" s="71">
        <v>0</v>
      </c>
      <c r="DQ10" s="71">
        <v>2</v>
      </c>
      <c r="DR10" s="72">
        <v>5</v>
      </c>
      <c r="DS10" s="73">
        <v>8</v>
      </c>
      <c r="DT10" s="70">
        <v>10</v>
      </c>
      <c r="DU10" s="71">
        <v>4</v>
      </c>
      <c r="DV10" s="72">
        <v>14</v>
      </c>
      <c r="DW10" s="244"/>
      <c r="DX10" s="71">
        <v>6</v>
      </c>
      <c r="DY10" s="71">
        <v>6</v>
      </c>
      <c r="DZ10" s="71">
        <v>6</v>
      </c>
      <c r="EA10" s="71">
        <v>1</v>
      </c>
      <c r="EB10" s="71">
        <v>0</v>
      </c>
      <c r="EC10" s="72">
        <v>19</v>
      </c>
      <c r="ED10" s="73">
        <v>33</v>
      </c>
      <c r="EE10" s="70">
        <v>11</v>
      </c>
      <c r="EF10" s="71">
        <v>10</v>
      </c>
      <c r="EG10" s="72">
        <v>21</v>
      </c>
      <c r="EH10" s="244"/>
      <c r="EI10" s="71">
        <v>9</v>
      </c>
      <c r="EJ10" s="71">
        <v>12</v>
      </c>
      <c r="EK10" s="71">
        <v>9</v>
      </c>
      <c r="EL10" s="71">
        <v>5</v>
      </c>
      <c r="EM10" s="71">
        <v>6</v>
      </c>
      <c r="EN10" s="72">
        <v>41</v>
      </c>
      <c r="EO10" s="73">
        <v>62</v>
      </c>
      <c r="EP10" s="70">
        <v>17</v>
      </c>
      <c r="EQ10" s="71">
        <v>22</v>
      </c>
      <c r="ER10" s="72">
        <v>39</v>
      </c>
      <c r="ES10" s="244"/>
      <c r="ET10" s="71">
        <v>20</v>
      </c>
      <c r="EU10" s="71">
        <v>21</v>
      </c>
      <c r="EV10" s="71">
        <v>10</v>
      </c>
      <c r="EW10" s="71">
        <v>10</v>
      </c>
      <c r="EX10" s="71">
        <v>9</v>
      </c>
      <c r="EY10" s="72">
        <v>70</v>
      </c>
      <c r="EZ10" s="73">
        <v>109</v>
      </c>
      <c r="FA10" s="70">
        <v>11</v>
      </c>
      <c r="FB10" s="71">
        <v>31</v>
      </c>
      <c r="FC10" s="72">
        <v>42</v>
      </c>
      <c r="FD10" s="244"/>
      <c r="FE10" s="71">
        <v>26</v>
      </c>
      <c r="FF10" s="71">
        <v>29</v>
      </c>
      <c r="FG10" s="71">
        <v>17</v>
      </c>
      <c r="FH10" s="71">
        <v>16</v>
      </c>
      <c r="FI10" s="71">
        <v>8</v>
      </c>
      <c r="FJ10" s="72">
        <v>96</v>
      </c>
      <c r="FK10" s="73">
        <v>138</v>
      </c>
      <c r="FL10" s="70">
        <v>10</v>
      </c>
      <c r="FM10" s="71">
        <v>19</v>
      </c>
      <c r="FN10" s="72">
        <v>29</v>
      </c>
      <c r="FO10" s="244"/>
      <c r="FP10" s="71">
        <v>35</v>
      </c>
      <c r="FQ10" s="71">
        <v>40</v>
      </c>
      <c r="FR10" s="71">
        <v>37</v>
      </c>
      <c r="FS10" s="71">
        <v>34</v>
      </c>
      <c r="FT10" s="71">
        <v>24</v>
      </c>
      <c r="FU10" s="72">
        <v>170</v>
      </c>
      <c r="FV10" s="73">
        <v>199</v>
      </c>
      <c r="FW10" s="70">
        <v>0</v>
      </c>
      <c r="FX10" s="71">
        <v>0</v>
      </c>
      <c r="FY10" s="72">
        <v>0</v>
      </c>
      <c r="FZ10" s="244"/>
      <c r="GA10" s="71">
        <v>0</v>
      </c>
      <c r="GB10" s="71">
        <v>0</v>
      </c>
      <c r="GC10" s="71">
        <v>0</v>
      </c>
      <c r="GD10" s="71">
        <v>0</v>
      </c>
      <c r="GE10" s="71">
        <v>0</v>
      </c>
      <c r="GF10" s="72">
        <v>0</v>
      </c>
      <c r="GG10" s="73">
        <v>0</v>
      </c>
      <c r="GH10" s="70">
        <v>60</v>
      </c>
      <c r="GI10" s="71">
        <v>88</v>
      </c>
      <c r="GJ10" s="72">
        <v>148</v>
      </c>
      <c r="GK10" s="244"/>
      <c r="GL10" s="71">
        <v>96</v>
      </c>
      <c r="GM10" s="71">
        <v>110</v>
      </c>
      <c r="GN10" s="71">
        <v>80</v>
      </c>
      <c r="GO10" s="71">
        <v>66</v>
      </c>
      <c r="GP10" s="71">
        <v>49</v>
      </c>
      <c r="GQ10" s="72">
        <v>401</v>
      </c>
      <c r="GR10" s="73">
        <v>549</v>
      </c>
      <c r="GS10" s="123">
        <v>242</v>
      </c>
      <c r="GT10" s="82">
        <v>280</v>
      </c>
      <c r="GU10" s="83">
        <v>522</v>
      </c>
      <c r="GV10" s="241"/>
      <c r="GW10" s="82">
        <v>347</v>
      </c>
      <c r="GX10" s="82">
        <v>365</v>
      </c>
      <c r="GY10" s="82">
        <v>229</v>
      </c>
      <c r="GZ10" s="82">
        <v>203</v>
      </c>
      <c r="HA10" s="82">
        <v>132</v>
      </c>
      <c r="HB10" s="84">
        <v>1276</v>
      </c>
      <c r="HC10" s="85">
        <v>1798</v>
      </c>
      <c r="HD10" s="70">
        <v>11</v>
      </c>
      <c r="HE10" s="71">
        <v>9</v>
      </c>
      <c r="HF10" s="72">
        <v>20</v>
      </c>
      <c r="HG10" s="244"/>
      <c r="HH10" s="71">
        <v>4</v>
      </c>
      <c r="HI10" s="71">
        <v>10</v>
      </c>
      <c r="HJ10" s="71">
        <v>6</v>
      </c>
      <c r="HK10" s="71">
        <v>7</v>
      </c>
      <c r="HL10" s="71">
        <v>11</v>
      </c>
      <c r="HM10" s="72">
        <v>38</v>
      </c>
      <c r="HN10" s="73">
        <v>58</v>
      </c>
      <c r="HO10" s="70">
        <v>24</v>
      </c>
      <c r="HP10" s="71">
        <v>28</v>
      </c>
      <c r="HQ10" s="72">
        <v>52</v>
      </c>
      <c r="HR10" s="244"/>
      <c r="HS10" s="71">
        <v>23</v>
      </c>
      <c r="HT10" s="71">
        <v>27</v>
      </c>
      <c r="HU10" s="71">
        <v>24</v>
      </c>
      <c r="HV10" s="71">
        <v>13</v>
      </c>
      <c r="HW10" s="71">
        <v>7</v>
      </c>
      <c r="HX10" s="72">
        <v>94</v>
      </c>
      <c r="HY10" s="73">
        <v>146</v>
      </c>
      <c r="HZ10" s="70">
        <v>34</v>
      </c>
      <c r="IA10" s="71">
        <v>39</v>
      </c>
      <c r="IB10" s="72">
        <v>73</v>
      </c>
      <c r="IC10" s="244"/>
      <c r="ID10" s="71">
        <v>35</v>
      </c>
      <c r="IE10" s="71">
        <v>54</v>
      </c>
      <c r="IF10" s="71">
        <v>22</v>
      </c>
      <c r="IG10" s="71">
        <v>26</v>
      </c>
      <c r="IH10" s="71">
        <v>23</v>
      </c>
      <c r="II10" s="72">
        <v>160</v>
      </c>
      <c r="IJ10" s="73">
        <v>233</v>
      </c>
      <c r="IK10" s="70">
        <v>59</v>
      </c>
      <c r="IL10" s="71">
        <v>58</v>
      </c>
      <c r="IM10" s="72">
        <v>117</v>
      </c>
      <c r="IN10" s="244"/>
      <c r="IO10" s="71">
        <v>88</v>
      </c>
      <c r="IP10" s="71">
        <v>78</v>
      </c>
      <c r="IQ10" s="71">
        <v>47</v>
      </c>
      <c r="IR10" s="71">
        <v>37</v>
      </c>
      <c r="IS10" s="71">
        <v>27</v>
      </c>
      <c r="IT10" s="72">
        <v>277</v>
      </c>
      <c r="IU10" s="73">
        <v>394</v>
      </c>
      <c r="IV10" s="70">
        <v>68</v>
      </c>
      <c r="IW10" s="71">
        <v>83</v>
      </c>
      <c r="IX10" s="72">
        <v>151</v>
      </c>
      <c r="IY10" s="244"/>
      <c r="IZ10" s="71">
        <v>101</v>
      </c>
      <c r="JA10" s="71">
        <v>97</v>
      </c>
      <c r="JB10" s="71">
        <v>63</v>
      </c>
      <c r="JC10" s="71">
        <v>55</v>
      </c>
      <c r="JD10" s="71">
        <v>23</v>
      </c>
      <c r="JE10" s="72">
        <v>339</v>
      </c>
      <c r="JF10" s="73">
        <v>490</v>
      </c>
      <c r="JG10" s="70">
        <v>46</v>
      </c>
      <c r="JH10" s="71">
        <v>63</v>
      </c>
      <c r="JI10" s="72">
        <v>109</v>
      </c>
      <c r="JJ10" s="244"/>
      <c r="JK10" s="71">
        <v>96</v>
      </c>
      <c r="JL10" s="71">
        <v>99</v>
      </c>
      <c r="JM10" s="71">
        <v>67</v>
      </c>
      <c r="JN10" s="71">
        <v>65</v>
      </c>
      <c r="JO10" s="71">
        <v>41</v>
      </c>
      <c r="JP10" s="72">
        <v>368</v>
      </c>
      <c r="JQ10" s="73">
        <v>477</v>
      </c>
      <c r="JR10" s="70">
        <v>0</v>
      </c>
      <c r="JS10" s="71">
        <v>0</v>
      </c>
      <c r="JT10" s="72">
        <v>0</v>
      </c>
      <c r="JU10" s="244"/>
      <c r="JV10" s="71">
        <v>0</v>
      </c>
      <c r="JW10" s="71">
        <v>0</v>
      </c>
      <c r="JX10" s="71">
        <v>0</v>
      </c>
      <c r="JY10" s="71">
        <v>0</v>
      </c>
      <c r="JZ10" s="71">
        <v>0</v>
      </c>
      <c r="KA10" s="72">
        <v>0</v>
      </c>
      <c r="KB10" s="73">
        <v>0</v>
      </c>
      <c r="KC10" s="70">
        <v>242</v>
      </c>
      <c r="KD10" s="71">
        <v>280</v>
      </c>
      <c r="KE10" s="72">
        <v>522</v>
      </c>
      <c r="KF10" s="244"/>
      <c r="KG10" s="71">
        <v>347</v>
      </c>
      <c r="KH10" s="71">
        <v>365</v>
      </c>
      <c r="KI10" s="71">
        <v>229</v>
      </c>
      <c r="KJ10" s="71">
        <v>203</v>
      </c>
      <c r="KK10" s="71">
        <v>132</v>
      </c>
      <c r="KL10" s="72">
        <v>1276</v>
      </c>
      <c r="KM10" s="73">
        <v>1798</v>
      </c>
    </row>
    <row r="11" spans="2:299" ht="21" customHeight="1" x14ac:dyDescent="0.2">
      <c r="B11" s="126" t="s">
        <v>7</v>
      </c>
      <c r="C11" s="315">
        <v>107</v>
      </c>
      <c r="D11" s="82">
        <v>81</v>
      </c>
      <c r="E11" s="83">
        <v>188</v>
      </c>
      <c r="F11" s="241"/>
      <c r="G11" s="82">
        <v>240</v>
      </c>
      <c r="H11" s="82">
        <v>144</v>
      </c>
      <c r="I11" s="82">
        <v>79</v>
      </c>
      <c r="J11" s="82">
        <v>71</v>
      </c>
      <c r="K11" s="82">
        <v>42</v>
      </c>
      <c r="L11" s="84">
        <v>576</v>
      </c>
      <c r="M11" s="85">
        <v>764</v>
      </c>
      <c r="N11" s="70">
        <v>7</v>
      </c>
      <c r="O11" s="71">
        <v>1</v>
      </c>
      <c r="P11" s="72">
        <v>8</v>
      </c>
      <c r="Q11" s="244"/>
      <c r="R11" s="71">
        <v>3</v>
      </c>
      <c r="S11" s="71">
        <v>5</v>
      </c>
      <c r="T11" s="71">
        <v>4</v>
      </c>
      <c r="U11" s="71">
        <v>1</v>
      </c>
      <c r="V11" s="71">
        <v>2</v>
      </c>
      <c r="W11" s="72">
        <v>15</v>
      </c>
      <c r="X11" s="73">
        <v>23</v>
      </c>
      <c r="Y11" s="70">
        <v>8</v>
      </c>
      <c r="Z11" s="71">
        <v>6</v>
      </c>
      <c r="AA11" s="72">
        <v>14</v>
      </c>
      <c r="AB11" s="244"/>
      <c r="AC11" s="71">
        <v>24</v>
      </c>
      <c r="AD11" s="71">
        <v>12</v>
      </c>
      <c r="AE11" s="71">
        <v>9</v>
      </c>
      <c r="AF11" s="71">
        <v>8</v>
      </c>
      <c r="AG11" s="71">
        <v>3</v>
      </c>
      <c r="AH11" s="72">
        <v>56</v>
      </c>
      <c r="AI11" s="73">
        <v>70</v>
      </c>
      <c r="AJ11" s="70">
        <v>11</v>
      </c>
      <c r="AK11" s="71">
        <v>10</v>
      </c>
      <c r="AL11" s="72">
        <v>21</v>
      </c>
      <c r="AM11" s="244"/>
      <c r="AN11" s="71">
        <v>33</v>
      </c>
      <c r="AO11" s="71">
        <v>15</v>
      </c>
      <c r="AP11" s="71">
        <v>8</v>
      </c>
      <c r="AQ11" s="71">
        <v>10</v>
      </c>
      <c r="AR11" s="71">
        <v>6</v>
      </c>
      <c r="AS11" s="72">
        <v>72</v>
      </c>
      <c r="AT11" s="73">
        <v>93</v>
      </c>
      <c r="AU11" s="70">
        <v>29</v>
      </c>
      <c r="AV11" s="71">
        <v>16</v>
      </c>
      <c r="AW11" s="72">
        <v>45</v>
      </c>
      <c r="AX11" s="244"/>
      <c r="AY11" s="71">
        <v>59</v>
      </c>
      <c r="AZ11" s="71">
        <v>36</v>
      </c>
      <c r="BA11" s="71">
        <v>19</v>
      </c>
      <c r="BB11" s="71">
        <v>14</v>
      </c>
      <c r="BC11" s="71">
        <v>12</v>
      </c>
      <c r="BD11" s="72">
        <v>140</v>
      </c>
      <c r="BE11" s="73">
        <v>185</v>
      </c>
      <c r="BF11" s="70">
        <v>31</v>
      </c>
      <c r="BG11" s="71">
        <v>28</v>
      </c>
      <c r="BH11" s="72">
        <v>59</v>
      </c>
      <c r="BI11" s="244"/>
      <c r="BJ11" s="71">
        <v>56</v>
      </c>
      <c r="BK11" s="71">
        <v>42</v>
      </c>
      <c r="BL11" s="71">
        <v>21</v>
      </c>
      <c r="BM11" s="71">
        <v>15</v>
      </c>
      <c r="BN11" s="71">
        <v>13</v>
      </c>
      <c r="BO11" s="72">
        <v>147</v>
      </c>
      <c r="BP11" s="73">
        <v>206</v>
      </c>
      <c r="BQ11" s="70">
        <v>21</v>
      </c>
      <c r="BR11" s="71">
        <v>20</v>
      </c>
      <c r="BS11" s="72">
        <v>41</v>
      </c>
      <c r="BT11" s="244"/>
      <c r="BU11" s="71">
        <v>65</v>
      </c>
      <c r="BV11" s="71">
        <v>34</v>
      </c>
      <c r="BW11" s="71">
        <v>18</v>
      </c>
      <c r="BX11" s="71">
        <v>23</v>
      </c>
      <c r="BY11" s="71">
        <v>6</v>
      </c>
      <c r="BZ11" s="72">
        <v>146</v>
      </c>
      <c r="CA11" s="73">
        <v>187</v>
      </c>
      <c r="CB11" s="70">
        <v>0</v>
      </c>
      <c r="CC11" s="71">
        <v>0</v>
      </c>
      <c r="CD11" s="72">
        <v>0</v>
      </c>
      <c r="CE11" s="244"/>
      <c r="CF11" s="71">
        <v>0</v>
      </c>
      <c r="CG11" s="71">
        <v>0</v>
      </c>
      <c r="CH11" s="71">
        <v>0</v>
      </c>
      <c r="CI11" s="71">
        <v>0</v>
      </c>
      <c r="CJ11" s="71">
        <v>0</v>
      </c>
      <c r="CK11" s="72">
        <v>0</v>
      </c>
      <c r="CL11" s="73">
        <v>0</v>
      </c>
      <c r="CM11" s="70">
        <v>107</v>
      </c>
      <c r="CN11" s="71">
        <v>81</v>
      </c>
      <c r="CO11" s="72">
        <v>188</v>
      </c>
      <c r="CP11" s="244"/>
      <c r="CQ11" s="71">
        <v>240</v>
      </c>
      <c r="CR11" s="71">
        <v>144</v>
      </c>
      <c r="CS11" s="71">
        <v>79</v>
      </c>
      <c r="CT11" s="71">
        <v>71</v>
      </c>
      <c r="CU11" s="71">
        <v>42</v>
      </c>
      <c r="CV11" s="72">
        <v>576</v>
      </c>
      <c r="CW11" s="73">
        <v>764</v>
      </c>
      <c r="CX11" s="123">
        <v>35</v>
      </c>
      <c r="CY11" s="82">
        <v>40</v>
      </c>
      <c r="CZ11" s="83">
        <v>75</v>
      </c>
      <c r="DA11" s="241"/>
      <c r="DB11" s="82">
        <v>67</v>
      </c>
      <c r="DC11" s="82">
        <v>37</v>
      </c>
      <c r="DD11" s="82">
        <v>32</v>
      </c>
      <c r="DE11" s="82">
        <v>29</v>
      </c>
      <c r="DF11" s="82">
        <v>16</v>
      </c>
      <c r="DG11" s="84">
        <v>181</v>
      </c>
      <c r="DH11" s="85">
        <v>256</v>
      </c>
      <c r="DI11" s="70">
        <v>0</v>
      </c>
      <c r="DJ11" s="71">
        <v>0</v>
      </c>
      <c r="DK11" s="72">
        <v>0</v>
      </c>
      <c r="DL11" s="244"/>
      <c r="DM11" s="71">
        <v>1</v>
      </c>
      <c r="DN11" s="71">
        <v>0</v>
      </c>
      <c r="DO11" s="71">
        <v>4</v>
      </c>
      <c r="DP11" s="71">
        <v>0</v>
      </c>
      <c r="DQ11" s="71">
        <v>1</v>
      </c>
      <c r="DR11" s="72">
        <v>6</v>
      </c>
      <c r="DS11" s="73">
        <v>6</v>
      </c>
      <c r="DT11" s="70">
        <v>0</v>
      </c>
      <c r="DU11" s="71">
        <v>1</v>
      </c>
      <c r="DV11" s="72">
        <v>1</v>
      </c>
      <c r="DW11" s="244"/>
      <c r="DX11" s="71">
        <v>7</v>
      </c>
      <c r="DY11" s="71">
        <v>5</v>
      </c>
      <c r="DZ11" s="71">
        <v>2</v>
      </c>
      <c r="EA11" s="71">
        <v>3</v>
      </c>
      <c r="EB11" s="71">
        <v>1</v>
      </c>
      <c r="EC11" s="72">
        <v>18</v>
      </c>
      <c r="ED11" s="73">
        <v>19</v>
      </c>
      <c r="EE11" s="70">
        <v>3</v>
      </c>
      <c r="EF11" s="71">
        <v>4</v>
      </c>
      <c r="EG11" s="72">
        <v>7</v>
      </c>
      <c r="EH11" s="244"/>
      <c r="EI11" s="71">
        <v>6</v>
      </c>
      <c r="EJ11" s="71">
        <v>5</v>
      </c>
      <c r="EK11" s="71">
        <v>4</v>
      </c>
      <c r="EL11" s="71">
        <v>6</v>
      </c>
      <c r="EM11" s="71">
        <v>2</v>
      </c>
      <c r="EN11" s="72">
        <v>23</v>
      </c>
      <c r="EO11" s="73">
        <v>30</v>
      </c>
      <c r="EP11" s="70">
        <v>15</v>
      </c>
      <c r="EQ11" s="71">
        <v>10</v>
      </c>
      <c r="ER11" s="72">
        <v>25</v>
      </c>
      <c r="ES11" s="244"/>
      <c r="ET11" s="71">
        <v>18</v>
      </c>
      <c r="EU11" s="71">
        <v>8</v>
      </c>
      <c r="EV11" s="71">
        <v>4</v>
      </c>
      <c r="EW11" s="71">
        <v>1</v>
      </c>
      <c r="EX11" s="71">
        <v>2</v>
      </c>
      <c r="EY11" s="72">
        <v>33</v>
      </c>
      <c r="EZ11" s="73">
        <v>58</v>
      </c>
      <c r="FA11" s="70">
        <v>11</v>
      </c>
      <c r="FB11" s="71">
        <v>17</v>
      </c>
      <c r="FC11" s="72">
        <v>28</v>
      </c>
      <c r="FD11" s="244"/>
      <c r="FE11" s="71">
        <v>20</v>
      </c>
      <c r="FF11" s="71">
        <v>4</v>
      </c>
      <c r="FG11" s="71">
        <v>5</v>
      </c>
      <c r="FH11" s="71">
        <v>5</v>
      </c>
      <c r="FI11" s="71">
        <v>6</v>
      </c>
      <c r="FJ11" s="72">
        <v>40</v>
      </c>
      <c r="FK11" s="73">
        <v>68</v>
      </c>
      <c r="FL11" s="70">
        <v>6</v>
      </c>
      <c r="FM11" s="71">
        <v>8</v>
      </c>
      <c r="FN11" s="72">
        <v>14</v>
      </c>
      <c r="FO11" s="244"/>
      <c r="FP11" s="71">
        <v>15</v>
      </c>
      <c r="FQ11" s="71">
        <v>15</v>
      </c>
      <c r="FR11" s="71">
        <v>13</v>
      </c>
      <c r="FS11" s="71">
        <v>14</v>
      </c>
      <c r="FT11" s="71">
        <v>4</v>
      </c>
      <c r="FU11" s="72">
        <v>61</v>
      </c>
      <c r="FV11" s="73">
        <v>75</v>
      </c>
      <c r="FW11" s="70">
        <v>0</v>
      </c>
      <c r="FX11" s="71">
        <v>0</v>
      </c>
      <c r="FY11" s="72">
        <v>0</v>
      </c>
      <c r="FZ11" s="244"/>
      <c r="GA11" s="71">
        <v>0</v>
      </c>
      <c r="GB11" s="71">
        <v>0</v>
      </c>
      <c r="GC11" s="71">
        <v>0</v>
      </c>
      <c r="GD11" s="71">
        <v>0</v>
      </c>
      <c r="GE11" s="71">
        <v>0</v>
      </c>
      <c r="GF11" s="72">
        <v>0</v>
      </c>
      <c r="GG11" s="73">
        <v>0</v>
      </c>
      <c r="GH11" s="70">
        <v>35</v>
      </c>
      <c r="GI11" s="71">
        <v>40</v>
      </c>
      <c r="GJ11" s="72">
        <v>75</v>
      </c>
      <c r="GK11" s="244"/>
      <c r="GL11" s="71">
        <v>67</v>
      </c>
      <c r="GM11" s="71">
        <v>37</v>
      </c>
      <c r="GN11" s="71">
        <v>32</v>
      </c>
      <c r="GO11" s="71">
        <v>29</v>
      </c>
      <c r="GP11" s="71">
        <v>16</v>
      </c>
      <c r="GQ11" s="72">
        <v>181</v>
      </c>
      <c r="GR11" s="73">
        <v>256</v>
      </c>
      <c r="GS11" s="123">
        <v>142</v>
      </c>
      <c r="GT11" s="82">
        <v>121</v>
      </c>
      <c r="GU11" s="83">
        <v>263</v>
      </c>
      <c r="GV11" s="241"/>
      <c r="GW11" s="82">
        <v>307</v>
      </c>
      <c r="GX11" s="82">
        <v>181</v>
      </c>
      <c r="GY11" s="82">
        <v>111</v>
      </c>
      <c r="GZ11" s="82">
        <v>100</v>
      </c>
      <c r="HA11" s="82">
        <v>58</v>
      </c>
      <c r="HB11" s="84">
        <v>757</v>
      </c>
      <c r="HC11" s="85">
        <v>1020</v>
      </c>
      <c r="HD11" s="70">
        <v>7</v>
      </c>
      <c r="HE11" s="71">
        <v>1</v>
      </c>
      <c r="HF11" s="72">
        <v>8</v>
      </c>
      <c r="HG11" s="244"/>
      <c r="HH11" s="71">
        <v>4</v>
      </c>
      <c r="HI11" s="71">
        <v>5</v>
      </c>
      <c r="HJ11" s="71">
        <v>8</v>
      </c>
      <c r="HK11" s="71">
        <v>1</v>
      </c>
      <c r="HL11" s="71">
        <v>3</v>
      </c>
      <c r="HM11" s="72">
        <v>21</v>
      </c>
      <c r="HN11" s="73">
        <v>29</v>
      </c>
      <c r="HO11" s="70">
        <v>8</v>
      </c>
      <c r="HP11" s="71">
        <v>7</v>
      </c>
      <c r="HQ11" s="72">
        <v>15</v>
      </c>
      <c r="HR11" s="244"/>
      <c r="HS11" s="71">
        <v>31</v>
      </c>
      <c r="HT11" s="71">
        <v>17</v>
      </c>
      <c r="HU11" s="71">
        <v>11</v>
      </c>
      <c r="HV11" s="71">
        <v>11</v>
      </c>
      <c r="HW11" s="71">
        <v>4</v>
      </c>
      <c r="HX11" s="72">
        <v>74</v>
      </c>
      <c r="HY11" s="73">
        <v>89</v>
      </c>
      <c r="HZ11" s="70">
        <v>14</v>
      </c>
      <c r="IA11" s="71">
        <v>14</v>
      </c>
      <c r="IB11" s="72">
        <v>28</v>
      </c>
      <c r="IC11" s="244"/>
      <c r="ID11" s="71">
        <v>39</v>
      </c>
      <c r="IE11" s="71">
        <v>20</v>
      </c>
      <c r="IF11" s="71">
        <v>12</v>
      </c>
      <c r="IG11" s="71">
        <v>16</v>
      </c>
      <c r="IH11" s="71">
        <v>8</v>
      </c>
      <c r="II11" s="72">
        <v>95</v>
      </c>
      <c r="IJ11" s="73">
        <v>123</v>
      </c>
      <c r="IK11" s="70">
        <v>44</v>
      </c>
      <c r="IL11" s="71">
        <v>26</v>
      </c>
      <c r="IM11" s="72">
        <v>70</v>
      </c>
      <c r="IN11" s="244"/>
      <c r="IO11" s="71">
        <v>77</v>
      </c>
      <c r="IP11" s="71">
        <v>44</v>
      </c>
      <c r="IQ11" s="71">
        <v>23</v>
      </c>
      <c r="IR11" s="71">
        <v>15</v>
      </c>
      <c r="IS11" s="71">
        <v>14</v>
      </c>
      <c r="IT11" s="72">
        <v>173</v>
      </c>
      <c r="IU11" s="73">
        <v>243</v>
      </c>
      <c r="IV11" s="70">
        <v>42</v>
      </c>
      <c r="IW11" s="71">
        <v>45</v>
      </c>
      <c r="IX11" s="72">
        <v>87</v>
      </c>
      <c r="IY11" s="244"/>
      <c r="IZ11" s="71">
        <v>76</v>
      </c>
      <c r="JA11" s="71">
        <v>46</v>
      </c>
      <c r="JB11" s="71">
        <v>26</v>
      </c>
      <c r="JC11" s="71">
        <v>20</v>
      </c>
      <c r="JD11" s="71">
        <v>19</v>
      </c>
      <c r="JE11" s="72">
        <v>187</v>
      </c>
      <c r="JF11" s="73">
        <v>274</v>
      </c>
      <c r="JG11" s="70">
        <v>27</v>
      </c>
      <c r="JH11" s="71">
        <v>28</v>
      </c>
      <c r="JI11" s="72">
        <v>55</v>
      </c>
      <c r="JJ11" s="244"/>
      <c r="JK11" s="71">
        <v>80</v>
      </c>
      <c r="JL11" s="71">
        <v>49</v>
      </c>
      <c r="JM11" s="71">
        <v>31</v>
      </c>
      <c r="JN11" s="71">
        <v>37</v>
      </c>
      <c r="JO11" s="71">
        <v>10</v>
      </c>
      <c r="JP11" s="72">
        <v>207</v>
      </c>
      <c r="JQ11" s="73">
        <v>262</v>
      </c>
      <c r="JR11" s="70">
        <v>0</v>
      </c>
      <c r="JS11" s="71">
        <v>0</v>
      </c>
      <c r="JT11" s="72">
        <v>0</v>
      </c>
      <c r="JU11" s="244"/>
      <c r="JV11" s="71">
        <v>0</v>
      </c>
      <c r="JW11" s="71">
        <v>0</v>
      </c>
      <c r="JX11" s="71">
        <v>0</v>
      </c>
      <c r="JY11" s="71">
        <v>0</v>
      </c>
      <c r="JZ11" s="71">
        <v>0</v>
      </c>
      <c r="KA11" s="72">
        <v>0</v>
      </c>
      <c r="KB11" s="73">
        <v>0</v>
      </c>
      <c r="KC11" s="70">
        <v>142</v>
      </c>
      <c r="KD11" s="71">
        <v>121</v>
      </c>
      <c r="KE11" s="72">
        <v>263</v>
      </c>
      <c r="KF11" s="244"/>
      <c r="KG11" s="71">
        <v>307</v>
      </c>
      <c r="KH11" s="71">
        <v>181</v>
      </c>
      <c r="KI11" s="71">
        <v>111</v>
      </c>
      <c r="KJ11" s="71">
        <v>100</v>
      </c>
      <c r="KK11" s="71">
        <v>58</v>
      </c>
      <c r="KL11" s="72">
        <v>757</v>
      </c>
      <c r="KM11" s="73">
        <v>1020</v>
      </c>
    </row>
    <row r="12" spans="2:299" ht="21" customHeight="1" x14ac:dyDescent="0.2">
      <c r="B12" s="126" t="s">
        <v>8</v>
      </c>
      <c r="C12" s="315">
        <v>48</v>
      </c>
      <c r="D12" s="82">
        <v>31</v>
      </c>
      <c r="E12" s="83">
        <v>79</v>
      </c>
      <c r="F12" s="241"/>
      <c r="G12" s="82">
        <v>104</v>
      </c>
      <c r="H12" s="82">
        <v>80</v>
      </c>
      <c r="I12" s="82">
        <v>47</v>
      </c>
      <c r="J12" s="82">
        <v>54</v>
      </c>
      <c r="K12" s="82">
        <v>25</v>
      </c>
      <c r="L12" s="84">
        <v>310</v>
      </c>
      <c r="M12" s="85">
        <v>389</v>
      </c>
      <c r="N12" s="70">
        <v>3</v>
      </c>
      <c r="O12" s="71">
        <v>3</v>
      </c>
      <c r="P12" s="72">
        <v>6</v>
      </c>
      <c r="Q12" s="244"/>
      <c r="R12" s="71">
        <v>3</v>
      </c>
      <c r="S12" s="71">
        <v>2</v>
      </c>
      <c r="T12" s="71">
        <v>0</v>
      </c>
      <c r="U12" s="71">
        <v>2</v>
      </c>
      <c r="V12" s="71">
        <v>3</v>
      </c>
      <c r="W12" s="72">
        <v>10</v>
      </c>
      <c r="X12" s="73">
        <v>16</v>
      </c>
      <c r="Y12" s="70">
        <v>6</v>
      </c>
      <c r="Z12" s="71">
        <v>2</v>
      </c>
      <c r="AA12" s="72">
        <v>8</v>
      </c>
      <c r="AB12" s="244"/>
      <c r="AC12" s="71">
        <v>6</v>
      </c>
      <c r="AD12" s="71">
        <v>10</v>
      </c>
      <c r="AE12" s="71">
        <v>7</v>
      </c>
      <c r="AF12" s="71">
        <v>5</v>
      </c>
      <c r="AG12" s="71">
        <v>4</v>
      </c>
      <c r="AH12" s="72">
        <v>32</v>
      </c>
      <c r="AI12" s="73">
        <v>40</v>
      </c>
      <c r="AJ12" s="70">
        <v>4</v>
      </c>
      <c r="AK12" s="71">
        <v>3</v>
      </c>
      <c r="AL12" s="72">
        <v>7</v>
      </c>
      <c r="AM12" s="244"/>
      <c r="AN12" s="71">
        <v>14</v>
      </c>
      <c r="AO12" s="71">
        <v>11</v>
      </c>
      <c r="AP12" s="71">
        <v>7</v>
      </c>
      <c r="AQ12" s="71">
        <v>6</v>
      </c>
      <c r="AR12" s="71">
        <v>5</v>
      </c>
      <c r="AS12" s="72">
        <v>43</v>
      </c>
      <c r="AT12" s="73">
        <v>50</v>
      </c>
      <c r="AU12" s="70">
        <v>7</v>
      </c>
      <c r="AV12" s="71">
        <v>8</v>
      </c>
      <c r="AW12" s="72">
        <v>15</v>
      </c>
      <c r="AX12" s="244"/>
      <c r="AY12" s="71">
        <v>23</v>
      </c>
      <c r="AZ12" s="71">
        <v>14</v>
      </c>
      <c r="BA12" s="71">
        <v>6</v>
      </c>
      <c r="BB12" s="71">
        <v>10</v>
      </c>
      <c r="BC12" s="71">
        <v>2</v>
      </c>
      <c r="BD12" s="72">
        <v>55</v>
      </c>
      <c r="BE12" s="73">
        <v>70</v>
      </c>
      <c r="BF12" s="70">
        <v>12</v>
      </c>
      <c r="BG12" s="71">
        <v>3</v>
      </c>
      <c r="BH12" s="72">
        <v>15</v>
      </c>
      <c r="BI12" s="244"/>
      <c r="BJ12" s="71">
        <v>34</v>
      </c>
      <c r="BK12" s="71">
        <v>19</v>
      </c>
      <c r="BL12" s="71">
        <v>12</v>
      </c>
      <c r="BM12" s="71">
        <v>16</v>
      </c>
      <c r="BN12" s="71">
        <v>4</v>
      </c>
      <c r="BO12" s="72">
        <v>85</v>
      </c>
      <c r="BP12" s="73">
        <v>100</v>
      </c>
      <c r="BQ12" s="70">
        <v>16</v>
      </c>
      <c r="BR12" s="71">
        <v>12</v>
      </c>
      <c r="BS12" s="72">
        <v>28</v>
      </c>
      <c r="BT12" s="244"/>
      <c r="BU12" s="71">
        <v>24</v>
      </c>
      <c r="BV12" s="71">
        <v>24</v>
      </c>
      <c r="BW12" s="71">
        <v>15</v>
      </c>
      <c r="BX12" s="71">
        <v>15</v>
      </c>
      <c r="BY12" s="71">
        <v>7</v>
      </c>
      <c r="BZ12" s="72">
        <v>85</v>
      </c>
      <c r="CA12" s="73">
        <v>113</v>
      </c>
      <c r="CB12" s="70">
        <v>0</v>
      </c>
      <c r="CC12" s="71">
        <v>0</v>
      </c>
      <c r="CD12" s="72">
        <v>0</v>
      </c>
      <c r="CE12" s="244"/>
      <c r="CF12" s="71">
        <v>0</v>
      </c>
      <c r="CG12" s="71">
        <v>0</v>
      </c>
      <c r="CH12" s="71">
        <v>0</v>
      </c>
      <c r="CI12" s="71">
        <v>0</v>
      </c>
      <c r="CJ12" s="71">
        <v>0</v>
      </c>
      <c r="CK12" s="72">
        <v>0</v>
      </c>
      <c r="CL12" s="73">
        <v>0</v>
      </c>
      <c r="CM12" s="70">
        <v>48</v>
      </c>
      <c r="CN12" s="71">
        <v>31</v>
      </c>
      <c r="CO12" s="72">
        <v>79</v>
      </c>
      <c r="CP12" s="244"/>
      <c r="CQ12" s="71">
        <v>104</v>
      </c>
      <c r="CR12" s="71">
        <v>80</v>
      </c>
      <c r="CS12" s="71">
        <v>47</v>
      </c>
      <c r="CT12" s="71">
        <v>54</v>
      </c>
      <c r="CU12" s="71">
        <v>25</v>
      </c>
      <c r="CV12" s="72">
        <v>310</v>
      </c>
      <c r="CW12" s="73">
        <v>389</v>
      </c>
      <c r="CX12" s="123">
        <v>23</v>
      </c>
      <c r="CY12" s="82">
        <v>22</v>
      </c>
      <c r="CZ12" s="83">
        <v>45</v>
      </c>
      <c r="DA12" s="241"/>
      <c r="DB12" s="82">
        <v>45</v>
      </c>
      <c r="DC12" s="82">
        <v>35</v>
      </c>
      <c r="DD12" s="82">
        <v>17</v>
      </c>
      <c r="DE12" s="82">
        <v>22</v>
      </c>
      <c r="DF12" s="82">
        <v>15</v>
      </c>
      <c r="DG12" s="84">
        <v>134</v>
      </c>
      <c r="DH12" s="85">
        <v>179</v>
      </c>
      <c r="DI12" s="70">
        <v>1</v>
      </c>
      <c r="DJ12" s="71">
        <v>0</v>
      </c>
      <c r="DK12" s="72">
        <v>1</v>
      </c>
      <c r="DL12" s="244"/>
      <c r="DM12" s="71">
        <v>1</v>
      </c>
      <c r="DN12" s="71">
        <v>1</v>
      </c>
      <c r="DO12" s="71">
        <v>0</v>
      </c>
      <c r="DP12" s="71">
        <v>2</v>
      </c>
      <c r="DQ12" s="71">
        <v>0</v>
      </c>
      <c r="DR12" s="72">
        <v>4</v>
      </c>
      <c r="DS12" s="73">
        <v>5</v>
      </c>
      <c r="DT12" s="70">
        <v>3</v>
      </c>
      <c r="DU12" s="71">
        <v>2</v>
      </c>
      <c r="DV12" s="72">
        <v>5</v>
      </c>
      <c r="DW12" s="244"/>
      <c r="DX12" s="71">
        <v>4</v>
      </c>
      <c r="DY12" s="71">
        <v>0</v>
      </c>
      <c r="DZ12" s="71">
        <v>2</v>
      </c>
      <c r="EA12" s="71">
        <v>1</v>
      </c>
      <c r="EB12" s="71">
        <v>0</v>
      </c>
      <c r="EC12" s="72">
        <v>7</v>
      </c>
      <c r="ED12" s="73">
        <v>12</v>
      </c>
      <c r="EE12" s="70">
        <v>4</v>
      </c>
      <c r="EF12" s="71">
        <v>5</v>
      </c>
      <c r="EG12" s="72">
        <v>9</v>
      </c>
      <c r="EH12" s="244"/>
      <c r="EI12" s="71">
        <v>6</v>
      </c>
      <c r="EJ12" s="71">
        <v>3</v>
      </c>
      <c r="EK12" s="71">
        <v>2</v>
      </c>
      <c r="EL12" s="71">
        <v>1</v>
      </c>
      <c r="EM12" s="71">
        <v>1</v>
      </c>
      <c r="EN12" s="72">
        <v>13</v>
      </c>
      <c r="EO12" s="73">
        <v>22</v>
      </c>
      <c r="EP12" s="70">
        <v>6</v>
      </c>
      <c r="EQ12" s="71">
        <v>7</v>
      </c>
      <c r="ER12" s="72">
        <v>13</v>
      </c>
      <c r="ES12" s="244"/>
      <c r="ET12" s="71">
        <v>4</v>
      </c>
      <c r="EU12" s="71">
        <v>6</v>
      </c>
      <c r="EV12" s="71">
        <v>2</v>
      </c>
      <c r="EW12" s="71">
        <v>6</v>
      </c>
      <c r="EX12" s="71">
        <v>3</v>
      </c>
      <c r="EY12" s="72">
        <v>21</v>
      </c>
      <c r="EZ12" s="73">
        <v>34</v>
      </c>
      <c r="FA12" s="70">
        <v>6</v>
      </c>
      <c r="FB12" s="71">
        <v>2</v>
      </c>
      <c r="FC12" s="72">
        <v>8</v>
      </c>
      <c r="FD12" s="244"/>
      <c r="FE12" s="71">
        <v>17</v>
      </c>
      <c r="FF12" s="71">
        <v>13</v>
      </c>
      <c r="FG12" s="71">
        <v>4</v>
      </c>
      <c r="FH12" s="71">
        <v>3</v>
      </c>
      <c r="FI12" s="71">
        <v>3</v>
      </c>
      <c r="FJ12" s="72">
        <v>40</v>
      </c>
      <c r="FK12" s="73">
        <v>48</v>
      </c>
      <c r="FL12" s="70">
        <v>3</v>
      </c>
      <c r="FM12" s="71">
        <v>6</v>
      </c>
      <c r="FN12" s="72">
        <v>9</v>
      </c>
      <c r="FO12" s="244"/>
      <c r="FP12" s="71">
        <v>13</v>
      </c>
      <c r="FQ12" s="71">
        <v>12</v>
      </c>
      <c r="FR12" s="71">
        <v>7</v>
      </c>
      <c r="FS12" s="71">
        <v>9</v>
      </c>
      <c r="FT12" s="71">
        <v>8</v>
      </c>
      <c r="FU12" s="72">
        <v>49</v>
      </c>
      <c r="FV12" s="73">
        <v>58</v>
      </c>
      <c r="FW12" s="70">
        <v>0</v>
      </c>
      <c r="FX12" s="71">
        <v>0</v>
      </c>
      <c r="FY12" s="72">
        <v>0</v>
      </c>
      <c r="FZ12" s="244"/>
      <c r="GA12" s="71">
        <v>0</v>
      </c>
      <c r="GB12" s="71">
        <v>0</v>
      </c>
      <c r="GC12" s="71">
        <v>0</v>
      </c>
      <c r="GD12" s="71">
        <v>0</v>
      </c>
      <c r="GE12" s="71">
        <v>0</v>
      </c>
      <c r="GF12" s="72">
        <v>0</v>
      </c>
      <c r="GG12" s="73">
        <v>0</v>
      </c>
      <c r="GH12" s="70">
        <v>23</v>
      </c>
      <c r="GI12" s="71">
        <v>22</v>
      </c>
      <c r="GJ12" s="72">
        <v>45</v>
      </c>
      <c r="GK12" s="244"/>
      <c r="GL12" s="71">
        <v>45</v>
      </c>
      <c r="GM12" s="71">
        <v>35</v>
      </c>
      <c r="GN12" s="71">
        <v>17</v>
      </c>
      <c r="GO12" s="71">
        <v>22</v>
      </c>
      <c r="GP12" s="71">
        <v>15</v>
      </c>
      <c r="GQ12" s="72">
        <v>134</v>
      </c>
      <c r="GR12" s="73">
        <v>179</v>
      </c>
      <c r="GS12" s="123">
        <v>71</v>
      </c>
      <c r="GT12" s="82">
        <v>53</v>
      </c>
      <c r="GU12" s="83">
        <v>124</v>
      </c>
      <c r="GV12" s="241"/>
      <c r="GW12" s="82">
        <v>149</v>
      </c>
      <c r="GX12" s="82">
        <v>115</v>
      </c>
      <c r="GY12" s="82">
        <v>64</v>
      </c>
      <c r="GZ12" s="82">
        <v>76</v>
      </c>
      <c r="HA12" s="82">
        <v>40</v>
      </c>
      <c r="HB12" s="84">
        <v>444</v>
      </c>
      <c r="HC12" s="85">
        <v>568</v>
      </c>
      <c r="HD12" s="70">
        <v>4</v>
      </c>
      <c r="HE12" s="71">
        <v>3</v>
      </c>
      <c r="HF12" s="72">
        <v>7</v>
      </c>
      <c r="HG12" s="244"/>
      <c r="HH12" s="71">
        <v>4</v>
      </c>
      <c r="HI12" s="71">
        <v>3</v>
      </c>
      <c r="HJ12" s="71">
        <v>0</v>
      </c>
      <c r="HK12" s="71">
        <v>4</v>
      </c>
      <c r="HL12" s="71">
        <v>3</v>
      </c>
      <c r="HM12" s="72">
        <v>14</v>
      </c>
      <c r="HN12" s="73">
        <v>21</v>
      </c>
      <c r="HO12" s="70">
        <v>9</v>
      </c>
      <c r="HP12" s="71">
        <v>4</v>
      </c>
      <c r="HQ12" s="72">
        <v>13</v>
      </c>
      <c r="HR12" s="244"/>
      <c r="HS12" s="71">
        <v>10</v>
      </c>
      <c r="HT12" s="71">
        <v>10</v>
      </c>
      <c r="HU12" s="71">
        <v>9</v>
      </c>
      <c r="HV12" s="71">
        <v>6</v>
      </c>
      <c r="HW12" s="71">
        <v>4</v>
      </c>
      <c r="HX12" s="72">
        <v>39</v>
      </c>
      <c r="HY12" s="73">
        <v>52</v>
      </c>
      <c r="HZ12" s="70">
        <v>8</v>
      </c>
      <c r="IA12" s="71">
        <v>8</v>
      </c>
      <c r="IB12" s="72">
        <v>16</v>
      </c>
      <c r="IC12" s="244"/>
      <c r="ID12" s="71">
        <v>20</v>
      </c>
      <c r="IE12" s="71">
        <v>14</v>
      </c>
      <c r="IF12" s="71">
        <v>9</v>
      </c>
      <c r="IG12" s="71">
        <v>7</v>
      </c>
      <c r="IH12" s="71">
        <v>6</v>
      </c>
      <c r="II12" s="72">
        <v>56</v>
      </c>
      <c r="IJ12" s="73">
        <v>72</v>
      </c>
      <c r="IK12" s="70">
        <v>13</v>
      </c>
      <c r="IL12" s="71">
        <v>15</v>
      </c>
      <c r="IM12" s="72">
        <v>28</v>
      </c>
      <c r="IN12" s="244"/>
      <c r="IO12" s="71">
        <v>27</v>
      </c>
      <c r="IP12" s="71">
        <v>20</v>
      </c>
      <c r="IQ12" s="71">
        <v>8</v>
      </c>
      <c r="IR12" s="71">
        <v>16</v>
      </c>
      <c r="IS12" s="71">
        <v>5</v>
      </c>
      <c r="IT12" s="72">
        <v>76</v>
      </c>
      <c r="IU12" s="73">
        <v>104</v>
      </c>
      <c r="IV12" s="70">
        <v>18</v>
      </c>
      <c r="IW12" s="71">
        <v>5</v>
      </c>
      <c r="IX12" s="72">
        <v>23</v>
      </c>
      <c r="IY12" s="244"/>
      <c r="IZ12" s="71">
        <v>51</v>
      </c>
      <c r="JA12" s="71">
        <v>32</v>
      </c>
      <c r="JB12" s="71">
        <v>16</v>
      </c>
      <c r="JC12" s="71">
        <v>19</v>
      </c>
      <c r="JD12" s="71">
        <v>7</v>
      </c>
      <c r="JE12" s="72">
        <v>125</v>
      </c>
      <c r="JF12" s="73">
        <v>148</v>
      </c>
      <c r="JG12" s="70">
        <v>19</v>
      </c>
      <c r="JH12" s="71">
        <v>18</v>
      </c>
      <c r="JI12" s="72">
        <v>37</v>
      </c>
      <c r="JJ12" s="244"/>
      <c r="JK12" s="71">
        <v>37</v>
      </c>
      <c r="JL12" s="71">
        <v>36</v>
      </c>
      <c r="JM12" s="71">
        <v>22</v>
      </c>
      <c r="JN12" s="71">
        <v>24</v>
      </c>
      <c r="JO12" s="71">
        <v>15</v>
      </c>
      <c r="JP12" s="72">
        <v>134</v>
      </c>
      <c r="JQ12" s="73">
        <v>171</v>
      </c>
      <c r="JR12" s="70">
        <v>0</v>
      </c>
      <c r="JS12" s="71">
        <v>0</v>
      </c>
      <c r="JT12" s="72">
        <v>0</v>
      </c>
      <c r="JU12" s="244"/>
      <c r="JV12" s="71">
        <v>0</v>
      </c>
      <c r="JW12" s="71">
        <v>0</v>
      </c>
      <c r="JX12" s="71">
        <v>0</v>
      </c>
      <c r="JY12" s="71">
        <v>0</v>
      </c>
      <c r="JZ12" s="71">
        <v>0</v>
      </c>
      <c r="KA12" s="72">
        <v>0</v>
      </c>
      <c r="KB12" s="73">
        <v>0</v>
      </c>
      <c r="KC12" s="70">
        <v>71</v>
      </c>
      <c r="KD12" s="71">
        <v>53</v>
      </c>
      <c r="KE12" s="72">
        <v>124</v>
      </c>
      <c r="KF12" s="244"/>
      <c r="KG12" s="71">
        <v>149</v>
      </c>
      <c r="KH12" s="71">
        <v>115</v>
      </c>
      <c r="KI12" s="71">
        <v>64</v>
      </c>
      <c r="KJ12" s="71">
        <v>76</v>
      </c>
      <c r="KK12" s="71">
        <v>40</v>
      </c>
      <c r="KL12" s="72">
        <v>444</v>
      </c>
      <c r="KM12" s="73">
        <v>568</v>
      </c>
    </row>
    <row r="13" spans="2:299" ht="21" customHeight="1" x14ac:dyDescent="0.2">
      <c r="B13" s="126" t="s">
        <v>9</v>
      </c>
      <c r="C13" s="315">
        <v>183</v>
      </c>
      <c r="D13" s="82">
        <v>112</v>
      </c>
      <c r="E13" s="83">
        <v>295</v>
      </c>
      <c r="F13" s="241"/>
      <c r="G13" s="82">
        <v>216</v>
      </c>
      <c r="H13" s="82">
        <v>139</v>
      </c>
      <c r="I13" s="82">
        <v>91</v>
      </c>
      <c r="J13" s="82">
        <v>92</v>
      </c>
      <c r="K13" s="82">
        <v>51</v>
      </c>
      <c r="L13" s="84">
        <v>589</v>
      </c>
      <c r="M13" s="85">
        <v>884</v>
      </c>
      <c r="N13" s="70">
        <v>2</v>
      </c>
      <c r="O13" s="71">
        <v>1</v>
      </c>
      <c r="P13" s="72">
        <v>3</v>
      </c>
      <c r="Q13" s="244"/>
      <c r="R13" s="71">
        <v>3</v>
      </c>
      <c r="S13" s="71">
        <v>3</v>
      </c>
      <c r="T13" s="71">
        <v>1</v>
      </c>
      <c r="U13" s="71">
        <v>4</v>
      </c>
      <c r="V13" s="71">
        <v>6</v>
      </c>
      <c r="W13" s="72">
        <v>17</v>
      </c>
      <c r="X13" s="73">
        <v>20</v>
      </c>
      <c r="Y13" s="70">
        <v>9</v>
      </c>
      <c r="Z13" s="71">
        <v>10</v>
      </c>
      <c r="AA13" s="72">
        <v>19</v>
      </c>
      <c r="AB13" s="244"/>
      <c r="AC13" s="71">
        <v>3</v>
      </c>
      <c r="AD13" s="71">
        <v>8</v>
      </c>
      <c r="AE13" s="71">
        <v>3</v>
      </c>
      <c r="AF13" s="71">
        <v>5</v>
      </c>
      <c r="AG13" s="71">
        <v>5</v>
      </c>
      <c r="AH13" s="72">
        <v>24</v>
      </c>
      <c r="AI13" s="73">
        <v>43</v>
      </c>
      <c r="AJ13" s="70">
        <v>22</v>
      </c>
      <c r="AK13" s="71">
        <v>10</v>
      </c>
      <c r="AL13" s="72">
        <v>32</v>
      </c>
      <c r="AM13" s="244"/>
      <c r="AN13" s="71">
        <v>18</v>
      </c>
      <c r="AO13" s="71">
        <v>12</v>
      </c>
      <c r="AP13" s="71">
        <v>8</v>
      </c>
      <c r="AQ13" s="71">
        <v>12</v>
      </c>
      <c r="AR13" s="71">
        <v>2</v>
      </c>
      <c r="AS13" s="72">
        <v>52</v>
      </c>
      <c r="AT13" s="73">
        <v>84</v>
      </c>
      <c r="AU13" s="70">
        <v>40</v>
      </c>
      <c r="AV13" s="71">
        <v>18</v>
      </c>
      <c r="AW13" s="72">
        <v>58</v>
      </c>
      <c r="AX13" s="244"/>
      <c r="AY13" s="71">
        <v>55</v>
      </c>
      <c r="AZ13" s="71">
        <v>21</v>
      </c>
      <c r="BA13" s="71">
        <v>17</v>
      </c>
      <c r="BB13" s="71">
        <v>10</v>
      </c>
      <c r="BC13" s="71">
        <v>12</v>
      </c>
      <c r="BD13" s="72">
        <v>115</v>
      </c>
      <c r="BE13" s="73">
        <v>173</v>
      </c>
      <c r="BF13" s="70">
        <v>56</v>
      </c>
      <c r="BG13" s="71">
        <v>43</v>
      </c>
      <c r="BH13" s="72">
        <v>99</v>
      </c>
      <c r="BI13" s="244"/>
      <c r="BJ13" s="71">
        <v>76</v>
      </c>
      <c r="BK13" s="71">
        <v>45</v>
      </c>
      <c r="BL13" s="71">
        <v>30</v>
      </c>
      <c r="BM13" s="71">
        <v>31</v>
      </c>
      <c r="BN13" s="71">
        <v>10</v>
      </c>
      <c r="BO13" s="72">
        <v>192</v>
      </c>
      <c r="BP13" s="73">
        <v>291</v>
      </c>
      <c r="BQ13" s="70">
        <v>54</v>
      </c>
      <c r="BR13" s="71">
        <v>30</v>
      </c>
      <c r="BS13" s="72">
        <v>84</v>
      </c>
      <c r="BT13" s="244"/>
      <c r="BU13" s="71">
        <v>61</v>
      </c>
      <c r="BV13" s="71">
        <v>50</v>
      </c>
      <c r="BW13" s="71">
        <v>32</v>
      </c>
      <c r="BX13" s="71">
        <v>30</v>
      </c>
      <c r="BY13" s="71">
        <v>16</v>
      </c>
      <c r="BZ13" s="72">
        <v>189</v>
      </c>
      <c r="CA13" s="73">
        <v>273</v>
      </c>
      <c r="CB13" s="70">
        <v>0</v>
      </c>
      <c r="CC13" s="71">
        <v>0</v>
      </c>
      <c r="CD13" s="72">
        <v>0</v>
      </c>
      <c r="CE13" s="244"/>
      <c r="CF13" s="71">
        <v>0</v>
      </c>
      <c r="CG13" s="71">
        <v>0</v>
      </c>
      <c r="CH13" s="71">
        <v>0</v>
      </c>
      <c r="CI13" s="71">
        <v>0</v>
      </c>
      <c r="CJ13" s="71">
        <v>0</v>
      </c>
      <c r="CK13" s="72">
        <v>0</v>
      </c>
      <c r="CL13" s="73">
        <v>0</v>
      </c>
      <c r="CM13" s="70">
        <v>183</v>
      </c>
      <c r="CN13" s="71">
        <v>112</v>
      </c>
      <c r="CO13" s="72">
        <v>295</v>
      </c>
      <c r="CP13" s="244"/>
      <c r="CQ13" s="71">
        <v>216</v>
      </c>
      <c r="CR13" s="71">
        <v>139</v>
      </c>
      <c r="CS13" s="71">
        <v>91</v>
      </c>
      <c r="CT13" s="71">
        <v>92</v>
      </c>
      <c r="CU13" s="71">
        <v>51</v>
      </c>
      <c r="CV13" s="72">
        <v>589</v>
      </c>
      <c r="CW13" s="73">
        <v>884</v>
      </c>
      <c r="CX13" s="123">
        <v>67</v>
      </c>
      <c r="CY13" s="82">
        <v>38</v>
      </c>
      <c r="CZ13" s="83">
        <v>105</v>
      </c>
      <c r="DA13" s="241"/>
      <c r="DB13" s="82">
        <v>71</v>
      </c>
      <c r="DC13" s="82">
        <v>45</v>
      </c>
      <c r="DD13" s="82">
        <v>44</v>
      </c>
      <c r="DE13" s="82">
        <v>47</v>
      </c>
      <c r="DF13" s="82">
        <v>27</v>
      </c>
      <c r="DG13" s="84">
        <v>234</v>
      </c>
      <c r="DH13" s="85">
        <v>339</v>
      </c>
      <c r="DI13" s="70">
        <v>0</v>
      </c>
      <c r="DJ13" s="71">
        <v>0</v>
      </c>
      <c r="DK13" s="72">
        <v>0</v>
      </c>
      <c r="DL13" s="244"/>
      <c r="DM13" s="71">
        <v>1</v>
      </c>
      <c r="DN13" s="71">
        <v>0</v>
      </c>
      <c r="DO13" s="71">
        <v>0</v>
      </c>
      <c r="DP13" s="71">
        <v>0</v>
      </c>
      <c r="DQ13" s="71">
        <v>0</v>
      </c>
      <c r="DR13" s="72">
        <v>1</v>
      </c>
      <c r="DS13" s="73">
        <v>1</v>
      </c>
      <c r="DT13" s="70">
        <v>6</v>
      </c>
      <c r="DU13" s="71">
        <v>3</v>
      </c>
      <c r="DV13" s="72">
        <v>9</v>
      </c>
      <c r="DW13" s="244"/>
      <c r="DX13" s="71">
        <v>4</v>
      </c>
      <c r="DY13" s="71">
        <v>2</v>
      </c>
      <c r="DZ13" s="71">
        <v>1</v>
      </c>
      <c r="EA13" s="71">
        <v>2</v>
      </c>
      <c r="EB13" s="71">
        <v>0</v>
      </c>
      <c r="EC13" s="72">
        <v>9</v>
      </c>
      <c r="ED13" s="73">
        <v>18</v>
      </c>
      <c r="EE13" s="70">
        <v>8</v>
      </c>
      <c r="EF13" s="71">
        <v>8</v>
      </c>
      <c r="EG13" s="72">
        <v>16</v>
      </c>
      <c r="EH13" s="244"/>
      <c r="EI13" s="71">
        <v>8</v>
      </c>
      <c r="EJ13" s="71">
        <v>5</v>
      </c>
      <c r="EK13" s="71">
        <v>2</v>
      </c>
      <c r="EL13" s="71">
        <v>3</v>
      </c>
      <c r="EM13" s="71">
        <v>1</v>
      </c>
      <c r="EN13" s="72">
        <v>19</v>
      </c>
      <c r="EO13" s="73">
        <v>35</v>
      </c>
      <c r="EP13" s="70">
        <v>21</v>
      </c>
      <c r="EQ13" s="71">
        <v>7</v>
      </c>
      <c r="ER13" s="72">
        <v>28</v>
      </c>
      <c r="ES13" s="244"/>
      <c r="ET13" s="71">
        <v>13</v>
      </c>
      <c r="EU13" s="71">
        <v>8</v>
      </c>
      <c r="EV13" s="71">
        <v>8</v>
      </c>
      <c r="EW13" s="71">
        <v>5</v>
      </c>
      <c r="EX13" s="71">
        <v>3</v>
      </c>
      <c r="EY13" s="72">
        <v>37</v>
      </c>
      <c r="EZ13" s="73">
        <v>65</v>
      </c>
      <c r="FA13" s="70">
        <v>20</v>
      </c>
      <c r="FB13" s="71">
        <v>7</v>
      </c>
      <c r="FC13" s="72">
        <v>27</v>
      </c>
      <c r="FD13" s="244"/>
      <c r="FE13" s="71">
        <v>15</v>
      </c>
      <c r="FF13" s="71">
        <v>12</v>
      </c>
      <c r="FG13" s="71">
        <v>15</v>
      </c>
      <c r="FH13" s="71">
        <v>12</v>
      </c>
      <c r="FI13" s="71">
        <v>7</v>
      </c>
      <c r="FJ13" s="72">
        <v>61</v>
      </c>
      <c r="FK13" s="73">
        <v>88</v>
      </c>
      <c r="FL13" s="70">
        <v>12</v>
      </c>
      <c r="FM13" s="71">
        <v>13</v>
      </c>
      <c r="FN13" s="72">
        <v>25</v>
      </c>
      <c r="FO13" s="244"/>
      <c r="FP13" s="71">
        <v>30</v>
      </c>
      <c r="FQ13" s="71">
        <v>18</v>
      </c>
      <c r="FR13" s="71">
        <v>18</v>
      </c>
      <c r="FS13" s="71">
        <v>25</v>
      </c>
      <c r="FT13" s="71">
        <v>16</v>
      </c>
      <c r="FU13" s="72">
        <v>107</v>
      </c>
      <c r="FV13" s="73">
        <v>132</v>
      </c>
      <c r="FW13" s="70">
        <v>0</v>
      </c>
      <c r="FX13" s="71">
        <v>0</v>
      </c>
      <c r="FY13" s="72">
        <v>0</v>
      </c>
      <c r="FZ13" s="244"/>
      <c r="GA13" s="71">
        <v>0</v>
      </c>
      <c r="GB13" s="71">
        <v>0</v>
      </c>
      <c r="GC13" s="71">
        <v>0</v>
      </c>
      <c r="GD13" s="71">
        <v>0</v>
      </c>
      <c r="GE13" s="71">
        <v>0</v>
      </c>
      <c r="GF13" s="72">
        <v>0</v>
      </c>
      <c r="GG13" s="73">
        <v>0</v>
      </c>
      <c r="GH13" s="70">
        <v>67</v>
      </c>
      <c r="GI13" s="71">
        <v>38</v>
      </c>
      <c r="GJ13" s="72">
        <v>105</v>
      </c>
      <c r="GK13" s="244"/>
      <c r="GL13" s="71">
        <v>71</v>
      </c>
      <c r="GM13" s="71">
        <v>45</v>
      </c>
      <c r="GN13" s="71">
        <v>44</v>
      </c>
      <c r="GO13" s="71">
        <v>47</v>
      </c>
      <c r="GP13" s="71">
        <v>27</v>
      </c>
      <c r="GQ13" s="72">
        <v>234</v>
      </c>
      <c r="GR13" s="73">
        <v>339</v>
      </c>
      <c r="GS13" s="123">
        <v>250</v>
      </c>
      <c r="GT13" s="82">
        <v>150</v>
      </c>
      <c r="GU13" s="83">
        <v>400</v>
      </c>
      <c r="GV13" s="241"/>
      <c r="GW13" s="82">
        <v>287</v>
      </c>
      <c r="GX13" s="82">
        <v>184</v>
      </c>
      <c r="GY13" s="82">
        <v>135</v>
      </c>
      <c r="GZ13" s="82">
        <v>139</v>
      </c>
      <c r="HA13" s="82">
        <v>78</v>
      </c>
      <c r="HB13" s="84">
        <v>823</v>
      </c>
      <c r="HC13" s="85">
        <v>1223</v>
      </c>
      <c r="HD13" s="70">
        <v>2</v>
      </c>
      <c r="HE13" s="71">
        <v>1</v>
      </c>
      <c r="HF13" s="72">
        <v>3</v>
      </c>
      <c r="HG13" s="244"/>
      <c r="HH13" s="71">
        <v>4</v>
      </c>
      <c r="HI13" s="71">
        <v>3</v>
      </c>
      <c r="HJ13" s="71">
        <v>1</v>
      </c>
      <c r="HK13" s="71">
        <v>4</v>
      </c>
      <c r="HL13" s="71">
        <v>6</v>
      </c>
      <c r="HM13" s="72">
        <v>18</v>
      </c>
      <c r="HN13" s="73">
        <v>21</v>
      </c>
      <c r="HO13" s="70">
        <v>15</v>
      </c>
      <c r="HP13" s="71">
        <v>13</v>
      </c>
      <c r="HQ13" s="72">
        <v>28</v>
      </c>
      <c r="HR13" s="244"/>
      <c r="HS13" s="71">
        <v>7</v>
      </c>
      <c r="HT13" s="71">
        <v>10</v>
      </c>
      <c r="HU13" s="71">
        <v>4</v>
      </c>
      <c r="HV13" s="71">
        <v>7</v>
      </c>
      <c r="HW13" s="71">
        <v>5</v>
      </c>
      <c r="HX13" s="72">
        <v>33</v>
      </c>
      <c r="HY13" s="73">
        <v>61</v>
      </c>
      <c r="HZ13" s="70">
        <v>30</v>
      </c>
      <c r="IA13" s="71">
        <v>18</v>
      </c>
      <c r="IB13" s="72">
        <v>48</v>
      </c>
      <c r="IC13" s="244"/>
      <c r="ID13" s="71">
        <v>26</v>
      </c>
      <c r="IE13" s="71">
        <v>17</v>
      </c>
      <c r="IF13" s="71">
        <v>10</v>
      </c>
      <c r="IG13" s="71">
        <v>15</v>
      </c>
      <c r="IH13" s="71">
        <v>3</v>
      </c>
      <c r="II13" s="72">
        <v>71</v>
      </c>
      <c r="IJ13" s="73">
        <v>119</v>
      </c>
      <c r="IK13" s="70">
        <v>61</v>
      </c>
      <c r="IL13" s="71">
        <v>25</v>
      </c>
      <c r="IM13" s="72">
        <v>86</v>
      </c>
      <c r="IN13" s="244"/>
      <c r="IO13" s="71">
        <v>68</v>
      </c>
      <c r="IP13" s="71">
        <v>29</v>
      </c>
      <c r="IQ13" s="71">
        <v>25</v>
      </c>
      <c r="IR13" s="71">
        <v>15</v>
      </c>
      <c r="IS13" s="71">
        <v>15</v>
      </c>
      <c r="IT13" s="72">
        <v>152</v>
      </c>
      <c r="IU13" s="73">
        <v>238</v>
      </c>
      <c r="IV13" s="70">
        <v>76</v>
      </c>
      <c r="IW13" s="71">
        <v>50</v>
      </c>
      <c r="IX13" s="72">
        <v>126</v>
      </c>
      <c r="IY13" s="244"/>
      <c r="IZ13" s="71">
        <v>91</v>
      </c>
      <c r="JA13" s="71">
        <v>57</v>
      </c>
      <c r="JB13" s="71">
        <v>45</v>
      </c>
      <c r="JC13" s="71">
        <v>43</v>
      </c>
      <c r="JD13" s="71">
        <v>17</v>
      </c>
      <c r="JE13" s="72">
        <v>253</v>
      </c>
      <c r="JF13" s="73">
        <v>379</v>
      </c>
      <c r="JG13" s="70">
        <v>66</v>
      </c>
      <c r="JH13" s="71">
        <v>43</v>
      </c>
      <c r="JI13" s="72">
        <v>109</v>
      </c>
      <c r="JJ13" s="244"/>
      <c r="JK13" s="71">
        <v>91</v>
      </c>
      <c r="JL13" s="71">
        <v>68</v>
      </c>
      <c r="JM13" s="71">
        <v>50</v>
      </c>
      <c r="JN13" s="71">
        <v>55</v>
      </c>
      <c r="JO13" s="71">
        <v>32</v>
      </c>
      <c r="JP13" s="72">
        <v>296</v>
      </c>
      <c r="JQ13" s="73">
        <v>405</v>
      </c>
      <c r="JR13" s="70">
        <v>0</v>
      </c>
      <c r="JS13" s="71">
        <v>0</v>
      </c>
      <c r="JT13" s="72">
        <v>0</v>
      </c>
      <c r="JU13" s="244"/>
      <c r="JV13" s="71">
        <v>0</v>
      </c>
      <c r="JW13" s="71">
        <v>0</v>
      </c>
      <c r="JX13" s="71">
        <v>0</v>
      </c>
      <c r="JY13" s="71">
        <v>0</v>
      </c>
      <c r="JZ13" s="71">
        <v>0</v>
      </c>
      <c r="KA13" s="72">
        <v>0</v>
      </c>
      <c r="KB13" s="73">
        <v>0</v>
      </c>
      <c r="KC13" s="70">
        <v>250</v>
      </c>
      <c r="KD13" s="71">
        <v>150</v>
      </c>
      <c r="KE13" s="72">
        <v>400</v>
      </c>
      <c r="KF13" s="244"/>
      <c r="KG13" s="71">
        <v>287</v>
      </c>
      <c r="KH13" s="71">
        <v>184</v>
      </c>
      <c r="KI13" s="71">
        <v>135</v>
      </c>
      <c r="KJ13" s="71">
        <v>139</v>
      </c>
      <c r="KK13" s="71">
        <v>78</v>
      </c>
      <c r="KL13" s="72">
        <v>823</v>
      </c>
      <c r="KM13" s="73">
        <v>1223</v>
      </c>
    </row>
    <row r="14" spans="2:299" ht="21" customHeight="1" x14ac:dyDescent="0.2">
      <c r="B14" s="126" t="s">
        <v>10</v>
      </c>
      <c r="C14" s="315">
        <v>286</v>
      </c>
      <c r="D14" s="82">
        <v>179</v>
      </c>
      <c r="E14" s="83">
        <v>465</v>
      </c>
      <c r="F14" s="241"/>
      <c r="G14" s="82">
        <v>239</v>
      </c>
      <c r="H14" s="82">
        <v>156</v>
      </c>
      <c r="I14" s="82">
        <v>102</v>
      </c>
      <c r="J14" s="82">
        <v>78</v>
      </c>
      <c r="K14" s="82">
        <v>85</v>
      </c>
      <c r="L14" s="84">
        <v>660</v>
      </c>
      <c r="M14" s="85">
        <v>1125</v>
      </c>
      <c r="N14" s="70">
        <v>5</v>
      </c>
      <c r="O14" s="71">
        <v>8</v>
      </c>
      <c r="P14" s="72">
        <v>13</v>
      </c>
      <c r="Q14" s="244"/>
      <c r="R14" s="71">
        <v>8</v>
      </c>
      <c r="S14" s="71">
        <v>6</v>
      </c>
      <c r="T14" s="71">
        <v>3</v>
      </c>
      <c r="U14" s="71">
        <v>2</v>
      </c>
      <c r="V14" s="71">
        <v>2</v>
      </c>
      <c r="W14" s="72">
        <v>21</v>
      </c>
      <c r="X14" s="73">
        <v>34</v>
      </c>
      <c r="Y14" s="70">
        <v>21</v>
      </c>
      <c r="Z14" s="71">
        <v>16</v>
      </c>
      <c r="AA14" s="72">
        <v>37</v>
      </c>
      <c r="AB14" s="244"/>
      <c r="AC14" s="71">
        <v>21</v>
      </c>
      <c r="AD14" s="71">
        <v>14</v>
      </c>
      <c r="AE14" s="71">
        <v>4</v>
      </c>
      <c r="AF14" s="71">
        <v>4</v>
      </c>
      <c r="AG14" s="71">
        <v>11</v>
      </c>
      <c r="AH14" s="72">
        <v>54</v>
      </c>
      <c r="AI14" s="73">
        <v>91</v>
      </c>
      <c r="AJ14" s="70">
        <v>29</v>
      </c>
      <c r="AK14" s="71">
        <v>19</v>
      </c>
      <c r="AL14" s="72">
        <v>48</v>
      </c>
      <c r="AM14" s="244"/>
      <c r="AN14" s="71">
        <v>30</v>
      </c>
      <c r="AO14" s="71">
        <v>22</v>
      </c>
      <c r="AP14" s="71">
        <v>12</v>
      </c>
      <c r="AQ14" s="71">
        <v>10</v>
      </c>
      <c r="AR14" s="71">
        <v>13</v>
      </c>
      <c r="AS14" s="72">
        <v>87</v>
      </c>
      <c r="AT14" s="73">
        <v>135</v>
      </c>
      <c r="AU14" s="70">
        <v>64</v>
      </c>
      <c r="AV14" s="71">
        <v>40</v>
      </c>
      <c r="AW14" s="72">
        <v>104</v>
      </c>
      <c r="AX14" s="244"/>
      <c r="AY14" s="71">
        <v>50</v>
      </c>
      <c r="AZ14" s="71">
        <v>27</v>
      </c>
      <c r="BA14" s="71">
        <v>17</v>
      </c>
      <c r="BB14" s="71">
        <v>7</v>
      </c>
      <c r="BC14" s="71">
        <v>20</v>
      </c>
      <c r="BD14" s="72">
        <v>121</v>
      </c>
      <c r="BE14" s="73">
        <v>225</v>
      </c>
      <c r="BF14" s="70">
        <v>91</v>
      </c>
      <c r="BG14" s="71">
        <v>46</v>
      </c>
      <c r="BH14" s="72">
        <v>137</v>
      </c>
      <c r="BI14" s="244"/>
      <c r="BJ14" s="71">
        <v>69</v>
      </c>
      <c r="BK14" s="71">
        <v>37</v>
      </c>
      <c r="BL14" s="71">
        <v>29</v>
      </c>
      <c r="BM14" s="71">
        <v>24</v>
      </c>
      <c r="BN14" s="71">
        <v>16</v>
      </c>
      <c r="BO14" s="72">
        <v>175</v>
      </c>
      <c r="BP14" s="73">
        <v>312</v>
      </c>
      <c r="BQ14" s="70">
        <v>76</v>
      </c>
      <c r="BR14" s="71">
        <v>50</v>
      </c>
      <c r="BS14" s="72">
        <v>126</v>
      </c>
      <c r="BT14" s="244"/>
      <c r="BU14" s="71">
        <v>61</v>
      </c>
      <c r="BV14" s="71">
        <v>50</v>
      </c>
      <c r="BW14" s="71">
        <v>37</v>
      </c>
      <c r="BX14" s="71">
        <v>31</v>
      </c>
      <c r="BY14" s="71">
        <v>23</v>
      </c>
      <c r="BZ14" s="72">
        <v>202</v>
      </c>
      <c r="CA14" s="73">
        <v>328</v>
      </c>
      <c r="CB14" s="70">
        <v>0</v>
      </c>
      <c r="CC14" s="71">
        <v>0</v>
      </c>
      <c r="CD14" s="72">
        <v>0</v>
      </c>
      <c r="CE14" s="244"/>
      <c r="CF14" s="71">
        <v>0</v>
      </c>
      <c r="CG14" s="71">
        <v>0</v>
      </c>
      <c r="CH14" s="71">
        <v>0</v>
      </c>
      <c r="CI14" s="71">
        <v>0</v>
      </c>
      <c r="CJ14" s="71">
        <v>0</v>
      </c>
      <c r="CK14" s="72">
        <v>0</v>
      </c>
      <c r="CL14" s="73">
        <v>0</v>
      </c>
      <c r="CM14" s="70">
        <v>286</v>
      </c>
      <c r="CN14" s="71">
        <v>179</v>
      </c>
      <c r="CO14" s="72">
        <v>465</v>
      </c>
      <c r="CP14" s="244"/>
      <c r="CQ14" s="71">
        <v>239</v>
      </c>
      <c r="CR14" s="71">
        <v>156</v>
      </c>
      <c r="CS14" s="71">
        <v>102</v>
      </c>
      <c r="CT14" s="71">
        <v>78</v>
      </c>
      <c r="CU14" s="71">
        <v>85</v>
      </c>
      <c r="CV14" s="72">
        <v>660</v>
      </c>
      <c r="CW14" s="73">
        <v>1125</v>
      </c>
      <c r="CX14" s="123">
        <v>104</v>
      </c>
      <c r="CY14" s="82">
        <v>71</v>
      </c>
      <c r="CZ14" s="83">
        <v>175</v>
      </c>
      <c r="DA14" s="241"/>
      <c r="DB14" s="82">
        <v>117</v>
      </c>
      <c r="DC14" s="82">
        <v>56</v>
      </c>
      <c r="DD14" s="82">
        <v>46</v>
      </c>
      <c r="DE14" s="82">
        <v>37</v>
      </c>
      <c r="DF14" s="82">
        <v>39</v>
      </c>
      <c r="DG14" s="84">
        <v>295</v>
      </c>
      <c r="DH14" s="85">
        <v>470</v>
      </c>
      <c r="DI14" s="70">
        <v>7</v>
      </c>
      <c r="DJ14" s="71">
        <v>2</v>
      </c>
      <c r="DK14" s="72">
        <v>9</v>
      </c>
      <c r="DL14" s="244"/>
      <c r="DM14" s="71">
        <v>2</v>
      </c>
      <c r="DN14" s="71">
        <v>0</v>
      </c>
      <c r="DO14" s="71">
        <v>2</v>
      </c>
      <c r="DP14" s="71">
        <v>0</v>
      </c>
      <c r="DQ14" s="71">
        <v>1</v>
      </c>
      <c r="DR14" s="72">
        <v>5</v>
      </c>
      <c r="DS14" s="73">
        <v>14</v>
      </c>
      <c r="DT14" s="70">
        <v>7</v>
      </c>
      <c r="DU14" s="71">
        <v>8</v>
      </c>
      <c r="DV14" s="72">
        <v>15</v>
      </c>
      <c r="DW14" s="244"/>
      <c r="DX14" s="71">
        <v>5</v>
      </c>
      <c r="DY14" s="71">
        <v>0</v>
      </c>
      <c r="DZ14" s="71">
        <v>1</v>
      </c>
      <c r="EA14" s="71">
        <v>1</v>
      </c>
      <c r="EB14" s="71">
        <v>2</v>
      </c>
      <c r="EC14" s="72">
        <v>9</v>
      </c>
      <c r="ED14" s="73">
        <v>24</v>
      </c>
      <c r="EE14" s="70">
        <v>17</v>
      </c>
      <c r="EF14" s="71">
        <v>6</v>
      </c>
      <c r="EG14" s="72">
        <v>23</v>
      </c>
      <c r="EH14" s="244"/>
      <c r="EI14" s="71">
        <v>7</v>
      </c>
      <c r="EJ14" s="71">
        <v>5</v>
      </c>
      <c r="EK14" s="71">
        <v>6</v>
      </c>
      <c r="EL14" s="71">
        <v>2</v>
      </c>
      <c r="EM14" s="71">
        <v>2</v>
      </c>
      <c r="EN14" s="72">
        <v>22</v>
      </c>
      <c r="EO14" s="73">
        <v>45</v>
      </c>
      <c r="EP14" s="70">
        <v>29</v>
      </c>
      <c r="EQ14" s="71">
        <v>21</v>
      </c>
      <c r="ER14" s="72">
        <v>50</v>
      </c>
      <c r="ES14" s="244"/>
      <c r="ET14" s="71">
        <v>24</v>
      </c>
      <c r="EU14" s="71">
        <v>7</v>
      </c>
      <c r="EV14" s="71">
        <v>4</v>
      </c>
      <c r="EW14" s="71">
        <v>1</v>
      </c>
      <c r="EX14" s="71">
        <v>4</v>
      </c>
      <c r="EY14" s="72">
        <v>40</v>
      </c>
      <c r="EZ14" s="73">
        <v>90</v>
      </c>
      <c r="FA14" s="70">
        <v>27</v>
      </c>
      <c r="FB14" s="71">
        <v>16</v>
      </c>
      <c r="FC14" s="72">
        <v>43</v>
      </c>
      <c r="FD14" s="244"/>
      <c r="FE14" s="71">
        <v>35</v>
      </c>
      <c r="FF14" s="71">
        <v>15</v>
      </c>
      <c r="FG14" s="71">
        <v>10</v>
      </c>
      <c r="FH14" s="71">
        <v>9</v>
      </c>
      <c r="FI14" s="71">
        <v>9</v>
      </c>
      <c r="FJ14" s="72">
        <v>78</v>
      </c>
      <c r="FK14" s="73">
        <v>121</v>
      </c>
      <c r="FL14" s="70">
        <v>17</v>
      </c>
      <c r="FM14" s="71">
        <v>18</v>
      </c>
      <c r="FN14" s="72">
        <v>35</v>
      </c>
      <c r="FO14" s="244"/>
      <c r="FP14" s="71">
        <v>44</v>
      </c>
      <c r="FQ14" s="71">
        <v>29</v>
      </c>
      <c r="FR14" s="71">
        <v>23</v>
      </c>
      <c r="FS14" s="71">
        <v>24</v>
      </c>
      <c r="FT14" s="71">
        <v>21</v>
      </c>
      <c r="FU14" s="72">
        <v>141</v>
      </c>
      <c r="FV14" s="73">
        <v>176</v>
      </c>
      <c r="FW14" s="70">
        <v>0</v>
      </c>
      <c r="FX14" s="71">
        <v>0</v>
      </c>
      <c r="FY14" s="72">
        <v>0</v>
      </c>
      <c r="FZ14" s="244"/>
      <c r="GA14" s="71">
        <v>0</v>
      </c>
      <c r="GB14" s="71">
        <v>0</v>
      </c>
      <c r="GC14" s="71">
        <v>0</v>
      </c>
      <c r="GD14" s="71">
        <v>0</v>
      </c>
      <c r="GE14" s="71">
        <v>0</v>
      </c>
      <c r="GF14" s="72">
        <v>0</v>
      </c>
      <c r="GG14" s="73">
        <v>0</v>
      </c>
      <c r="GH14" s="70">
        <v>104</v>
      </c>
      <c r="GI14" s="71">
        <v>71</v>
      </c>
      <c r="GJ14" s="72">
        <v>175</v>
      </c>
      <c r="GK14" s="244"/>
      <c r="GL14" s="71">
        <v>117</v>
      </c>
      <c r="GM14" s="71">
        <v>56</v>
      </c>
      <c r="GN14" s="71">
        <v>46</v>
      </c>
      <c r="GO14" s="71">
        <v>37</v>
      </c>
      <c r="GP14" s="71">
        <v>39</v>
      </c>
      <c r="GQ14" s="72">
        <v>295</v>
      </c>
      <c r="GR14" s="73">
        <v>470</v>
      </c>
      <c r="GS14" s="123">
        <v>390</v>
      </c>
      <c r="GT14" s="82">
        <v>250</v>
      </c>
      <c r="GU14" s="83">
        <v>640</v>
      </c>
      <c r="GV14" s="241"/>
      <c r="GW14" s="82">
        <v>356</v>
      </c>
      <c r="GX14" s="82">
        <v>212</v>
      </c>
      <c r="GY14" s="82">
        <v>148</v>
      </c>
      <c r="GZ14" s="82">
        <v>115</v>
      </c>
      <c r="HA14" s="82">
        <v>124</v>
      </c>
      <c r="HB14" s="84">
        <v>955</v>
      </c>
      <c r="HC14" s="85">
        <v>1595</v>
      </c>
      <c r="HD14" s="70">
        <v>12</v>
      </c>
      <c r="HE14" s="71">
        <v>10</v>
      </c>
      <c r="HF14" s="72">
        <v>22</v>
      </c>
      <c r="HG14" s="244"/>
      <c r="HH14" s="71">
        <v>10</v>
      </c>
      <c r="HI14" s="71">
        <v>6</v>
      </c>
      <c r="HJ14" s="71">
        <v>5</v>
      </c>
      <c r="HK14" s="71">
        <v>2</v>
      </c>
      <c r="HL14" s="71">
        <v>3</v>
      </c>
      <c r="HM14" s="72">
        <v>26</v>
      </c>
      <c r="HN14" s="73">
        <v>48</v>
      </c>
      <c r="HO14" s="70">
        <v>28</v>
      </c>
      <c r="HP14" s="71">
        <v>24</v>
      </c>
      <c r="HQ14" s="72">
        <v>52</v>
      </c>
      <c r="HR14" s="244"/>
      <c r="HS14" s="71">
        <v>26</v>
      </c>
      <c r="HT14" s="71">
        <v>14</v>
      </c>
      <c r="HU14" s="71">
        <v>5</v>
      </c>
      <c r="HV14" s="71">
        <v>5</v>
      </c>
      <c r="HW14" s="71">
        <v>13</v>
      </c>
      <c r="HX14" s="72">
        <v>63</v>
      </c>
      <c r="HY14" s="73">
        <v>115</v>
      </c>
      <c r="HZ14" s="70">
        <v>46</v>
      </c>
      <c r="IA14" s="71">
        <v>25</v>
      </c>
      <c r="IB14" s="72">
        <v>71</v>
      </c>
      <c r="IC14" s="244"/>
      <c r="ID14" s="71">
        <v>37</v>
      </c>
      <c r="IE14" s="71">
        <v>27</v>
      </c>
      <c r="IF14" s="71">
        <v>18</v>
      </c>
      <c r="IG14" s="71">
        <v>12</v>
      </c>
      <c r="IH14" s="71">
        <v>15</v>
      </c>
      <c r="II14" s="72">
        <v>109</v>
      </c>
      <c r="IJ14" s="73">
        <v>180</v>
      </c>
      <c r="IK14" s="70">
        <v>93</v>
      </c>
      <c r="IL14" s="71">
        <v>61</v>
      </c>
      <c r="IM14" s="72">
        <v>154</v>
      </c>
      <c r="IN14" s="244"/>
      <c r="IO14" s="71">
        <v>74</v>
      </c>
      <c r="IP14" s="71">
        <v>34</v>
      </c>
      <c r="IQ14" s="71">
        <v>21</v>
      </c>
      <c r="IR14" s="71">
        <v>8</v>
      </c>
      <c r="IS14" s="71">
        <v>24</v>
      </c>
      <c r="IT14" s="72">
        <v>161</v>
      </c>
      <c r="IU14" s="73">
        <v>315</v>
      </c>
      <c r="IV14" s="70">
        <v>118</v>
      </c>
      <c r="IW14" s="71">
        <v>62</v>
      </c>
      <c r="IX14" s="72">
        <v>180</v>
      </c>
      <c r="IY14" s="244"/>
      <c r="IZ14" s="71">
        <v>104</v>
      </c>
      <c r="JA14" s="71">
        <v>52</v>
      </c>
      <c r="JB14" s="71">
        <v>39</v>
      </c>
      <c r="JC14" s="71">
        <v>33</v>
      </c>
      <c r="JD14" s="71">
        <v>25</v>
      </c>
      <c r="JE14" s="72">
        <v>253</v>
      </c>
      <c r="JF14" s="73">
        <v>433</v>
      </c>
      <c r="JG14" s="70">
        <v>93</v>
      </c>
      <c r="JH14" s="71">
        <v>68</v>
      </c>
      <c r="JI14" s="72">
        <v>161</v>
      </c>
      <c r="JJ14" s="244"/>
      <c r="JK14" s="71">
        <v>105</v>
      </c>
      <c r="JL14" s="71">
        <v>79</v>
      </c>
      <c r="JM14" s="71">
        <v>60</v>
      </c>
      <c r="JN14" s="71">
        <v>55</v>
      </c>
      <c r="JO14" s="71">
        <v>44</v>
      </c>
      <c r="JP14" s="72">
        <v>343</v>
      </c>
      <c r="JQ14" s="73">
        <v>504</v>
      </c>
      <c r="JR14" s="70">
        <v>0</v>
      </c>
      <c r="JS14" s="71">
        <v>0</v>
      </c>
      <c r="JT14" s="72">
        <v>0</v>
      </c>
      <c r="JU14" s="244"/>
      <c r="JV14" s="71">
        <v>0</v>
      </c>
      <c r="JW14" s="71">
        <v>0</v>
      </c>
      <c r="JX14" s="71">
        <v>0</v>
      </c>
      <c r="JY14" s="71">
        <v>0</v>
      </c>
      <c r="JZ14" s="71">
        <v>0</v>
      </c>
      <c r="KA14" s="72">
        <v>0</v>
      </c>
      <c r="KB14" s="73">
        <v>0</v>
      </c>
      <c r="KC14" s="70">
        <v>390</v>
      </c>
      <c r="KD14" s="71">
        <v>250</v>
      </c>
      <c r="KE14" s="72">
        <v>640</v>
      </c>
      <c r="KF14" s="244"/>
      <c r="KG14" s="71">
        <v>356</v>
      </c>
      <c r="KH14" s="71">
        <v>212</v>
      </c>
      <c r="KI14" s="71">
        <v>148</v>
      </c>
      <c r="KJ14" s="71">
        <v>115</v>
      </c>
      <c r="KK14" s="71">
        <v>124</v>
      </c>
      <c r="KL14" s="72">
        <v>955</v>
      </c>
      <c r="KM14" s="73">
        <v>1595</v>
      </c>
    </row>
    <row r="15" spans="2:299" ht="21" customHeight="1" x14ac:dyDescent="0.2">
      <c r="B15" s="126" t="s">
        <v>11</v>
      </c>
      <c r="C15" s="315">
        <v>46</v>
      </c>
      <c r="D15" s="82">
        <v>32</v>
      </c>
      <c r="E15" s="83">
        <v>78</v>
      </c>
      <c r="F15" s="241"/>
      <c r="G15" s="82">
        <v>98</v>
      </c>
      <c r="H15" s="82">
        <v>37</v>
      </c>
      <c r="I15" s="82">
        <v>31</v>
      </c>
      <c r="J15" s="82">
        <v>31</v>
      </c>
      <c r="K15" s="82">
        <v>18</v>
      </c>
      <c r="L15" s="84">
        <v>215</v>
      </c>
      <c r="M15" s="85">
        <v>293</v>
      </c>
      <c r="N15" s="70">
        <v>1</v>
      </c>
      <c r="O15" s="71">
        <v>3</v>
      </c>
      <c r="P15" s="72">
        <v>4</v>
      </c>
      <c r="Q15" s="244"/>
      <c r="R15" s="71">
        <v>4</v>
      </c>
      <c r="S15" s="71">
        <v>0</v>
      </c>
      <c r="T15" s="71">
        <v>1</v>
      </c>
      <c r="U15" s="71">
        <v>1</v>
      </c>
      <c r="V15" s="71">
        <v>1</v>
      </c>
      <c r="W15" s="72">
        <v>7</v>
      </c>
      <c r="X15" s="73">
        <v>11</v>
      </c>
      <c r="Y15" s="70">
        <v>4</v>
      </c>
      <c r="Z15" s="71">
        <v>2</v>
      </c>
      <c r="AA15" s="72">
        <v>6</v>
      </c>
      <c r="AB15" s="244"/>
      <c r="AC15" s="71">
        <v>8</v>
      </c>
      <c r="AD15" s="71">
        <v>5</v>
      </c>
      <c r="AE15" s="71">
        <v>3</v>
      </c>
      <c r="AF15" s="71">
        <v>0</v>
      </c>
      <c r="AG15" s="71">
        <v>1</v>
      </c>
      <c r="AH15" s="72">
        <v>17</v>
      </c>
      <c r="AI15" s="73">
        <v>23</v>
      </c>
      <c r="AJ15" s="70">
        <v>3</v>
      </c>
      <c r="AK15" s="71">
        <v>2</v>
      </c>
      <c r="AL15" s="72">
        <v>5</v>
      </c>
      <c r="AM15" s="244"/>
      <c r="AN15" s="71">
        <v>20</v>
      </c>
      <c r="AO15" s="71">
        <v>3</v>
      </c>
      <c r="AP15" s="71">
        <v>4</v>
      </c>
      <c r="AQ15" s="71">
        <v>7</v>
      </c>
      <c r="AR15" s="71">
        <v>2</v>
      </c>
      <c r="AS15" s="72">
        <v>36</v>
      </c>
      <c r="AT15" s="73">
        <v>41</v>
      </c>
      <c r="AU15" s="70">
        <v>9</v>
      </c>
      <c r="AV15" s="71">
        <v>4</v>
      </c>
      <c r="AW15" s="72">
        <v>13</v>
      </c>
      <c r="AX15" s="244"/>
      <c r="AY15" s="71">
        <v>22</v>
      </c>
      <c r="AZ15" s="71">
        <v>13</v>
      </c>
      <c r="BA15" s="71">
        <v>8</v>
      </c>
      <c r="BB15" s="71">
        <v>9</v>
      </c>
      <c r="BC15" s="71">
        <v>3</v>
      </c>
      <c r="BD15" s="72">
        <v>55</v>
      </c>
      <c r="BE15" s="73">
        <v>68</v>
      </c>
      <c r="BF15" s="70">
        <v>19</v>
      </c>
      <c r="BG15" s="71">
        <v>13</v>
      </c>
      <c r="BH15" s="72">
        <v>32</v>
      </c>
      <c r="BI15" s="244"/>
      <c r="BJ15" s="71">
        <v>23</v>
      </c>
      <c r="BK15" s="71">
        <v>7</v>
      </c>
      <c r="BL15" s="71">
        <v>3</v>
      </c>
      <c r="BM15" s="71">
        <v>8</v>
      </c>
      <c r="BN15" s="71">
        <v>6</v>
      </c>
      <c r="BO15" s="72">
        <v>47</v>
      </c>
      <c r="BP15" s="73">
        <v>79</v>
      </c>
      <c r="BQ15" s="70">
        <v>10</v>
      </c>
      <c r="BR15" s="71">
        <v>8</v>
      </c>
      <c r="BS15" s="72">
        <v>18</v>
      </c>
      <c r="BT15" s="244"/>
      <c r="BU15" s="71">
        <v>21</v>
      </c>
      <c r="BV15" s="71">
        <v>9</v>
      </c>
      <c r="BW15" s="71">
        <v>12</v>
      </c>
      <c r="BX15" s="71">
        <v>6</v>
      </c>
      <c r="BY15" s="71">
        <v>5</v>
      </c>
      <c r="BZ15" s="72">
        <v>53</v>
      </c>
      <c r="CA15" s="73">
        <v>71</v>
      </c>
      <c r="CB15" s="70">
        <v>0</v>
      </c>
      <c r="CC15" s="71">
        <v>0</v>
      </c>
      <c r="CD15" s="72">
        <v>0</v>
      </c>
      <c r="CE15" s="244"/>
      <c r="CF15" s="71">
        <v>0</v>
      </c>
      <c r="CG15" s="71">
        <v>0</v>
      </c>
      <c r="CH15" s="71">
        <v>0</v>
      </c>
      <c r="CI15" s="71">
        <v>0</v>
      </c>
      <c r="CJ15" s="71">
        <v>0</v>
      </c>
      <c r="CK15" s="72">
        <v>0</v>
      </c>
      <c r="CL15" s="73">
        <v>0</v>
      </c>
      <c r="CM15" s="70">
        <v>46</v>
      </c>
      <c r="CN15" s="71">
        <v>32</v>
      </c>
      <c r="CO15" s="72">
        <v>78</v>
      </c>
      <c r="CP15" s="244"/>
      <c r="CQ15" s="71">
        <v>98</v>
      </c>
      <c r="CR15" s="71">
        <v>37</v>
      </c>
      <c r="CS15" s="71">
        <v>31</v>
      </c>
      <c r="CT15" s="71">
        <v>31</v>
      </c>
      <c r="CU15" s="71">
        <v>18</v>
      </c>
      <c r="CV15" s="72">
        <v>215</v>
      </c>
      <c r="CW15" s="73">
        <v>293</v>
      </c>
      <c r="CX15" s="123">
        <v>23</v>
      </c>
      <c r="CY15" s="82">
        <v>19</v>
      </c>
      <c r="CZ15" s="83">
        <v>42</v>
      </c>
      <c r="DA15" s="241"/>
      <c r="DB15" s="82">
        <v>41</v>
      </c>
      <c r="DC15" s="82">
        <v>28</v>
      </c>
      <c r="DD15" s="82">
        <v>26</v>
      </c>
      <c r="DE15" s="82">
        <v>30</v>
      </c>
      <c r="DF15" s="82">
        <v>15</v>
      </c>
      <c r="DG15" s="84">
        <v>140</v>
      </c>
      <c r="DH15" s="85">
        <v>182</v>
      </c>
      <c r="DI15" s="70">
        <v>0</v>
      </c>
      <c r="DJ15" s="71">
        <v>1</v>
      </c>
      <c r="DK15" s="72">
        <v>1</v>
      </c>
      <c r="DL15" s="244"/>
      <c r="DM15" s="71">
        <v>1</v>
      </c>
      <c r="DN15" s="71">
        <v>0</v>
      </c>
      <c r="DO15" s="71">
        <v>0</v>
      </c>
      <c r="DP15" s="71">
        <v>0</v>
      </c>
      <c r="DQ15" s="71">
        <v>0</v>
      </c>
      <c r="DR15" s="72">
        <v>1</v>
      </c>
      <c r="DS15" s="73">
        <v>2</v>
      </c>
      <c r="DT15" s="70">
        <v>1</v>
      </c>
      <c r="DU15" s="71">
        <v>1</v>
      </c>
      <c r="DV15" s="72">
        <v>2</v>
      </c>
      <c r="DW15" s="244"/>
      <c r="DX15" s="71">
        <v>6</v>
      </c>
      <c r="DY15" s="71">
        <v>2</v>
      </c>
      <c r="DZ15" s="71">
        <v>0</v>
      </c>
      <c r="EA15" s="71">
        <v>1</v>
      </c>
      <c r="EB15" s="71">
        <v>1</v>
      </c>
      <c r="EC15" s="72">
        <v>10</v>
      </c>
      <c r="ED15" s="73">
        <v>12</v>
      </c>
      <c r="EE15" s="70">
        <v>4</v>
      </c>
      <c r="EF15" s="71">
        <v>4</v>
      </c>
      <c r="EG15" s="72">
        <v>8</v>
      </c>
      <c r="EH15" s="244"/>
      <c r="EI15" s="71">
        <v>5</v>
      </c>
      <c r="EJ15" s="71">
        <v>3</v>
      </c>
      <c r="EK15" s="71">
        <v>3</v>
      </c>
      <c r="EL15" s="71">
        <v>1</v>
      </c>
      <c r="EM15" s="71">
        <v>0</v>
      </c>
      <c r="EN15" s="72">
        <v>12</v>
      </c>
      <c r="EO15" s="73">
        <v>20</v>
      </c>
      <c r="EP15" s="70">
        <v>3</v>
      </c>
      <c r="EQ15" s="71">
        <v>2</v>
      </c>
      <c r="ER15" s="72">
        <v>5</v>
      </c>
      <c r="ES15" s="244"/>
      <c r="ET15" s="71">
        <v>5</v>
      </c>
      <c r="EU15" s="71">
        <v>6</v>
      </c>
      <c r="EV15" s="71">
        <v>1</v>
      </c>
      <c r="EW15" s="71">
        <v>2</v>
      </c>
      <c r="EX15" s="71">
        <v>3</v>
      </c>
      <c r="EY15" s="72">
        <v>17</v>
      </c>
      <c r="EZ15" s="73">
        <v>22</v>
      </c>
      <c r="FA15" s="70">
        <v>9</v>
      </c>
      <c r="FB15" s="71">
        <v>3</v>
      </c>
      <c r="FC15" s="72">
        <v>12</v>
      </c>
      <c r="FD15" s="244"/>
      <c r="FE15" s="71">
        <v>13</v>
      </c>
      <c r="FF15" s="71">
        <v>12</v>
      </c>
      <c r="FG15" s="71">
        <v>10</v>
      </c>
      <c r="FH15" s="71">
        <v>13</v>
      </c>
      <c r="FI15" s="71">
        <v>4</v>
      </c>
      <c r="FJ15" s="72">
        <v>52</v>
      </c>
      <c r="FK15" s="73">
        <v>64</v>
      </c>
      <c r="FL15" s="70">
        <v>6</v>
      </c>
      <c r="FM15" s="71">
        <v>8</v>
      </c>
      <c r="FN15" s="72">
        <v>14</v>
      </c>
      <c r="FO15" s="244"/>
      <c r="FP15" s="71">
        <v>11</v>
      </c>
      <c r="FQ15" s="71">
        <v>5</v>
      </c>
      <c r="FR15" s="71">
        <v>12</v>
      </c>
      <c r="FS15" s="71">
        <v>13</v>
      </c>
      <c r="FT15" s="71">
        <v>7</v>
      </c>
      <c r="FU15" s="72">
        <v>48</v>
      </c>
      <c r="FV15" s="73">
        <v>62</v>
      </c>
      <c r="FW15" s="70">
        <v>0</v>
      </c>
      <c r="FX15" s="71">
        <v>0</v>
      </c>
      <c r="FY15" s="72">
        <v>0</v>
      </c>
      <c r="FZ15" s="244"/>
      <c r="GA15" s="71">
        <v>0</v>
      </c>
      <c r="GB15" s="71">
        <v>0</v>
      </c>
      <c r="GC15" s="71">
        <v>0</v>
      </c>
      <c r="GD15" s="71">
        <v>0</v>
      </c>
      <c r="GE15" s="71">
        <v>0</v>
      </c>
      <c r="GF15" s="72">
        <v>0</v>
      </c>
      <c r="GG15" s="73">
        <v>0</v>
      </c>
      <c r="GH15" s="70">
        <v>23</v>
      </c>
      <c r="GI15" s="71">
        <v>19</v>
      </c>
      <c r="GJ15" s="72">
        <v>42</v>
      </c>
      <c r="GK15" s="244"/>
      <c r="GL15" s="71">
        <v>41</v>
      </c>
      <c r="GM15" s="71">
        <v>28</v>
      </c>
      <c r="GN15" s="71">
        <v>26</v>
      </c>
      <c r="GO15" s="71">
        <v>30</v>
      </c>
      <c r="GP15" s="71">
        <v>15</v>
      </c>
      <c r="GQ15" s="72">
        <v>140</v>
      </c>
      <c r="GR15" s="73">
        <v>182</v>
      </c>
      <c r="GS15" s="123">
        <v>69</v>
      </c>
      <c r="GT15" s="82">
        <v>51</v>
      </c>
      <c r="GU15" s="83">
        <v>120</v>
      </c>
      <c r="GV15" s="241"/>
      <c r="GW15" s="82">
        <v>139</v>
      </c>
      <c r="GX15" s="82">
        <v>65</v>
      </c>
      <c r="GY15" s="82">
        <v>57</v>
      </c>
      <c r="GZ15" s="82">
        <v>61</v>
      </c>
      <c r="HA15" s="82">
        <v>33</v>
      </c>
      <c r="HB15" s="84">
        <v>355</v>
      </c>
      <c r="HC15" s="85">
        <v>475</v>
      </c>
      <c r="HD15" s="70">
        <v>1</v>
      </c>
      <c r="HE15" s="71">
        <v>4</v>
      </c>
      <c r="HF15" s="72">
        <v>5</v>
      </c>
      <c r="HG15" s="244"/>
      <c r="HH15" s="71">
        <v>5</v>
      </c>
      <c r="HI15" s="71">
        <v>0</v>
      </c>
      <c r="HJ15" s="71">
        <v>1</v>
      </c>
      <c r="HK15" s="71">
        <v>1</v>
      </c>
      <c r="HL15" s="71">
        <v>1</v>
      </c>
      <c r="HM15" s="72">
        <v>8</v>
      </c>
      <c r="HN15" s="73">
        <v>13</v>
      </c>
      <c r="HO15" s="70">
        <v>5</v>
      </c>
      <c r="HP15" s="71">
        <v>3</v>
      </c>
      <c r="HQ15" s="72">
        <v>8</v>
      </c>
      <c r="HR15" s="244"/>
      <c r="HS15" s="71">
        <v>14</v>
      </c>
      <c r="HT15" s="71">
        <v>7</v>
      </c>
      <c r="HU15" s="71">
        <v>3</v>
      </c>
      <c r="HV15" s="71">
        <v>1</v>
      </c>
      <c r="HW15" s="71">
        <v>2</v>
      </c>
      <c r="HX15" s="72">
        <v>27</v>
      </c>
      <c r="HY15" s="73">
        <v>35</v>
      </c>
      <c r="HZ15" s="70">
        <v>7</v>
      </c>
      <c r="IA15" s="71">
        <v>6</v>
      </c>
      <c r="IB15" s="72">
        <v>13</v>
      </c>
      <c r="IC15" s="244"/>
      <c r="ID15" s="71">
        <v>25</v>
      </c>
      <c r="IE15" s="71">
        <v>6</v>
      </c>
      <c r="IF15" s="71">
        <v>7</v>
      </c>
      <c r="IG15" s="71">
        <v>8</v>
      </c>
      <c r="IH15" s="71">
        <v>2</v>
      </c>
      <c r="II15" s="72">
        <v>48</v>
      </c>
      <c r="IJ15" s="73">
        <v>61</v>
      </c>
      <c r="IK15" s="70">
        <v>12</v>
      </c>
      <c r="IL15" s="71">
        <v>6</v>
      </c>
      <c r="IM15" s="72">
        <v>18</v>
      </c>
      <c r="IN15" s="244"/>
      <c r="IO15" s="71">
        <v>27</v>
      </c>
      <c r="IP15" s="71">
        <v>19</v>
      </c>
      <c r="IQ15" s="71">
        <v>9</v>
      </c>
      <c r="IR15" s="71">
        <v>11</v>
      </c>
      <c r="IS15" s="71">
        <v>6</v>
      </c>
      <c r="IT15" s="72">
        <v>72</v>
      </c>
      <c r="IU15" s="73">
        <v>90</v>
      </c>
      <c r="IV15" s="70">
        <v>28</v>
      </c>
      <c r="IW15" s="71">
        <v>16</v>
      </c>
      <c r="IX15" s="72">
        <v>44</v>
      </c>
      <c r="IY15" s="244"/>
      <c r="IZ15" s="71">
        <v>36</v>
      </c>
      <c r="JA15" s="71">
        <v>19</v>
      </c>
      <c r="JB15" s="71">
        <v>13</v>
      </c>
      <c r="JC15" s="71">
        <v>21</v>
      </c>
      <c r="JD15" s="71">
        <v>10</v>
      </c>
      <c r="JE15" s="72">
        <v>99</v>
      </c>
      <c r="JF15" s="73">
        <v>143</v>
      </c>
      <c r="JG15" s="70">
        <v>16</v>
      </c>
      <c r="JH15" s="71">
        <v>16</v>
      </c>
      <c r="JI15" s="72">
        <v>32</v>
      </c>
      <c r="JJ15" s="244"/>
      <c r="JK15" s="71">
        <v>32</v>
      </c>
      <c r="JL15" s="71">
        <v>14</v>
      </c>
      <c r="JM15" s="71">
        <v>24</v>
      </c>
      <c r="JN15" s="71">
        <v>19</v>
      </c>
      <c r="JO15" s="71">
        <v>12</v>
      </c>
      <c r="JP15" s="72">
        <v>101</v>
      </c>
      <c r="JQ15" s="73">
        <v>133</v>
      </c>
      <c r="JR15" s="70">
        <v>0</v>
      </c>
      <c r="JS15" s="71">
        <v>0</v>
      </c>
      <c r="JT15" s="72">
        <v>0</v>
      </c>
      <c r="JU15" s="244"/>
      <c r="JV15" s="71">
        <v>0</v>
      </c>
      <c r="JW15" s="71">
        <v>0</v>
      </c>
      <c r="JX15" s="71">
        <v>0</v>
      </c>
      <c r="JY15" s="71">
        <v>0</v>
      </c>
      <c r="JZ15" s="71">
        <v>0</v>
      </c>
      <c r="KA15" s="72">
        <v>0</v>
      </c>
      <c r="KB15" s="73">
        <v>0</v>
      </c>
      <c r="KC15" s="70">
        <v>69</v>
      </c>
      <c r="KD15" s="71">
        <v>51</v>
      </c>
      <c r="KE15" s="72">
        <v>120</v>
      </c>
      <c r="KF15" s="244"/>
      <c r="KG15" s="71">
        <v>139</v>
      </c>
      <c r="KH15" s="71">
        <v>65</v>
      </c>
      <c r="KI15" s="71">
        <v>57</v>
      </c>
      <c r="KJ15" s="71">
        <v>61</v>
      </c>
      <c r="KK15" s="71">
        <v>33</v>
      </c>
      <c r="KL15" s="72">
        <v>355</v>
      </c>
      <c r="KM15" s="73">
        <v>475</v>
      </c>
    </row>
    <row r="16" spans="2:299" ht="21" customHeight="1" x14ac:dyDescent="0.2">
      <c r="B16" s="126" t="s">
        <v>12</v>
      </c>
      <c r="C16" s="315">
        <v>142</v>
      </c>
      <c r="D16" s="82">
        <v>81</v>
      </c>
      <c r="E16" s="83">
        <v>223</v>
      </c>
      <c r="F16" s="241"/>
      <c r="G16" s="82">
        <v>104</v>
      </c>
      <c r="H16" s="82">
        <v>70</v>
      </c>
      <c r="I16" s="82">
        <v>53</v>
      </c>
      <c r="J16" s="82">
        <v>63</v>
      </c>
      <c r="K16" s="82">
        <v>34</v>
      </c>
      <c r="L16" s="84">
        <v>324</v>
      </c>
      <c r="M16" s="85">
        <v>547</v>
      </c>
      <c r="N16" s="86">
        <v>4</v>
      </c>
      <c r="O16" s="71">
        <v>4</v>
      </c>
      <c r="P16" s="72">
        <v>8</v>
      </c>
      <c r="Q16" s="244"/>
      <c r="R16" s="71">
        <v>1</v>
      </c>
      <c r="S16" s="71">
        <v>2</v>
      </c>
      <c r="T16" s="71">
        <v>1</v>
      </c>
      <c r="U16" s="71">
        <v>2</v>
      </c>
      <c r="V16" s="71">
        <v>2</v>
      </c>
      <c r="W16" s="72">
        <v>8</v>
      </c>
      <c r="X16" s="73">
        <v>16</v>
      </c>
      <c r="Y16" s="70">
        <v>9</v>
      </c>
      <c r="Z16" s="71">
        <v>7</v>
      </c>
      <c r="AA16" s="72">
        <v>16</v>
      </c>
      <c r="AB16" s="244"/>
      <c r="AC16" s="71">
        <v>6</v>
      </c>
      <c r="AD16" s="71">
        <v>4</v>
      </c>
      <c r="AE16" s="71">
        <v>1</v>
      </c>
      <c r="AF16" s="71">
        <v>3</v>
      </c>
      <c r="AG16" s="71">
        <v>4</v>
      </c>
      <c r="AH16" s="72">
        <v>18</v>
      </c>
      <c r="AI16" s="73">
        <v>34</v>
      </c>
      <c r="AJ16" s="86">
        <v>14</v>
      </c>
      <c r="AK16" s="71">
        <v>7</v>
      </c>
      <c r="AL16" s="72">
        <v>21</v>
      </c>
      <c r="AM16" s="244"/>
      <c r="AN16" s="71">
        <v>4</v>
      </c>
      <c r="AO16" s="71">
        <v>4</v>
      </c>
      <c r="AP16" s="71">
        <v>4</v>
      </c>
      <c r="AQ16" s="71">
        <v>8</v>
      </c>
      <c r="AR16" s="71">
        <v>7</v>
      </c>
      <c r="AS16" s="72">
        <v>27</v>
      </c>
      <c r="AT16" s="73">
        <v>48</v>
      </c>
      <c r="AU16" s="70">
        <v>36</v>
      </c>
      <c r="AV16" s="71">
        <v>18</v>
      </c>
      <c r="AW16" s="72">
        <v>54</v>
      </c>
      <c r="AX16" s="244"/>
      <c r="AY16" s="71">
        <v>29</v>
      </c>
      <c r="AZ16" s="71">
        <v>22</v>
      </c>
      <c r="BA16" s="71">
        <v>12</v>
      </c>
      <c r="BB16" s="71">
        <v>11</v>
      </c>
      <c r="BC16" s="71">
        <v>9</v>
      </c>
      <c r="BD16" s="72">
        <v>83</v>
      </c>
      <c r="BE16" s="73">
        <v>137</v>
      </c>
      <c r="BF16" s="86">
        <v>42</v>
      </c>
      <c r="BG16" s="71">
        <v>21</v>
      </c>
      <c r="BH16" s="72">
        <v>63</v>
      </c>
      <c r="BI16" s="244"/>
      <c r="BJ16" s="71">
        <v>34</v>
      </c>
      <c r="BK16" s="71">
        <v>20</v>
      </c>
      <c r="BL16" s="71">
        <v>19</v>
      </c>
      <c r="BM16" s="71">
        <v>20</v>
      </c>
      <c r="BN16" s="71">
        <v>7</v>
      </c>
      <c r="BO16" s="72">
        <v>100</v>
      </c>
      <c r="BP16" s="73">
        <v>163</v>
      </c>
      <c r="BQ16" s="70">
        <v>37</v>
      </c>
      <c r="BR16" s="71">
        <v>24</v>
      </c>
      <c r="BS16" s="72">
        <v>61</v>
      </c>
      <c r="BT16" s="244"/>
      <c r="BU16" s="71">
        <v>30</v>
      </c>
      <c r="BV16" s="71">
        <v>18</v>
      </c>
      <c r="BW16" s="71">
        <v>16</v>
      </c>
      <c r="BX16" s="71">
        <v>19</v>
      </c>
      <c r="BY16" s="71">
        <v>5</v>
      </c>
      <c r="BZ16" s="72">
        <v>88</v>
      </c>
      <c r="CA16" s="73">
        <v>149</v>
      </c>
      <c r="CB16" s="70">
        <v>0</v>
      </c>
      <c r="CC16" s="71">
        <v>0</v>
      </c>
      <c r="CD16" s="72">
        <v>0</v>
      </c>
      <c r="CE16" s="244"/>
      <c r="CF16" s="71">
        <v>0</v>
      </c>
      <c r="CG16" s="71">
        <v>0</v>
      </c>
      <c r="CH16" s="71">
        <v>0</v>
      </c>
      <c r="CI16" s="71">
        <v>0</v>
      </c>
      <c r="CJ16" s="71">
        <v>0</v>
      </c>
      <c r="CK16" s="72">
        <v>0</v>
      </c>
      <c r="CL16" s="73">
        <v>0</v>
      </c>
      <c r="CM16" s="70">
        <v>142</v>
      </c>
      <c r="CN16" s="71">
        <v>81</v>
      </c>
      <c r="CO16" s="72">
        <v>223</v>
      </c>
      <c r="CP16" s="244"/>
      <c r="CQ16" s="71">
        <v>104</v>
      </c>
      <c r="CR16" s="71">
        <v>70</v>
      </c>
      <c r="CS16" s="71">
        <v>53</v>
      </c>
      <c r="CT16" s="71">
        <v>63</v>
      </c>
      <c r="CU16" s="71">
        <v>34</v>
      </c>
      <c r="CV16" s="72">
        <v>324</v>
      </c>
      <c r="CW16" s="73">
        <v>547</v>
      </c>
      <c r="CX16" s="123">
        <v>39</v>
      </c>
      <c r="CY16" s="82">
        <v>33</v>
      </c>
      <c r="CZ16" s="83">
        <v>72</v>
      </c>
      <c r="DA16" s="241"/>
      <c r="DB16" s="82">
        <v>39</v>
      </c>
      <c r="DC16" s="82">
        <v>26</v>
      </c>
      <c r="DD16" s="82">
        <v>26</v>
      </c>
      <c r="DE16" s="82">
        <v>30</v>
      </c>
      <c r="DF16" s="82">
        <v>9</v>
      </c>
      <c r="DG16" s="84">
        <v>130</v>
      </c>
      <c r="DH16" s="85">
        <v>202</v>
      </c>
      <c r="DI16" s="86">
        <v>1</v>
      </c>
      <c r="DJ16" s="71">
        <v>0</v>
      </c>
      <c r="DK16" s="72">
        <v>1</v>
      </c>
      <c r="DL16" s="244"/>
      <c r="DM16" s="71">
        <v>2</v>
      </c>
      <c r="DN16" s="71">
        <v>0</v>
      </c>
      <c r="DO16" s="71">
        <v>1</v>
      </c>
      <c r="DP16" s="71">
        <v>0</v>
      </c>
      <c r="DQ16" s="71">
        <v>0</v>
      </c>
      <c r="DR16" s="72">
        <v>3</v>
      </c>
      <c r="DS16" s="73">
        <v>4</v>
      </c>
      <c r="DT16" s="70">
        <v>2</v>
      </c>
      <c r="DU16" s="71">
        <v>2</v>
      </c>
      <c r="DV16" s="72">
        <v>4</v>
      </c>
      <c r="DW16" s="244"/>
      <c r="DX16" s="71">
        <v>2</v>
      </c>
      <c r="DY16" s="71">
        <v>0</v>
      </c>
      <c r="DZ16" s="71">
        <v>0</v>
      </c>
      <c r="EA16" s="71">
        <v>1</v>
      </c>
      <c r="EB16" s="71">
        <v>0</v>
      </c>
      <c r="EC16" s="72">
        <v>3</v>
      </c>
      <c r="ED16" s="73">
        <v>7</v>
      </c>
      <c r="EE16" s="86">
        <v>6</v>
      </c>
      <c r="EF16" s="71">
        <v>5</v>
      </c>
      <c r="EG16" s="72">
        <v>11</v>
      </c>
      <c r="EH16" s="244"/>
      <c r="EI16" s="71">
        <v>2</v>
      </c>
      <c r="EJ16" s="71">
        <v>3</v>
      </c>
      <c r="EK16" s="71">
        <v>1</v>
      </c>
      <c r="EL16" s="71">
        <v>1</v>
      </c>
      <c r="EM16" s="71">
        <v>1</v>
      </c>
      <c r="EN16" s="72">
        <v>8</v>
      </c>
      <c r="EO16" s="73">
        <v>19</v>
      </c>
      <c r="EP16" s="70">
        <v>7</v>
      </c>
      <c r="EQ16" s="71">
        <v>9</v>
      </c>
      <c r="ER16" s="72">
        <v>16</v>
      </c>
      <c r="ES16" s="244"/>
      <c r="ET16" s="71">
        <v>9</v>
      </c>
      <c r="EU16" s="71">
        <v>3</v>
      </c>
      <c r="EV16" s="71">
        <v>3</v>
      </c>
      <c r="EW16" s="71">
        <v>4</v>
      </c>
      <c r="EX16" s="71">
        <v>2</v>
      </c>
      <c r="EY16" s="72">
        <v>21</v>
      </c>
      <c r="EZ16" s="73">
        <v>37</v>
      </c>
      <c r="FA16" s="86">
        <v>14</v>
      </c>
      <c r="FB16" s="71">
        <v>7</v>
      </c>
      <c r="FC16" s="72">
        <v>21</v>
      </c>
      <c r="FD16" s="244"/>
      <c r="FE16" s="71">
        <v>10</v>
      </c>
      <c r="FF16" s="71">
        <v>9</v>
      </c>
      <c r="FG16" s="71">
        <v>10</v>
      </c>
      <c r="FH16" s="71">
        <v>6</v>
      </c>
      <c r="FI16" s="71">
        <v>2</v>
      </c>
      <c r="FJ16" s="72">
        <v>37</v>
      </c>
      <c r="FK16" s="73">
        <v>58</v>
      </c>
      <c r="FL16" s="70">
        <v>9</v>
      </c>
      <c r="FM16" s="71">
        <v>10</v>
      </c>
      <c r="FN16" s="72">
        <v>19</v>
      </c>
      <c r="FO16" s="244"/>
      <c r="FP16" s="71">
        <v>14</v>
      </c>
      <c r="FQ16" s="71">
        <v>11</v>
      </c>
      <c r="FR16" s="71">
        <v>11</v>
      </c>
      <c r="FS16" s="71">
        <v>18</v>
      </c>
      <c r="FT16" s="71">
        <v>4</v>
      </c>
      <c r="FU16" s="72">
        <v>58</v>
      </c>
      <c r="FV16" s="73">
        <v>77</v>
      </c>
      <c r="FW16" s="70">
        <v>0</v>
      </c>
      <c r="FX16" s="71">
        <v>0</v>
      </c>
      <c r="FY16" s="72">
        <v>0</v>
      </c>
      <c r="FZ16" s="244"/>
      <c r="GA16" s="71">
        <v>0</v>
      </c>
      <c r="GB16" s="71">
        <v>0</v>
      </c>
      <c r="GC16" s="71">
        <v>0</v>
      </c>
      <c r="GD16" s="71">
        <v>0</v>
      </c>
      <c r="GE16" s="71">
        <v>0</v>
      </c>
      <c r="GF16" s="72">
        <v>0</v>
      </c>
      <c r="GG16" s="73">
        <v>0</v>
      </c>
      <c r="GH16" s="70">
        <v>39</v>
      </c>
      <c r="GI16" s="71">
        <v>33</v>
      </c>
      <c r="GJ16" s="72">
        <v>72</v>
      </c>
      <c r="GK16" s="244"/>
      <c r="GL16" s="71">
        <v>39</v>
      </c>
      <c r="GM16" s="71">
        <v>26</v>
      </c>
      <c r="GN16" s="71">
        <v>26</v>
      </c>
      <c r="GO16" s="71">
        <v>30</v>
      </c>
      <c r="GP16" s="71">
        <v>9</v>
      </c>
      <c r="GQ16" s="72">
        <v>130</v>
      </c>
      <c r="GR16" s="73">
        <v>202</v>
      </c>
      <c r="GS16" s="123">
        <v>181</v>
      </c>
      <c r="GT16" s="82">
        <v>114</v>
      </c>
      <c r="GU16" s="83">
        <v>295</v>
      </c>
      <c r="GV16" s="241"/>
      <c r="GW16" s="82">
        <v>143</v>
      </c>
      <c r="GX16" s="82">
        <v>96</v>
      </c>
      <c r="GY16" s="82">
        <v>79</v>
      </c>
      <c r="GZ16" s="82">
        <v>93</v>
      </c>
      <c r="HA16" s="82">
        <v>43</v>
      </c>
      <c r="HB16" s="84">
        <v>454</v>
      </c>
      <c r="HC16" s="85">
        <v>749</v>
      </c>
      <c r="HD16" s="86">
        <v>5</v>
      </c>
      <c r="HE16" s="71">
        <v>4</v>
      </c>
      <c r="HF16" s="72">
        <v>9</v>
      </c>
      <c r="HG16" s="244"/>
      <c r="HH16" s="71">
        <v>3</v>
      </c>
      <c r="HI16" s="71">
        <v>2</v>
      </c>
      <c r="HJ16" s="71">
        <v>2</v>
      </c>
      <c r="HK16" s="71">
        <v>2</v>
      </c>
      <c r="HL16" s="71">
        <v>2</v>
      </c>
      <c r="HM16" s="72">
        <v>11</v>
      </c>
      <c r="HN16" s="73">
        <v>20</v>
      </c>
      <c r="HO16" s="70">
        <v>11</v>
      </c>
      <c r="HP16" s="71">
        <v>9</v>
      </c>
      <c r="HQ16" s="72">
        <v>20</v>
      </c>
      <c r="HR16" s="244"/>
      <c r="HS16" s="71">
        <v>8</v>
      </c>
      <c r="HT16" s="71">
        <v>4</v>
      </c>
      <c r="HU16" s="71">
        <v>1</v>
      </c>
      <c r="HV16" s="71">
        <v>4</v>
      </c>
      <c r="HW16" s="71">
        <v>4</v>
      </c>
      <c r="HX16" s="72">
        <v>21</v>
      </c>
      <c r="HY16" s="73">
        <v>41</v>
      </c>
      <c r="HZ16" s="86">
        <v>20</v>
      </c>
      <c r="IA16" s="71">
        <v>12</v>
      </c>
      <c r="IB16" s="72">
        <v>32</v>
      </c>
      <c r="IC16" s="244"/>
      <c r="ID16" s="71">
        <v>6</v>
      </c>
      <c r="IE16" s="71">
        <v>7</v>
      </c>
      <c r="IF16" s="71">
        <v>5</v>
      </c>
      <c r="IG16" s="71">
        <v>9</v>
      </c>
      <c r="IH16" s="71">
        <v>8</v>
      </c>
      <c r="II16" s="72">
        <v>35</v>
      </c>
      <c r="IJ16" s="73">
        <v>67</v>
      </c>
      <c r="IK16" s="70">
        <v>43</v>
      </c>
      <c r="IL16" s="71">
        <v>27</v>
      </c>
      <c r="IM16" s="72">
        <v>70</v>
      </c>
      <c r="IN16" s="244"/>
      <c r="IO16" s="71">
        <v>38</v>
      </c>
      <c r="IP16" s="71">
        <v>25</v>
      </c>
      <c r="IQ16" s="71">
        <v>15</v>
      </c>
      <c r="IR16" s="71">
        <v>15</v>
      </c>
      <c r="IS16" s="71">
        <v>11</v>
      </c>
      <c r="IT16" s="72">
        <v>104</v>
      </c>
      <c r="IU16" s="73">
        <v>174</v>
      </c>
      <c r="IV16" s="86">
        <v>56</v>
      </c>
      <c r="IW16" s="71">
        <v>28</v>
      </c>
      <c r="IX16" s="72">
        <v>84</v>
      </c>
      <c r="IY16" s="244"/>
      <c r="IZ16" s="71">
        <v>44</v>
      </c>
      <c r="JA16" s="71">
        <v>29</v>
      </c>
      <c r="JB16" s="71">
        <v>29</v>
      </c>
      <c r="JC16" s="71">
        <v>26</v>
      </c>
      <c r="JD16" s="71">
        <v>9</v>
      </c>
      <c r="JE16" s="72">
        <v>137</v>
      </c>
      <c r="JF16" s="73">
        <v>221</v>
      </c>
      <c r="JG16" s="70">
        <v>46</v>
      </c>
      <c r="JH16" s="71">
        <v>34</v>
      </c>
      <c r="JI16" s="72">
        <v>80</v>
      </c>
      <c r="JJ16" s="244"/>
      <c r="JK16" s="71">
        <v>44</v>
      </c>
      <c r="JL16" s="71">
        <v>29</v>
      </c>
      <c r="JM16" s="71">
        <v>27</v>
      </c>
      <c r="JN16" s="71">
        <v>37</v>
      </c>
      <c r="JO16" s="71">
        <v>9</v>
      </c>
      <c r="JP16" s="72">
        <v>146</v>
      </c>
      <c r="JQ16" s="73">
        <v>226</v>
      </c>
      <c r="JR16" s="70">
        <v>0</v>
      </c>
      <c r="JS16" s="71">
        <v>0</v>
      </c>
      <c r="JT16" s="72">
        <v>0</v>
      </c>
      <c r="JU16" s="244"/>
      <c r="JV16" s="71">
        <v>0</v>
      </c>
      <c r="JW16" s="71">
        <v>0</v>
      </c>
      <c r="JX16" s="71">
        <v>0</v>
      </c>
      <c r="JY16" s="71">
        <v>0</v>
      </c>
      <c r="JZ16" s="71">
        <v>0</v>
      </c>
      <c r="KA16" s="72">
        <v>0</v>
      </c>
      <c r="KB16" s="73">
        <v>0</v>
      </c>
      <c r="KC16" s="70">
        <v>181</v>
      </c>
      <c r="KD16" s="71">
        <v>114</v>
      </c>
      <c r="KE16" s="72">
        <v>295</v>
      </c>
      <c r="KF16" s="244"/>
      <c r="KG16" s="71">
        <v>143</v>
      </c>
      <c r="KH16" s="71">
        <v>96</v>
      </c>
      <c r="KI16" s="71">
        <v>79</v>
      </c>
      <c r="KJ16" s="71">
        <v>93</v>
      </c>
      <c r="KK16" s="71">
        <v>43</v>
      </c>
      <c r="KL16" s="72">
        <v>454</v>
      </c>
      <c r="KM16" s="73">
        <v>749</v>
      </c>
    </row>
    <row r="17" spans="2:299" ht="21" customHeight="1" x14ac:dyDescent="0.2">
      <c r="B17" s="126" t="s">
        <v>13</v>
      </c>
      <c r="C17" s="315">
        <v>40</v>
      </c>
      <c r="D17" s="82">
        <v>39</v>
      </c>
      <c r="E17" s="83">
        <v>79</v>
      </c>
      <c r="F17" s="241"/>
      <c r="G17" s="82">
        <v>60</v>
      </c>
      <c r="H17" s="82">
        <v>56</v>
      </c>
      <c r="I17" s="82">
        <v>40</v>
      </c>
      <c r="J17" s="82">
        <v>22</v>
      </c>
      <c r="K17" s="82">
        <v>17</v>
      </c>
      <c r="L17" s="84">
        <v>195</v>
      </c>
      <c r="M17" s="85">
        <v>274</v>
      </c>
      <c r="N17" s="70">
        <v>0</v>
      </c>
      <c r="O17" s="71">
        <v>1</v>
      </c>
      <c r="P17" s="72">
        <v>1</v>
      </c>
      <c r="Q17" s="244"/>
      <c r="R17" s="71">
        <v>3</v>
      </c>
      <c r="S17" s="71">
        <v>0</v>
      </c>
      <c r="T17" s="71">
        <v>0</v>
      </c>
      <c r="U17" s="71">
        <v>2</v>
      </c>
      <c r="V17" s="71">
        <v>0</v>
      </c>
      <c r="W17" s="72">
        <v>5</v>
      </c>
      <c r="X17" s="73">
        <v>6</v>
      </c>
      <c r="Y17" s="70">
        <v>3</v>
      </c>
      <c r="Z17" s="71">
        <v>2</v>
      </c>
      <c r="AA17" s="72">
        <v>5</v>
      </c>
      <c r="AB17" s="244"/>
      <c r="AC17" s="71">
        <v>3</v>
      </c>
      <c r="AD17" s="71">
        <v>1</v>
      </c>
      <c r="AE17" s="71">
        <v>0</v>
      </c>
      <c r="AF17" s="71">
        <v>0</v>
      </c>
      <c r="AG17" s="71">
        <v>1</v>
      </c>
      <c r="AH17" s="72">
        <v>5</v>
      </c>
      <c r="AI17" s="73">
        <v>10</v>
      </c>
      <c r="AJ17" s="70">
        <v>2</v>
      </c>
      <c r="AK17" s="71">
        <v>2</v>
      </c>
      <c r="AL17" s="72">
        <v>4</v>
      </c>
      <c r="AM17" s="244"/>
      <c r="AN17" s="71">
        <v>6</v>
      </c>
      <c r="AO17" s="71">
        <v>6</v>
      </c>
      <c r="AP17" s="71">
        <v>4</v>
      </c>
      <c r="AQ17" s="71">
        <v>3</v>
      </c>
      <c r="AR17" s="71">
        <v>1</v>
      </c>
      <c r="AS17" s="72">
        <v>20</v>
      </c>
      <c r="AT17" s="73">
        <v>24</v>
      </c>
      <c r="AU17" s="70">
        <v>9</v>
      </c>
      <c r="AV17" s="71">
        <v>11</v>
      </c>
      <c r="AW17" s="72">
        <v>20</v>
      </c>
      <c r="AX17" s="244"/>
      <c r="AY17" s="71">
        <v>14</v>
      </c>
      <c r="AZ17" s="71">
        <v>9</v>
      </c>
      <c r="BA17" s="71">
        <v>9</v>
      </c>
      <c r="BB17" s="71">
        <v>5</v>
      </c>
      <c r="BC17" s="71">
        <v>2</v>
      </c>
      <c r="BD17" s="72">
        <v>39</v>
      </c>
      <c r="BE17" s="73">
        <v>59</v>
      </c>
      <c r="BF17" s="70">
        <v>16</v>
      </c>
      <c r="BG17" s="71">
        <v>12</v>
      </c>
      <c r="BH17" s="72">
        <v>28</v>
      </c>
      <c r="BI17" s="244"/>
      <c r="BJ17" s="71">
        <v>16</v>
      </c>
      <c r="BK17" s="71">
        <v>20</v>
      </c>
      <c r="BL17" s="71">
        <v>12</v>
      </c>
      <c r="BM17" s="71">
        <v>5</v>
      </c>
      <c r="BN17" s="71">
        <v>7</v>
      </c>
      <c r="BO17" s="72">
        <v>60</v>
      </c>
      <c r="BP17" s="73">
        <v>88</v>
      </c>
      <c r="BQ17" s="70">
        <v>10</v>
      </c>
      <c r="BR17" s="71">
        <v>11</v>
      </c>
      <c r="BS17" s="72">
        <v>21</v>
      </c>
      <c r="BT17" s="244"/>
      <c r="BU17" s="71">
        <v>18</v>
      </c>
      <c r="BV17" s="71">
        <v>20</v>
      </c>
      <c r="BW17" s="71">
        <v>15</v>
      </c>
      <c r="BX17" s="71">
        <v>7</v>
      </c>
      <c r="BY17" s="71">
        <v>6</v>
      </c>
      <c r="BZ17" s="72">
        <v>66</v>
      </c>
      <c r="CA17" s="73">
        <v>87</v>
      </c>
      <c r="CB17" s="70">
        <v>0</v>
      </c>
      <c r="CC17" s="71">
        <v>0</v>
      </c>
      <c r="CD17" s="72">
        <v>0</v>
      </c>
      <c r="CE17" s="244"/>
      <c r="CF17" s="71">
        <v>0</v>
      </c>
      <c r="CG17" s="71">
        <v>0</v>
      </c>
      <c r="CH17" s="71">
        <v>0</v>
      </c>
      <c r="CI17" s="71">
        <v>0</v>
      </c>
      <c r="CJ17" s="71">
        <v>0</v>
      </c>
      <c r="CK17" s="72">
        <v>0</v>
      </c>
      <c r="CL17" s="73">
        <v>0</v>
      </c>
      <c r="CM17" s="70">
        <v>40</v>
      </c>
      <c r="CN17" s="71">
        <v>39</v>
      </c>
      <c r="CO17" s="72">
        <v>79</v>
      </c>
      <c r="CP17" s="244"/>
      <c r="CQ17" s="71">
        <v>60</v>
      </c>
      <c r="CR17" s="71">
        <v>56</v>
      </c>
      <c r="CS17" s="71">
        <v>40</v>
      </c>
      <c r="CT17" s="71">
        <v>22</v>
      </c>
      <c r="CU17" s="71">
        <v>17</v>
      </c>
      <c r="CV17" s="72">
        <v>195</v>
      </c>
      <c r="CW17" s="73">
        <v>274</v>
      </c>
      <c r="CX17" s="123">
        <v>17</v>
      </c>
      <c r="CY17" s="82">
        <v>14</v>
      </c>
      <c r="CZ17" s="83">
        <v>31</v>
      </c>
      <c r="DA17" s="241"/>
      <c r="DB17" s="82">
        <v>31</v>
      </c>
      <c r="DC17" s="82">
        <v>24</v>
      </c>
      <c r="DD17" s="82">
        <v>10</v>
      </c>
      <c r="DE17" s="82">
        <v>13</v>
      </c>
      <c r="DF17" s="82">
        <v>11</v>
      </c>
      <c r="DG17" s="84">
        <v>89</v>
      </c>
      <c r="DH17" s="85">
        <v>120</v>
      </c>
      <c r="DI17" s="70">
        <v>1</v>
      </c>
      <c r="DJ17" s="71">
        <v>0</v>
      </c>
      <c r="DK17" s="72">
        <v>1</v>
      </c>
      <c r="DL17" s="244"/>
      <c r="DM17" s="71">
        <v>0</v>
      </c>
      <c r="DN17" s="71">
        <v>0</v>
      </c>
      <c r="DO17" s="71">
        <v>0</v>
      </c>
      <c r="DP17" s="71">
        <v>0</v>
      </c>
      <c r="DQ17" s="71">
        <v>0</v>
      </c>
      <c r="DR17" s="72">
        <v>0</v>
      </c>
      <c r="DS17" s="73">
        <v>1</v>
      </c>
      <c r="DT17" s="70">
        <v>2</v>
      </c>
      <c r="DU17" s="71">
        <v>0</v>
      </c>
      <c r="DV17" s="72">
        <v>2</v>
      </c>
      <c r="DW17" s="244"/>
      <c r="DX17" s="71">
        <v>3</v>
      </c>
      <c r="DY17" s="71">
        <v>1</v>
      </c>
      <c r="DZ17" s="71">
        <v>1</v>
      </c>
      <c r="EA17" s="71">
        <v>0</v>
      </c>
      <c r="EB17" s="71">
        <v>1</v>
      </c>
      <c r="EC17" s="72">
        <v>6</v>
      </c>
      <c r="ED17" s="73">
        <v>8</v>
      </c>
      <c r="EE17" s="70">
        <v>1</v>
      </c>
      <c r="EF17" s="71">
        <v>0</v>
      </c>
      <c r="EG17" s="72">
        <v>1</v>
      </c>
      <c r="EH17" s="244"/>
      <c r="EI17" s="71">
        <v>4</v>
      </c>
      <c r="EJ17" s="71">
        <v>1</v>
      </c>
      <c r="EK17" s="71">
        <v>1</v>
      </c>
      <c r="EL17" s="71">
        <v>1</v>
      </c>
      <c r="EM17" s="71">
        <v>1</v>
      </c>
      <c r="EN17" s="72">
        <v>8</v>
      </c>
      <c r="EO17" s="73">
        <v>9</v>
      </c>
      <c r="EP17" s="70">
        <v>2</v>
      </c>
      <c r="EQ17" s="71">
        <v>3</v>
      </c>
      <c r="ER17" s="72">
        <v>5</v>
      </c>
      <c r="ES17" s="244"/>
      <c r="ET17" s="71">
        <v>8</v>
      </c>
      <c r="EU17" s="71">
        <v>4</v>
      </c>
      <c r="EV17" s="71">
        <v>1</v>
      </c>
      <c r="EW17" s="71">
        <v>1</v>
      </c>
      <c r="EX17" s="71">
        <v>1</v>
      </c>
      <c r="EY17" s="72">
        <v>15</v>
      </c>
      <c r="EZ17" s="73">
        <v>20</v>
      </c>
      <c r="FA17" s="70">
        <v>6</v>
      </c>
      <c r="FB17" s="71">
        <v>6</v>
      </c>
      <c r="FC17" s="72">
        <v>12</v>
      </c>
      <c r="FD17" s="244"/>
      <c r="FE17" s="71">
        <v>8</v>
      </c>
      <c r="FF17" s="71">
        <v>9</v>
      </c>
      <c r="FG17" s="71">
        <v>1</v>
      </c>
      <c r="FH17" s="71">
        <v>4</v>
      </c>
      <c r="FI17" s="71">
        <v>0</v>
      </c>
      <c r="FJ17" s="72">
        <v>22</v>
      </c>
      <c r="FK17" s="73">
        <v>34</v>
      </c>
      <c r="FL17" s="70">
        <v>5</v>
      </c>
      <c r="FM17" s="71">
        <v>5</v>
      </c>
      <c r="FN17" s="72">
        <v>10</v>
      </c>
      <c r="FO17" s="244"/>
      <c r="FP17" s="71">
        <v>8</v>
      </c>
      <c r="FQ17" s="71">
        <v>9</v>
      </c>
      <c r="FR17" s="71">
        <v>6</v>
      </c>
      <c r="FS17" s="71">
        <v>7</v>
      </c>
      <c r="FT17" s="71">
        <v>8</v>
      </c>
      <c r="FU17" s="72">
        <v>38</v>
      </c>
      <c r="FV17" s="73">
        <v>48</v>
      </c>
      <c r="FW17" s="70">
        <v>0</v>
      </c>
      <c r="FX17" s="71">
        <v>0</v>
      </c>
      <c r="FY17" s="72">
        <v>0</v>
      </c>
      <c r="FZ17" s="244"/>
      <c r="GA17" s="71">
        <v>0</v>
      </c>
      <c r="GB17" s="71">
        <v>0</v>
      </c>
      <c r="GC17" s="71">
        <v>0</v>
      </c>
      <c r="GD17" s="71">
        <v>0</v>
      </c>
      <c r="GE17" s="71">
        <v>0</v>
      </c>
      <c r="GF17" s="72">
        <v>0</v>
      </c>
      <c r="GG17" s="73">
        <v>0</v>
      </c>
      <c r="GH17" s="70">
        <v>17</v>
      </c>
      <c r="GI17" s="71">
        <v>14</v>
      </c>
      <c r="GJ17" s="72">
        <v>31</v>
      </c>
      <c r="GK17" s="244"/>
      <c r="GL17" s="71">
        <v>31</v>
      </c>
      <c r="GM17" s="71">
        <v>24</v>
      </c>
      <c r="GN17" s="71">
        <v>10</v>
      </c>
      <c r="GO17" s="71">
        <v>13</v>
      </c>
      <c r="GP17" s="71">
        <v>11</v>
      </c>
      <c r="GQ17" s="72">
        <v>89</v>
      </c>
      <c r="GR17" s="73">
        <v>120</v>
      </c>
      <c r="GS17" s="123">
        <v>57</v>
      </c>
      <c r="GT17" s="82">
        <v>53</v>
      </c>
      <c r="GU17" s="83">
        <v>110</v>
      </c>
      <c r="GV17" s="241"/>
      <c r="GW17" s="82">
        <v>91</v>
      </c>
      <c r="GX17" s="82">
        <v>80</v>
      </c>
      <c r="GY17" s="82">
        <v>50</v>
      </c>
      <c r="GZ17" s="82">
        <v>35</v>
      </c>
      <c r="HA17" s="82">
        <v>28</v>
      </c>
      <c r="HB17" s="84">
        <v>284</v>
      </c>
      <c r="HC17" s="85">
        <v>394</v>
      </c>
      <c r="HD17" s="70">
        <v>1</v>
      </c>
      <c r="HE17" s="71">
        <v>1</v>
      </c>
      <c r="HF17" s="72">
        <v>2</v>
      </c>
      <c r="HG17" s="244"/>
      <c r="HH17" s="71">
        <v>3</v>
      </c>
      <c r="HI17" s="71">
        <v>0</v>
      </c>
      <c r="HJ17" s="71">
        <v>0</v>
      </c>
      <c r="HK17" s="71">
        <v>2</v>
      </c>
      <c r="HL17" s="71">
        <v>0</v>
      </c>
      <c r="HM17" s="72">
        <v>5</v>
      </c>
      <c r="HN17" s="73">
        <v>7</v>
      </c>
      <c r="HO17" s="70">
        <v>5</v>
      </c>
      <c r="HP17" s="71">
        <v>2</v>
      </c>
      <c r="HQ17" s="72">
        <v>7</v>
      </c>
      <c r="HR17" s="244"/>
      <c r="HS17" s="71">
        <v>6</v>
      </c>
      <c r="HT17" s="71">
        <v>2</v>
      </c>
      <c r="HU17" s="71">
        <v>1</v>
      </c>
      <c r="HV17" s="71">
        <v>0</v>
      </c>
      <c r="HW17" s="71">
        <v>2</v>
      </c>
      <c r="HX17" s="72">
        <v>11</v>
      </c>
      <c r="HY17" s="73">
        <v>18</v>
      </c>
      <c r="HZ17" s="70">
        <v>3</v>
      </c>
      <c r="IA17" s="71">
        <v>2</v>
      </c>
      <c r="IB17" s="72">
        <v>5</v>
      </c>
      <c r="IC17" s="244"/>
      <c r="ID17" s="71">
        <v>10</v>
      </c>
      <c r="IE17" s="71">
        <v>7</v>
      </c>
      <c r="IF17" s="71">
        <v>5</v>
      </c>
      <c r="IG17" s="71">
        <v>4</v>
      </c>
      <c r="IH17" s="71">
        <v>2</v>
      </c>
      <c r="II17" s="72">
        <v>28</v>
      </c>
      <c r="IJ17" s="73">
        <v>33</v>
      </c>
      <c r="IK17" s="70">
        <v>11</v>
      </c>
      <c r="IL17" s="71">
        <v>14</v>
      </c>
      <c r="IM17" s="72">
        <v>25</v>
      </c>
      <c r="IN17" s="244"/>
      <c r="IO17" s="71">
        <v>22</v>
      </c>
      <c r="IP17" s="71">
        <v>13</v>
      </c>
      <c r="IQ17" s="71">
        <v>10</v>
      </c>
      <c r="IR17" s="71">
        <v>6</v>
      </c>
      <c r="IS17" s="71">
        <v>3</v>
      </c>
      <c r="IT17" s="72">
        <v>54</v>
      </c>
      <c r="IU17" s="73">
        <v>79</v>
      </c>
      <c r="IV17" s="70">
        <v>22</v>
      </c>
      <c r="IW17" s="71">
        <v>18</v>
      </c>
      <c r="IX17" s="72">
        <v>40</v>
      </c>
      <c r="IY17" s="244"/>
      <c r="IZ17" s="71">
        <v>24</v>
      </c>
      <c r="JA17" s="71">
        <v>29</v>
      </c>
      <c r="JB17" s="71">
        <v>13</v>
      </c>
      <c r="JC17" s="71">
        <v>9</v>
      </c>
      <c r="JD17" s="71">
        <v>7</v>
      </c>
      <c r="JE17" s="72">
        <v>82</v>
      </c>
      <c r="JF17" s="73">
        <v>122</v>
      </c>
      <c r="JG17" s="70">
        <v>15</v>
      </c>
      <c r="JH17" s="71">
        <v>16</v>
      </c>
      <c r="JI17" s="72">
        <v>31</v>
      </c>
      <c r="JJ17" s="244"/>
      <c r="JK17" s="71">
        <v>26</v>
      </c>
      <c r="JL17" s="71">
        <v>29</v>
      </c>
      <c r="JM17" s="71">
        <v>21</v>
      </c>
      <c r="JN17" s="71">
        <v>14</v>
      </c>
      <c r="JO17" s="71">
        <v>14</v>
      </c>
      <c r="JP17" s="72">
        <v>104</v>
      </c>
      <c r="JQ17" s="73">
        <v>135</v>
      </c>
      <c r="JR17" s="70">
        <v>0</v>
      </c>
      <c r="JS17" s="71">
        <v>0</v>
      </c>
      <c r="JT17" s="72">
        <v>0</v>
      </c>
      <c r="JU17" s="244"/>
      <c r="JV17" s="71">
        <v>0</v>
      </c>
      <c r="JW17" s="71">
        <v>0</v>
      </c>
      <c r="JX17" s="71">
        <v>0</v>
      </c>
      <c r="JY17" s="71">
        <v>0</v>
      </c>
      <c r="JZ17" s="71">
        <v>0</v>
      </c>
      <c r="KA17" s="72">
        <v>0</v>
      </c>
      <c r="KB17" s="73">
        <v>0</v>
      </c>
      <c r="KC17" s="70">
        <v>57</v>
      </c>
      <c r="KD17" s="71">
        <v>53</v>
      </c>
      <c r="KE17" s="72">
        <v>110</v>
      </c>
      <c r="KF17" s="244"/>
      <c r="KG17" s="71">
        <v>91</v>
      </c>
      <c r="KH17" s="71">
        <v>80</v>
      </c>
      <c r="KI17" s="71">
        <v>50</v>
      </c>
      <c r="KJ17" s="71">
        <v>35</v>
      </c>
      <c r="KK17" s="71">
        <v>28</v>
      </c>
      <c r="KL17" s="72">
        <v>284</v>
      </c>
      <c r="KM17" s="73">
        <v>394</v>
      </c>
    </row>
    <row r="18" spans="2:299" ht="21" customHeight="1" x14ac:dyDescent="0.2">
      <c r="B18" s="126" t="s">
        <v>15</v>
      </c>
      <c r="C18" s="315">
        <v>8</v>
      </c>
      <c r="D18" s="82">
        <v>11</v>
      </c>
      <c r="E18" s="83">
        <v>19</v>
      </c>
      <c r="F18" s="241"/>
      <c r="G18" s="82">
        <v>16</v>
      </c>
      <c r="H18" s="82">
        <v>15</v>
      </c>
      <c r="I18" s="82">
        <v>6</v>
      </c>
      <c r="J18" s="82">
        <v>10</v>
      </c>
      <c r="K18" s="82">
        <v>7</v>
      </c>
      <c r="L18" s="84">
        <v>54</v>
      </c>
      <c r="M18" s="85">
        <v>73</v>
      </c>
      <c r="N18" s="70">
        <v>0</v>
      </c>
      <c r="O18" s="71">
        <v>1</v>
      </c>
      <c r="P18" s="72">
        <v>1</v>
      </c>
      <c r="Q18" s="244"/>
      <c r="R18" s="71">
        <v>1</v>
      </c>
      <c r="S18" s="71">
        <v>1</v>
      </c>
      <c r="T18" s="71">
        <v>0</v>
      </c>
      <c r="U18" s="71">
        <v>1</v>
      </c>
      <c r="V18" s="71">
        <v>0</v>
      </c>
      <c r="W18" s="72">
        <v>3</v>
      </c>
      <c r="X18" s="73">
        <v>4</v>
      </c>
      <c r="Y18" s="70">
        <v>1</v>
      </c>
      <c r="Z18" s="71">
        <v>0</v>
      </c>
      <c r="AA18" s="72">
        <v>1</v>
      </c>
      <c r="AB18" s="244"/>
      <c r="AC18" s="71">
        <v>0</v>
      </c>
      <c r="AD18" s="71">
        <v>1</v>
      </c>
      <c r="AE18" s="71">
        <v>2</v>
      </c>
      <c r="AF18" s="71">
        <v>1</v>
      </c>
      <c r="AG18" s="71">
        <v>1</v>
      </c>
      <c r="AH18" s="72">
        <v>5</v>
      </c>
      <c r="AI18" s="73">
        <v>6</v>
      </c>
      <c r="AJ18" s="70">
        <v>1</v>
      </c>
      <c r="AK18" s="71">
        <v>1</v>
      </c>
      <c r="AL18" s="72">
        <v>2</v>
      </c>
      <c r="AM18" s="244"/>
      <c r="AN18" s="71">
        <v>4</v>
      </c>
      <c r="AO18" s="71">
        <v>3</v>
      </c>
      <c r="AP18" s="71">
        <v>1</v>
      </c>
      <c r="AQ18" s="71">
        <v>0</v>
      </c>
      <c r="AR18" s="71">
        <v>1</v>
      </c>
      <c r="AS18" s="72">
        <v>9</v>
      </c>
      <c r="AT18" s="73">
        <v>11</v>
      </c>
      <c r="AU18" s="70">
        <v>1</v>
      </c>
      <c r="AV18" s="71">
        <v>4</v>
      </c>
      <c r="AW18" s="72">
        <v>5</v>
      </c>
      <c r="AX18" s="244"/>
      <c r="AY18" s="71">
        <v>2</v>
      </c>
      <c r="AZ18" s="71">
        <v>4</v>
      </c>
      <c r="BA18" s="71">
        <v>2</v>
      </c>
      <c r="BB18" s="71">
        <v>2</v>
      </c>
      <c r="BC18" s="71">
        <v>1</v>
      </c>
      <c r="BD18" s="72">
        <v>11</v>
      </c>
      <c r="BE18" s="73">
        <v>16</v>
      </c>
      <c r="BF18" s="70">
        <v>2</v>
      </c>
      <c r="BG18" s="71">
        <v>3</v>
      </c>
      <c r="BH18" s="72">
        <v>5</v>
      </c>
      <c r="BI18" s="244"/>
      <c r="BJ18" s="71">
        <v>5</v>
      </c>
      <c r="BK18" s="71">
        <v>3</v>
      </c>
      <c r="BL18" s="71">
        <v>1</v>
      </c>
      <c r="BM18" s="71">
        <v>4</v>
      </c>
      <c r="BN18" s="71">
        <v>2</v>
      </c>
      <c r="BO18" s="72">
        <v>15</v>
      </c>
      <c r="BP18" s="73">
        <v>20</v>
      </c>
      <c r="BQ18" s="70">
        <v>3</v>
      </c>
      <c r="BR18" s="71">
        <v>2</v>
      </c>
      <c r="BS18" s="72">
        <v>5</v>
      </c>
      <c r="BT18" s="244"/>
      <c r="BU18" s="71">
        <v>4</v>
      </c>
      <c r="BV18" s="71">
        <v>3</v>
      </c>
      <c r="BW18" s="71">
        <v>0</v>
      </c>
      <c r="BX18" s="71">
        <v>2</v>
      </c>
      <c r="BY18" s="71">
        <v>2</v>
      </c>
      <c r="BZ18" s="72">
        <v>11</v>
      </c>
      <c r="CA18" s="73">
        <v>16</v>
      </c>
      <c r="CB18" s="70">
        <v>0</v>
      </c>
      <c r="CC18" s="71">
        <v>0</v>
      </c>
      <c r="CD18" s="72">
        <v>0</v>
      </c>
      <c r="CE18" s="244"/>
      <c r="CF18" s="71">
        <v>0</v>
      </c>
      <c r="CG18" s="71">
        <v>0</v>
      </c>
      <c r="CH18" s="71">
        <v>0</v>
      </c>
      <c r="CI18" s="71">
        <v>0</v>
      </c>
      <c r="CJ18" s="71">
        <v>0</v>
      </c>
      <c r="CK18" s="72">
        <v>0</v>
      </c>
      <c r="CL18" s="73">
        <v>0</v>
      </c>
      <c r="CM18" s="70">
        <v>8</v>
      </c>
      <c r="CN18" s="71">
        <v>11</v>
      </c>
      <c r="CO18" s="72">
        <v>19</v>
      </c>
      <c r="CP18" s="244"/>
      <c r="CQ18" s="71">
        <v>16</v>
      </c>
      <c r="CR18" s="71">
        <v>15</v>
      </c>
      <c r="CS18" s="71">
        <v>6</v>
      </c>
      <c r="CT18" s="71">
        <v>10</v>
      </c>
      <c r="CU18" s="71">
        <v>7</v>
      </c>
      <c r="CV18" s="72">
        <v>54</v>
      </c>
      <c r="CW18" s="73">
        <v>73</v>
      </c>
      <c r="CX18" s="123">
        <v>2</v>
      </c>
      <c r="CY18" s="82">
        <v>8</v>
      </c>
      <c r="CZ18" s="83">
        <v>10</v>
      </c>
      <c r="DA18" s="241"/>
      <c r="DB18" s="82">
        <v>10</v>
      </c>
      <c r="DC18" s="82">
        <v>9</v>
      </c>
      <c r="DD18" s="82">
        <v>6</v>
      </c>
      <c r="DE18" s="82">
        <v>3</v>
      </c>
      <c r="DF18" s="82">
        <v>4</v>
      </c>
      <c r="DG18" s="84">
        <v>32</v>
      </c>
      <c r="DH18" s="85">
        <v>42</v>
      </c>
      <c r="DI18" s="70">
        <v>0</v>
      </c>
      <c r="DJ18" s="71">
        <v>0</v>
      </c>
      <c r="DK18" s="72">
        <v>0</v>
      </c>
      <c r="DL18" s="244"/>
      <c r="DM18" s="71">
        <v>0</v>
      </c>
      <c r="DN18" s="71">
        <v>0</v>
      </c>
      <c r="DO18" s="71">
        <v>1</v>
      </c>
      <c r="DP18" s="71">
        <v>0</v>
      </c>
      <c r="DQ18" s="71">
        <v>0</v>
      </c>
      <c r="DR18" s="72">
        <v>1</v>
      </c>
      <c r="DS18" s="73">
        <v>1</v>
      </c>
      <c r="DT18" s="70">
        <v>0</v>
      </c>
      <c r="DU18" s="71">
        <v>1</v>
      </c>
      <c r="DV18" s="72">
        <v>1</v>
      </c>
      <c r="DW18" s="244"/>
      <c r="DX18" s="71">
        <v>0</v>
      </c>
      <c r="DY18" s="71">
        <v>0</v>
      </c>
      <c r="DZ18" s="71">
        <v>0</v>
      </c>
      <c r="EA18" s="71">
        <v>0</v>
      </c>
      <c r="EB18" s="71">
        <v>0</v>
      </c>
      <c r="EC18" s="72">
        <v>0</v>
      </c>
      <c r="ED18" s="73">
        <v>1</v>
      </c>
      <c r="EE18" s="70">
        <v>0</v>
      </c>
      <c r="EF18" s="71">
        <v>3</v>
      </c>
      <c r="EG18" s="72">
        <v>3</v>
      </c>
      <c r="EH18" s="244"/>
      <c r="EI18" s="71">
        <v>3</v>
      </c>
      <c r="EJ18" s="71">
        <v>1</v>
      </c>
      <c r="EK18" s="71">
        <v>1</v>
      </c>
      <c r="EL18" s="71">
        <v>0</v>
      </c>
      <c r="EM18" s="71">
        <v>2</v>
      </c>
      <c r="EN18" s="72">
        <v>7</v>
      </c>
      <c r="EO18" s="73">
        <v>10</v>
      </c>
      <c r="EP18" s="70">
        <v>0</v>
      </c>
      <c r="EQ18" s="71">
        <v>1</v>
      </c>
      <c r="ER18" s="72">
        <v>1</v>
      </c>
      <c r="ES18" s="244"/>
      <c r="ET18" s="71">
        <v>2</v>
      </c>
      <c r="EU18" s="71">
        <v>0</v>
      </c>
      <c r="EV18" s="71">
        <v>0</v>
      </c>
      <c r="EW18" s="71">
        <v>1</v>
      </c>
      <c r="EX18" s="71">
        <v>0</v>
      </c>
      <c r="EY18" s="72">
        <v>3</v>
      </c>
      <c r="EZ18" s="73">
        <v>4</v>
      </c>
      <c r="FA18" s="70">
        <v>0</v>
      </c>
      <c r="FB18" s="71">
        <v>1</v>
      </c>
      <c r="FC18" s="72">
        <v>1</v>
      </c>
      <c r="FD18" s="244"/>
      <c r="FE18" s="71">
        <v>2</v>
      </c>
      <c r="FF18" s="71">
        <v>2</v>
      </c>
      <c r="FG18" s="71">
        <v>1</v>
      </c>
      <c r="FH18" s="71">
        <v>0</v>
      </c>
      <c r="FI18" s="71">
        <v>0</v>
      </c>
      <c r="FJ18" s="72">
        <v>5</v>
      </c>
      <c r="FK18" s="73">
        <v>6</v>
      </c>
      <c r="FL18" s="70">
        <v>2</v>
      </c>
      <c r="FM18" s="71">
        <v>2</v>
      </c>
      <c r="FN18" s="72">
        <v>4</v>
      </c>
      <c r="FO18" s="244"/>
      <c r="FP18" s="71">
        <v>3</v>
      </c>
      <c r="FQ18" s="71">
        <v>6</v>
      </c>
      <c r="FR18" s="71">
        <v>3</v>
      </c>
      <c r="FS18" s="71">
        <v>2</v>
      </c>
      <c r="FT18" s="71">
        <v>2</v>
      </c>
      <c r="FU18" s="72">
        <v>16</v>
      </c>
      <c r="FV18" s="73">
        <v>20</v>
      </c>
      <c r="FW18" s="70">
        <v>0</v>
      </c>
      <c r="FX18" s="71">
        <v>0</v>
      </c>
      <c r="FY18" s="72">
        <v>0</v>
      </c>
      <c r="FZ18" s="244"/>
      <c r="GA18" s="71">
        <v>0</v>
      </c>
      <c r="GB18" s="71">
        <v>0</v>
      </c>
      <c r="GC18" s="71">
        <v>0</v>
      </c>
      <c r="GD18" s="71">
        <v>0</v>
      </c>
      <c r="GE18" s="71">
        <v>0</v>
      </c>
      <c r="GF18" s="72">
        <v>0</v>
      </c>
      <c r="GG18" s="73">
        <v>0</v>
      </c>
      <c r="GH18" s="70">
        <v>2</v>
      </c>
      <c r="GI18" s="71">
        <v>8</v>
      </c>
      <c r="GJ18" s="72">
        <v>10</v>
      </c>
      <c r="GK18" s="244"/>
      <c r="GL18" s="71">
        <v>10</v>
      </c>
      <c r="GM18" s="71">
        <v>9</v>
      </c>
      <c r="GN18" s="71">
        <v>6</v>
      </c>
      <c r="GO18" s="71">
        <v>3</v>
      </c>
      <c r="GP18" s="71">
        <v>4</v>
      </c>
      <c r="GQ18" s="72">
        <v>32</v>
      </c>
      <c r="GR18" s="73">
        <v>42</v>
      </c>
      <c r="GS18" s="123">
        <v>10</v>
      </c>
      <c r="GT18" s="82">
        <v>19</v>
      </c>
      <c r="GU18" s="83">
        <v>29</v>
      </c>
      <c r="GV18" s="241"/>
      <c r="GW18" s="82">
        <v>26</v>
      </c>
      <c r="GX18" s="82">
        <v>24</v>
      </c>
      <c r="GY18" s="82">
        <v>12</v>
      </c>
      <c r="GZ18" s="82">
        <v>13</v>
      </c>
      <c r="HA18" s="82">
        <v>11</v>
      </c>
      <c r="HB18" s="84">
        <v>86</v>
      </c>
      <c r="HC18" s="85">
        <v>115</v>
      </c>
      <c r="HD18" s="70">
        <v>0</v>
      </c>
      <c r="HE18" s="71">
        <v>1</v>
      </c>
      <c r="HF18" s="72">
        <v>1</v>
      </c>
      <c r="HG18" s="244"/>
      <c r="HH18" s="71">
        <v>1</v>
      </c>
      <c r="HI18" s="71">
        <v>1</v>
      </c>
      <c r="HJ18" s="71">
        <v>1</v>
      </c>
      <c r="HK18" s="71">
        <v>1</v>
      </c>
      <c r="HL18" s="71">
        <v>0</v>
      </c>
      <c r="HM18" s="72">
        <v>4</v>
      </c>
      <c r="HN18" s="73">
        <v>5</v>
      </c>
      <c r="HO18" s="70">
        <v>1</v>
      </c>
      <c r="HP18" s="71">
        <v>1</v>
      </c>
      <c r="HQ18" s="72">
        <v>2</v>
      </c>
      <c r="HR18" s="244"/>
      <c r="HS18" s="71">
        <v>0</v>
      </c>
      <c r="HT18" s="71">
        <v>1</v>
      </c>
      <c r="HU18" s="71">
        <v>2</v>
      </c>
      <c r="HV18" s="71">
        <v>1</v>
      </c>
      <c r="HW18" s="71">
        <v>1</v>
      </c>
      <c r="HX18" s="72">
        <v>5</v>
      </c>
      <c r="HY18" s="73">
        <v>7</v>
      </c>
      <c r="HZ18" s="70">
        <v>1</v>
      </c>
      <c r="IA18" s="71">
        <v>4</v>
      </c>
      <c r="IB18" s="72">
        <v>5</v>
      </c>
      <c r="IC18" s="244"/>
      <c r="ID18" s="71">
        <v>7</v>
      </c>
      <c r="IE18" s="71">
        <v>4</v>
      </c>
      <c r="IF18" s="71">
        <v>2</v>
      </c>
      <c r="IG18" s="71">
        <v>0</v>
      </c>
      <c r="IH18" s="71">
        <v>3</v>
      </c>
      <c r="II18" s="72">
        <v>16</v>
      </c>
      <c r="IJ18" s="73">
        <v>21</v>
      </c>
      <c r="IK18" s="70">
        <v>1</v>
      </c>
      <c r="IL18" s="71">
        <v>5</v>
      </c>
      <c r="IM18" s="72">
        <v>6</v>
      </c>
      <c r="IN18" s="244"/>
      <c r="IO18" s="71">
        <v>4</v>
      </c>
      <c r="IP18" s="71">
        <v>4</v>
      </c>
      <c r="IQ18" s="71">
        <v>2</v>
      </c>
      <c r="IR18" s="71">
        <v>3</v>
      </c>
      <c r="IS18" s="71">
        <v>1</v>
      </c>
      <c r="IT18" s="72">
        <v>14</v>
      </c>
      <c r="IU18" s="73">
        <v>20</v>
      </c>
      <c r="IV18" s="70">
        <v>2</v>
      </c>
      <c r="IW18" s="71">
        <v>4</v>
      </c>
      <c r="IX18" s="72">
        <v>6</v>
      </c>
      <c r="IY18" s="244"/>
      <c r="IZ18" s="71">
        <v>7</v>
      </c>
      <c r="JA18" s="71">
        <v>5</v>
      </c>
      <c r="JB18" s="71">
        <v>2</v>
      </c>
      <c r="JC18" s="71">
        <v>4</v>
      </c>
      <c r="JD18" s="71">
        <v>2</v>
      </c>
      <c r="JE18" s="72">
        <v>20</v>
      </c>
      <c r="JF18" s="73">
        <v>26</v>
      </c>
      <c r="JG18" s="70">
        <v>5</v>
      </c>
      <c r="JH18" s="71">
        <v>4</v>
      </c>
      <c r="JI18" s="72">
        <v>9</v>
      </c>
      <c r="JJ18" s="244"/>
      <c r="JK18" s="71">
        <v>7</v>
      </c>
      <c r="JL18" s="71">
        <v>9</v>
      </c>
      <c r="JM18" s="71">
        <v>3</v>
      </c>
      <c r="JN18" s="71">
        <v>4</v>
      </c>
      <c r="JO18" s="71">
        <v>4</v>
      </c>
      <c r="JP18" s="72">
        <v>27</v>
      </c>
      <c r="JQ18" s="73">
        <v>36</v>
      </c>
      <c r="JR18" s="70">
        <v>0</v>
      </c>
      <c r="JS18" s="71">
        <v>0</v>
      </c>
      <c r="JT18" s="72">
        <v>0</v>
      </c>
      <c r="JU18" s="244"/>
      <c r="JV18" s="71">
        <v>0</v>
      </c>
      <c r="JW18" s="71">
        <v>0</v>
      </c>
      <c r="JX18" s="71">
        <v>0</v>
      </c>
      <c r="JY18" s="71">
        <v>0</v>
      </c>
      <c r="JZ18" s="71">
        <v>0</v>
      </c>
      <c r="KA18" s="72">
        <v>0</v>
      </c>
      <c r="KB18" s="73">
        <v>0</v>
      </c>
      <c r="KC18" s="70">
        <v>10</v>
      </c>
      <c r="KD18" s="71">
        <v>19</v>
      </c>
      <c r="KE18" s="72">
        <v>29</v>
      </c>
      <c r="KF18" s="244"/>
      <c r="KG18" s="71">
        <v>26</v>
      </c>
      <c r="KH18" s="71">
        <v>24</v>
      </c>
      <c r="KI18" s="71">
        <v>12</v>
      </c>
      <c r="KJ18" s="71">
        <v>13</v>
      </c>
      <c r="KK18" s="71">
        <v>11</v>
      </c>
      <c r="KL18" s="72">
        <v>86</v>
      </c>
      <c r="KM18" s="73">
        <v>115</v>
      </c>
    </row>
    <row r="19" spans="2:299" ht="21" customHeight="1" x14ac:dyDescent="0.2">
      <c r="B19" s="126" t="s">
        <v>16</v>
      </c>
      <c r="C19" s="315">
        <v>34</v>
      </c>
      <c r="D19" s="82">
        <v>30</v>
      </c>
      <c r="E19" s="83">
        <v>64</v>
      </c>
      <c r="F19" s="241"/>
      <c r="G19" s="82">
        <v>49</v>
      </c>
      <c r="H19" s="82">
        <v>55</v>
      </c>
      <c r="I19" s="82">
        <v>44</v>
      </c>
      <c r="J19" s="82">
        <v>26</v>
      </c>
      <c r="K19" s="82">
        <v>20</v>
      </c>
      <c r="L19" s="84">
        <v>194</v>
      </c>
      <c r="M19" s="85">
        <v>258</v>
      </c>
      <c r="N19" s="70">
        <v>0</v>
      </c>
      <c r="O19" s="71">
        <v>2</v>
      </c>
      <c r="P19" s="72">
        <v>2</v>
      </c>
      <c r="Q19" s="244"/>
      <c r="R19" s="71">
        <v>1</v>
      </c>
      <c r="S19" s="71">
        <v>2</v>
      </c>
      <c r="T19" s="71">
        <v>1</v>
      </c>
      <c r="U19" s="71">
        <v>0</v>
      </c>
      <c r="V19" s="71">
        <v>3</v>
      </c>
      <c r="W19" s="72">
        <v>7</v>
      </c>
      <c r="X19" s="73">
        <v>9</v>
      </c>
      <c r="Y19" s="70">
        <v>5</v>
      </c>
      <c r="Z19" s="71">
        <v>7</v>
      </c>
      <c r="AA19" s="72">
        <v>12</v>
      </c>
      <c r="AB19" s="244"/>
      <c r="AC19" s="71">
        <v>5</v>
      </c>
      <c r="AD19" s="71">
        <v>8</v>
      </c>
      <c r="AE19" s="71">
        <v>3</v>
      </c>
      <c r="AF19" s="71">
        <v>5</v>
      </c>
      <c r="AG19" s="71">
        <v>1</v>
      </c>
      <c r="AH19" s="72">
        <v>22</v>
      </c>
      <c r="AI19" s="73">
        <v>34</v>
      </c>
      <c r="AJ19" s="70">
        <v>7</v>
      </c>
      <c r="AK19" s="71">
        <v>5</v>
      </c>
      <c r="AL19" s="72">
        <v>12</v>
      </c>
      <c r="AM19" s="244"/>
      <c r="AN19" s="71">
        <v>6</v>
      </c>
      <c r="AO19" s="71">
        <v>9</v>
      </c>
      <c r="AP19" s="71">
        <v>9</v>
      </c>
      <c r="AQ19" s="71">
        <v>5</v>
      </c>
      <c r="AR19" s="71">
        <v>1</v>
      </c>
      <c r="AS19" s="72">
        <v>30</v>
      </c>
      <c r="AT19" s="73">
        <v>42</v>
      </c>
      <c r="AU19" s="70">
        <v>7</v>
      </c>
      <c r="AV19" s="71">
        <v>3</v>
      </c>
      <c r="AW19" s="72">
        <v>10</v>
      </c>
      <c r="AX19" s="244"/>
      <c r="AY19" s="71">
        <v>16</v>
      </c>
      <c r="AZ19" s="71">
        <v>14</v>
      </c>
      <c r="BA19" s="71">
        <v>10</v>
      </c>
      <c r="BB19" s="71">
        <v>2</v>
      </c>
      <c r="BC19" s="71">
        <v>5</v>
      </c>
      <c r="BD19" s="72">
        <v>47</v>
      </c>
      <c r="BE19" s="73">
        <v>57</v>
      </c>
      <c r="BF19" s="70">
        <v>11</v>
      </c>
      <c r="BG19" s="71">
        <v>10</v>
      </c>
      <c r="BH19" s="72">
        <v>21</v>
      </c>
      <c r="BI19" s="244"/>
      <c r="BJ19" s="71">
        <v>8</v>
      </c>
      <c r="BK19" s="71">
        <v>11</v>
      </c>
      <c r="BL19" s="71">
        <v>12</v>
      </c>
      <c r="BM19" s="71">
        <v>5</v>
      </c>
      <c r="BN19" s="71">
        <v>5</v>
      </c>
      <c r="BO19" s="72">
        <v>41</v>
      </c>
      <c r="BP19" s="73">
        <v>62</v>
      </c>
      <c r="BQ19" s="70">
        <v>4</v>
      </c>
      <c r="BR19" s="71">
        <v>3</v>
      </c>
      <c r="BS19" s="72">
        <v>7</v>
      </c>
      <c r="BT19" s="244"/>
      <c r="BU19" s="71">
        <v>13</v>
      </c>
      <c r="BV19" s="71">
        <v>11</v>
      </c>
      <c r="BW19" s="71">
        <v>9</v>
      </c>
      <c r="BX19" s="71">
        <v>9</v>
      </c>
      <c r="BY19" s="71">
        <v>5</v>
      </c>
      <c r="BZ19" s="72">
        <v>47</v>
      </c>
      <c r="CA19" s="73">
        <v>54</v>
      </c>
      <c r="CB19" s="70">
        <v>0</v>
      </c>
      <c r="CC19" s="71">
        <v>0</v>
      </c>
      <c r="CD19" s="72">
        <v>0</v>
      </c>
      <c r="CE19" s="244"/>
      <c r="CF19" s="71">
        <v>0</v>
      </c>
      <c r="CG19" s="71">
        <v>0</v>
      </c>
      <c r="CH19" s="71">
        <v>0</v>
      </c>
      <c r="CI19" s="71">
        <v>0</v>
      </c>
      <c r="CJ19" s="71">
        <v>0</v>
      </c>
      <c r="CK19" s="72">
        <v>0</v>
      </c>
      <c r="CL19" s="73">
        <v>0</v>
      </c>
      <c r="CM19" s="70">
        <v>34</v>
      </c>
      <c r="CN19" s="71">
        <v>30</v>
      </c>
      <c r="CO19" s="72">
        <v>64</v>
      </c>
      <c r="CP19" s="244"/>
      <c r="CQ19" s="71">
        <v>49</v>
      </c>
      <c r="CR19" s="71">
        <v>55</v>
      </c>
      <c r="CS19" s="71">
        <v>44</v>
      </c>
      <c r="CT19" s="71">
        <v>26</v>
      </c>
      <c r="CU19" s="71">
        <v>20</v>
      </c>
      <c r="CV19" s="72">
        <v>194</v>
      </c>
      <c r="CW19" s="73">
        <v>258</v>
      </c>
      <c r="CX19" s="123">
        <v>10</v>
      </c>
      <c r="CY19" s="82">
        <v>14</v>
      </c>
      <c r="CZ19" s="83">
        <v>24</v>
      </c>
      <c r="DA19" s="241"/>
      <c r="DB19" s="82">
        <v>22</v>
      </c>
      <c r="DC19" s="82">
        <v>25</v>
      </c>
      <c r="DD19" s="82">
        <v>16</v>
      </c>
      <c r="DE19" s="82">
        <v>13</v>
      </c>
      <c r="DF19" s="82">
        <v>15</v>
      </c>
      <c r="DG19" s="84">
        <v>91</v>
      </c>
      <c r="DH19" s="85">
        <v>115</v>
      </c>
      <c r="DI19" s="70">
        <v>0</v>
      </c>
      <c r="DJ19" s="71">
        <v>0</v>
      </c>
      <c r="DK19" s="72">
        <v>0</v>
      </c>
      <c r="DL19" s="244"/>
      <c r="DM19" s="71">
        <v>0</v>
      </c>
      <c r="DN19" s="71">
        <v>0</v>
      </c>
      <c r="DO19" s="71">
        <v>0</v>
      </c>
      <c r="DP19" s="71">
        <v>1</v>
      </c>
      <c r="DQ19" s="71">
        <v>0</v>
      </c>
      <c r="DR19" s="72">
        <v>1</v>
      </c>
      <c r="DS19" s="73">
        <v>1</v>
      </c>
      <c r="DT19" s="70">
        <v>1</v>
      </c>
      <c r="DU19" s="71">
        <v>2</v>
      </c>
      <c r="DV19" s="72">
        <v>3</v>
      </c>
      <c r="DW19" s="244"/>
      <c r="DX19" s="71">
        <v>3</v>
      </c>
      <c r="DY19" s="71">
        <v>3</v>
      </c>
      <c r="DZ19" s="71">
        <v>1</v>
      </c>
      <c r="EA19" s="71">
        <v>0</v>
      </c>
      <c r="EB19" s="71">
        <v>1</v>
      </c>
      <c r="EC19" s="72">
        <v>8</v>
      </c>
      <c r="ED19" s="73">
        <v>11</v>
      </c>
      <c r="EE19" s="70">
        <v>1</v>
      </c>
      <c r="EF19" s="71">
        <v>2</v>
      </c>
      <c r="EG19" s="72">
        <v>3</v>
      </c>
      <c r="EH19" s="244"/>
      <c r="EI19" s="71">
        <v>1</v>
      </c>
      <c r="EJ19" s="71">
        <v>3</v>
      </c>
      <c r="EK19" s="71">
        <v>2</v>
      </c>
      <c r="EL19" s="71">
        <v>1</v>
      </c>
      <c r="EM19" s="71">
        <v>1</v>
      </c>
      <c r="EN19" s="72">
        <v>8</v>
      </c>
      <c r="EO19" s="73">
        <v>11</v>
      </c>
      <c r="EP19" s="70">
        <v>7</v>
      </c>
      <c r="EQ19" s="71">
        <v>4</v>
      </c>
      <c r="ER19" s="72">
        <v>11</v>
      </c>
      <c r="ES19" s="244"/>
      <c r="ET19" s="71">
        <v>3</v>
      </c>
      <c r="EU19" s="71">
        <v>6</v>
      </c>
      <c r="EV19" s="71">
        <v>0</v>
      </c>
      <c r="EW19" s="71">
        <v>0</v>
      </c>
      <c r="EX19" s="71">
        <v>1</v>
      </c>
      <c r="EY19" s="72">
        <v>10</v>
      </c>
      <c r="EZ19" s="73">
        <v>21</v>
      </c>
      <c r="FA19" s="70">
        <v>0</v>
      </c>
      <c r="FB19" s="71">
        <v>4</v>
      </c>
      <c r="FC19" s="72">
        <v>4</v>
      </c>
      <c r="FD19" s="244"/>
      <c r="FE19" s="71">
        <v>10</v>
      </c>
      <c r="FF19" s="71">
        <v>6</v>
      </c>
      <c r="FG19" s="71">
        <v>6</v>
      </c>
      <c r="FH19" s="71">
        <v>3</v>
      </c>
      <c r="FI19" s="71">
        <v>3</v>
      </c>
      <c r="FJ19" s="72">
        <v>28</v>
      </c>
      <c r="FK19" s="73">
        <v>32</v>
      </c>
      <c r="FL19" s="70">
        <v>1</v>
      </c>
      <c r="FM19" s="71">
        <v>2</v>
      </c>
      <c r="FN19" s="72">
        <v>3</v>
      </c>
      <c r="FO19" s="244"/>
      <c r="FP19" s="71">
        <v>5</v>
      </c>
      <c r="FQ19" s="71">
        <v>7</v>
      </c>
      <c r="FR19" s="71">
        <v>7</v>
      </c>
      <c r="FS19" s="71">
        <v>8</v>
      </c>
      <c r="FT19" s="71">
        <v>9</v>
      </c>
      <c r="FU19" s="72">
        <v>36</v>
      </c>
      <c r="FV19" s="73">
        <v>39</v>
      </c>
      <c r="FW19" s="70">
        <v>0</v>
      </c>
      <c r="FX19" s="71">
        <v>0</v>
      </c>
      <c r="FY19" s="72">
        <v>0</v>
      </c>
      <c r="FZ19" s="244"/>
      <c r="GA19" s="71">
        <v>0</v>
      </c>
      <c r="GB19" s="71">
        <v>0</v>
      </c>
      <c r="GC19" s="71">
        <v>0</v>
      </c>
      <c r="GD19" s="71">
        <v>0</v>
      </c>
      <c r="GE19" s="71">
        <v>0</v>
      </c>
      <c r="GF19" s="72">
        <v>0</v>
      </c>
      <c r="GG19" s="73">
        <v>0</v>
      </c>
      <c r="GH19" s="70">
        <v>10</v>
      </c>
      <c r="GI19" s="71">
        <v>14</v>
      </c>
      <c r="GJ19" s="72">
        <v>24</v>
      </c>
      <c r="GK19" s="244"/>
      <c r="GL19" s="71">
        <v>22</v>
      </c>
      <c r="GM19" s="71">
        <v>25</v>
      </c>
      <c r="GN19" s="71">
        <v>16</v>
      </c>
      <c r="GO19" s="71">
        <v>13</v>
      </c>
      <c r="GP19" s="71">
        <v>15</v>
      </c>
      <c r="GQ19" s="72">
        <v>91</v>
      </c>
      <c r="GR19" s="73">
        <v>115</v>
      </c>
      <c r="GS19" s="123">
        <v>44</v>
      </c>
      <c r="GT19" s="82">
        <v>44</v>
      </c>
      <c r="GU19" s="83">
        <v>88</v>
      </c>
      <c r="GV19" s="241"/>
      <c r="GW19" s="82">
        <v>71</v>
      </c>
      <c r="GX19" s="82">
        <v>80</v>
      </c>
      <c r="GY19" s="82">
        <v>60</v>
      </c>
      <c r="GZ19" s="82">
        <v>39</v>
      </c>
      <c r="HA19" s="82">
        <v>35</v>
      </c>
      <c r="HB19" s="84">
        <v>285</v>
      </c>
      <c r="HC19" s="85">
        <v>373</v>
      </c>
      <c r="HD19" s="70">
        <v>0</v>
      </c>
      <c r="HE19" s="71">
        <v>2</v>
      </c>
      <c r="HF19" s="72">
        <v>2</v>
      </c>
      <c r="HG19" s="244"/>
      <c r="HH19" s="71">
        <v>1</v>
      </c>
      <c r="HI19" s="71">
        <v>2</v>
      </c>
      <c r="HJ19" s="71">
        <v>1</v>
      </c>
      <c r="HK19" s="71">
        <v>1</v>
      </c>
      <c r="HL19" s="71">
        <v>3</v>
      </c>
      <c r="HM19" s="72">
        <v>8</v>
      </c>
      <c r="HN19" s="73">
        <v>10</v>
      </c>
      <c r="HO19" s="70">
        <v>6</v>
      </c>
      <c r="HP19" s="71">
        <v>9</v>
      </c>
      <c r="HQ19" s="72">
        <v>15</v>
      </c>
      <c r="HR19" s="244"/>
      <c r="HS19" s="71">
        <v>8</v>
      </c>
      <c r="HT19" s="71">
        <v>11</v>
      </c>
      <c r="HU19" s="71">
        <v>4</v>
      </c>
      <c r="HV19" s="71">
        <v>5</v>
      </c>
      <c r="HW19" s="71">
        <v>2</v>
      </c>
      <c r="HX19" s="72">
        <v>30</v>
      </c>
      <c r="HY19" s="73">
        <v>45</v>
      </c>
      <c r="HZ19" s="70">
        <v>8</v>
      </c>
      <c r="IA19" s="71">
        <v>7</v>
      </c>
      <c r="IB19" s="72">
        <v>15</v>
      </c>
      <c r="IC19" s="244"/>
      <c r="ID19" s="71">
        <v>7</v>
      </c>
      <c r="IE19" s="71">
        <v>12</v>
      </c>
      <c r="IF19" s="71">
        <v>11</v>
      </c>
      <c r="IG19" s="71">
        <v>6</v>
      </c>
      <c r="IH19" s="71">
        <v>2</v>
      </c>
      <c r="II19" s="72">
        <v>38</v>
      </c>
      <c r="IJ19" s="73">
        <v>53</v>
      </c>
      <c r="IK19" s="70">
        <v>14</v>
      </c>
      <c r="IL19" s="71">
        <v>7</v>
      </c>
      <c r="IM19" s="72">
        <v>21</v>
      </c>
      <c r="IN19" s="244"/>
      <c r="IO19" s="71">
        <v>19</v>
      </c>
      <c r="IP19" s="71">
        <v>20</v>
      </c>
      <c r="IQ19" s="71">
        <v>10</v>
      </c>
      <c r="IR19" s="71">
        <v>2</v>
      </c>
      <c r="IS19" s="71">
        <v>6</v>
      </c>
      <c r="IT19" s="72">
        <v>57</v>
      </c>
      <c r="IU19" s="73">
        <v>78</v>
      </c>
      <c r="IV19" s="70">
        <v>11</v>
      </c>
      <c r="IW19" s="71">
        <v>14</v>
      </c>
      <c r="IX19" s="72">
        <v>25</v>
      </c>
      <c r="IY19" s="244"/>
      <c r="IZ19" s="71">
        <v>18</v>
      </c>
      <c r="JA19" s="71">
        <v>17</v>
      </c>
      <c r="JB19" s="71">
        <v>18</v>
      </c>
      <c r="JC19" s="71">
        <v>8</v>
      </c>
      <c r="JD19" s="71">
        <v>8</v>
      </c>
      <c r="JE19" s="72">
        <v>69</v>
      </c>
      <c r="JF19" s="73">
        <v>94</v>
      </c>
      <c r="JG19" s="70">
        <v>5</v>
      </c>
      <c r="JH19" s="71">
        <v>5</v>
      </c>
      <c r="JI19" s="72">
        <v>10</v>
      </c>
      <c r="JJ19" s="244"/>
      <c r="JK19" s="71">
        <v>18</v>
      </c>
      <c r="JL19" s="71">
        <v>18</v>
      </c>
      <c r="JM19" s="71">
        <v>16</v>
      </c>
      <c r="JN19" s="71">
        <v>17</v>
      </c>
      <c r="JO19" s="71">
        <v>14</v>
      </c>
      <c r="JP19" s="72">
        <v>83</v>
      </c>
      <c r="JQ19" s="73">
        <v>93</v>
      </c>
      <c r="JR19" s="70">
        <v>0</v>
      </c>
      <c r="JS19" s="71">
        <v>0</v>
      </c>
      <c r="JT19" s="72">
        <v>0</v>
      </c>
      <c r="JU19" s="244"/>
      <c r="JV19" s="71">
        <v>0</v>
      </c>
      <c r="JW19" s="71">
        <v>0</v>
      </c>
      <c r="JX19" s="71">
        <v>0</v>
      </c>
      <c r="JY19" s="71">
        <v>0</v>
      </c>
      <c r="JZ19" s="71">
        <v>0</v>
      </c>
      <c r="KA19" s="72">
        <v>0</v>
      </c>
      <c r="KB19" s="73">
        <v>0</v>
      </c>
      <c r="KC19" s="70">
        <v>44</v>
      </c>
      <c r="KD19" s="71">
        <v>44</v>
      </c>
      <c r="KE19" s="72">
        <v>88</v>
      </c>
      <c r="KF19" s="244"/>
      <c r="KG19" s="71">
        <v>71</v>
      </c>
      <c r="KH19" s="71">
        <v>80</v>
      </c>
      <c r="KI19" s="71">
        <v>60</v>
      </c>
      <c r="KJ19" s="71">
        <v>39</v>
      </c>
      <c r="KK19" s="71">
        <v>35</v>
      </c>
      <c r="KL19" s="72">
        <v>285</v>
      </c>
      <c r="KM19" s="73">
        <v>373</v>
      </c>
    </row>
    <row r="20" spans="2:299" ht="21" customHeight="1" x14ac:dyDescent="0.2">
      <c r="B20" s="126" t="s">
        <v>17</v>
      </c>
      <c r="C20" s="315">
        <v>41</v>
      </c>
      <c r="D20" s="82">
        <v>45</v>
      </c>
      <c r="E20" s="83">
        <v>86</v>
      </c>
      <c r="F20" s="241"/>
      <c r="G20" s="82">
        <v>69</v>
      </c>
      <c r="H20" s="82">
        <v>83</v>
      </c>
      <c r="I20" s="82">
        <v>54</v>
      </c>
      <c r="J20" s="82">
        <v>45</v>
      </c>
      <c r="K20" s="82">
        <v>29</v>
      </c>
      <c r="L20" s="84">
        <v>280</v>
      </c>
      <c r="M20" s="85">
        <v>366</v>
      </c>
      <c r="N20" s="70">
        <v>0</v>
      </c>
      <c r="O20" s="71">
        <v>2</v>
      </c>
      <c r="P20" s="72">
        <v>2</v>
      </c>
      <c r="Q20" s="244"/>
      <c r="R20" s="71">
        <v>1</v>
      </c>
      <c r="S20" s="71">
        <v>4</v>
      </c>
      <c r="T20" s="71">
        <v>2</v>
      </c>
      <c r="U20" s="71">
        <v>5</v>
      </c>
      <c r="V20" s="71">
        <v>0</v>
      </c>
      <c r="W20" s="72">
        <v>12</v>
      </c>
      <c r="X20" s="73">
        <v>14</v>
      </c>
      <c r="Y20" s="70">
        <v>6</v>
      </c>
      <c r="Z20" s="71">
        <v>8</v>
      </c>
      <c r="AA20" s="72">
        <v>14</v>
      </c>
      <c r="AB20" s="244"/>
      <c r="AC20" s="71">
        <v>5</v>
      </c>
      <c r="AD20" s="71">
        <v>10</v>
      </c>
      <c r="AE20" s="71">
        <v>7</v>
      </c>
      <c r="AF20" s="71">
        <v>3</v>
      </c>
      <c r="AG20" s="71">
        <v>2</v>
      </c>
      <c r="AH20" s="72">
        <v>27</v>
      </c>
      <c r="AI20" s="73">
        <v>41</v>
      </c>
      <c r="AJ20" s="70">
        <v>6</v>
      </c>
      <c r="AK20" s="71">
        <v>5</v>
      </c>
      <c r="AL20" s="72">
        <v>11</v>
      </c>
      <c r="AM20" s="244"/>
      <c r="AN20" s="71">
        <v>9</v>
      </c>
      <c r="AO20" s="71">
        <v>8</v>
      </c>
      <c r="AP20" s="71">
        <v>13</v>
      </c>
      <c r="AQ20" s="71">
        <v>6</v>
      </c>
      <c r="AR20" s="71">
        <v>4</v>
      </c>
      <c r="AS20" s="72">
        <v>40</v>
      </c>
      <c r="AT20" s="73">
        <v>51</v>
      </c>
      <c r="AU20" s="70">
        <v>6</v>
      </c>
      <c r="AV20" s="71">
        <v>10</v>
      </c>
      <c r="AW20" s="72">
        <v>16</v>
      </c>
      <c r="AX20" s="244"/>
      <c r="AY20" s="71">
        <v>22</v>
      </c>
      <c r="AZ20" s="71">
        <v>20</v>
      </c>
      <c r="BA20" s="71">
        <v>12</v>
      </c>
      <c r="BB20" s="71">
        <v>10</v>
      </c>
      <c r="BC20" s="71">
        <v>4</v>
      </c>
      <c r="BD20" s="72">
        <v>68</v>
      </c>
      <c r="BE20" s="73">
        <v>84</v>
      </c>
      <c r="BF20" s="70">
        <v>11</v>
      </c>
      <c r="BG20" s="71">
        <v>10</v>
      </c>
      <c r="BH20" s="72">
        <v>21</v>
      </c>
      <c r="BI20" s="244"/>
      <c r="BJ20" s="71">
        <v>19</v>
      </c>
      <c r="BK20" s="71">
        <v>21</v>
      </c>
      <c r="BL20" s="71">
        <v>10</v>
      </c>
      <c r="BM20" s="71">
        <v>10</v>
      </c>
      <c r="BN20" s="71">
        <v>11</v>
      </c>
      <c r="BO20" s="72">
        <v>71</v>
      </c>
      <c r="BP20" s="73">
        <v>92</v>
      </c>
      <c r="BQ20" s="70">
        <v>12</v>
      </c>
      <c r="BR20" s="71">
        <v>10</v>
      </c>
      <c r="BS20" s="72">
        <v>22</v>
      </c>
      <c r="BT20" s="244"/>
      <c r="BU20" s="71">
        <v>13</v>
      </c>
      <c r="BV20" s="71">
        <v>20</v>
      </c>
      <c r="BW20" s="71">
        <v>10</v>
      </c>
      <c r="BX20" s="71">
        <v>11</v>
      </c>
      <c r="BY20" s="71">
        <v>8</v>
      </c>
      <c r="BZ20" s="72">
        <v>62</v>
      </c>
      <c r="CA20" s="73">
        <v>84</v>
      </c>
      <c r="CB20" s="70">
        <v>0</v>
      </c>
      <c r="CC20" s="71">
        <v>0</v>
      </c>
      <c r="CD20" s="72">
        <v>0</v>
      </c>
      <c r="CE20" s="244"/>
      <c r="CF20" s="71">
        <v>0</v>
      </c>
      <c r="CG20" s="71">
        <v>0</v>
      </c>
      <c r="CH20" s="71">
        <v>0</v>
      </c>
      <c r="CI20" s="71">
        <v>0</v>
      </c>
      <c r="CJ20" s="71">
        <v>0</v>
      </c>
      <c r="CK20" s="72">
        <v>0</v>
      </c>
      <c r="CL20" s="73">
        <v>0</v>
      </c>
      <c r="CM20" s="70">
        <v>41</v>
      </c>
      <c r="CN20" s="71">
        <v>45</v>
      </c>
      <c r="CO20" s="72">
        <v>86</v>
      </c>
      <c r="CP20" s="244"/>
      <c r="CQ20" s="71">
        <v>69</v>
      </c>
      <c r="CR20" s="71">
        <v>83</v>
      </c>
      <c r="CS20" s="71">
        <v>54</v>
      </c>
      <c r="CT20" s="71">
        <v>45</v>
      </c>
      <c r="CU20" s="71">
        <v>29</v>
      </c>
      <c r="CV20" s="72">
        <v>280</v>
      </c>
      <c r="CW20" s="73">
        <v>366</v>
      </c>
      <c r="CX20" s="123">
        <v>26</v>
      </c>
      <c r="CY20" s="82">
        <v>18</v>
      </c>
      <c r="CZ20" s="83">
        <v>44</v>
      </c>
      <c r="DA20" s="241"/>
      <c r="DB20" s="82">
        <v>34</v>
      </c>
      <c r="DC20" s="82">
        <v>29</v>
      </c>
      <c r="DD20" s="82">
        <v>36</v>
      </c>
      <c r="DE20" s="82">
        <v>28</v>
      </c>
      <c r="DF20" s="82">
        <v>24</v>
      </c>
      <c r="DG20" s="84">
        <v>151</v>
      </c>
      <c r="DH20" s="85">
        <v>195</v>
      </c>
      <c r="DI20" s="70">
        <v>2</v>
      </c>
      <c r="DJ20" s="71">
        <v>1</v>
      </c>
      <c r="DK20" s="72">
        <v>3</v>
      </c>
      <c r="DL20" s="244"/>
      <c r="DM20" s="71">
        <v>0</v>
      </c>
      <c r="DN20" s="71">
        <v>0</v>
      </c>
      <c r="DO20" s="71">
        <v>0</v>
      </c>
      <c r="DP20" s="71">
        <v>0</v>
      </c>
      <c r="DQ20" s="71">
        <v>2</v>
      </c>
      <c r="DR20" s="72">
        <v>2</v>
      </c>
      <c r="DS20" s="73">
        <v>5</v>
      </c>
      <c r="DT20" s="70">
        <v>2</v>
      </c>
      <c r="DU20" s="71">
        <v>1</v>
      </c>
      <c r="DV20" s="72">
        <v>3</v>
      </c>
      <c r="DW20" s="244"/>
      <c r="DX20" s="71">
        <v>2</v>
      </c>
      <c r="DY20" s="71">
        <v>2</v>
      </c>
      <c r="DZ20" s="71">
        <v>0</v>
      </c>
      <c r="EA20" s="71">
        <v>4</v>
      </c>
      <c r="EB20" s="71">
        <v>0</v>
      </c>
      <c r="EC20" s="72">
        <v>8</v>
      </c>
      <c r="ED20" s="73">
        <v>11</v>
      </c>
      <c r="EE20" s="70">
        <v>4</v>
      </c>
      <c r="EF20" s="71">
        <v>2</v>
      </c>
      <c r="EG20" s="72">
        <v>6</v>
      </c>
      <c r="EH20" s="244"/>
      <c r="EI20" s="71">
        <v>5</v>
      </c>
      <c r="EJ20" s="71">
        <v>5</v>
      </c>
      <c r="EK20" s="71">
        <v>2</v>
      </c>
      <c r="EL20" s="71">
        <v>0</v>
      </c>
      <c r="EM20" s="71">
        <v>1</v>
      </c>
      <c r="EN20" s="72">
        <v>13</v>
      </c>
      <c r="EO20" s="73">
        <v>19</v>
      </c>
      <c r="EP20" s="70">
        <v>6</v>
      </c>
      <c r="EQ20" s="71">
        <v>9</v>
      </c>
      <c r="ER20" s="72">
        <v>15</v>
      </c>
      <c r="ES20" s="244"/>
      <c r="ET20" s="71">
        <v>11</v>
      </c>
      <c r="EU20" s="71">
        <v>6</v>
      </c>
      <c r="EV20" s="71">
        <v>8</v>
      </c>
      <c r="EW20" s="71">
        <v>4</v>
      </c>
      <c r="EX20" s="71">
        <v>7</v>
      </c>
      <c r="EY20" s="72">
        <v>36</v>
      </c>
      <c r="EZ20" s="73">
        <v>51</v>
      </c>
      <c r="FA20" s="70">
        <v>6</v>
      </c>
      <c r="FB20" s="71">
        <v>5</v>
      </c>
      <c r="FC20" s="72">
        <v>11</v>
      </c>
      <c r="FD20" s="244"/>
      <c r="FE20" s="71">
        <v>9</v>
      </c>
      <c r="FF20" s="71">
        <v>3</v>
      </c>
      <c r="FG20" s="71">
        <v>12</v>
      </c>
      <c r="FH20" s="71">
        <v>3</v>
      </c>
      <c r="FI20" s="71">
        <v>2</v>
      </c>
      <c r="FJ20" s="72">
        <v>29</v>
      </c>
      <c r="FK20" s="73">
        <v>40</v>
      </c>
      <c r="FL20" s="70">
        <v>6</v>
      </c>
      <c r="FM20" s="71">
        <v>0</v>
      </c>
      <c r="FN20" s="72">
        <v>6</v>
      </c>
      <c r="FO20" s="244"/>
      <c r="FP20" s="71">
        <v>7</v>
      </c>
      <c r="FQ20" s="71">
        <v>13</v>
      </c>
      <c r="FR20" s="71">
        <v>14</v>
      </c>
      <c r="FS20" s="71">
        <v>17</v>
      </c>
      <c r="FT20" s="71">
        <v>12</v>
      </c>
      <c r="FU20" s="72">
        <v>63</v>
      </c>
      <c r="FV20" s="73">
        <v>69</v>
      </c>
      <c r="FW20" s="70">
        <v>0</v>
      </c>
      <c r="FX20" s="71">
        <v>0</v>
      </c>
      <c r="FY20" s="72">
        <v>0</v>
      </c>
      <c r="FZ20" s="244"/>
      <c r="GA20" s="71">
        <v>0</v>
      </c>
      <c r="GB20" s="71">
        <v>0</v>
      </c>
      <c r="GC20" s="71">
        <v>0</v>
      </c>
      <c r="GD20" s="71">
        <v>0</v>
      </c>
      <c r="GE20" s="71">
        <v>0</v>
      </c>
      <c r="GF20" s="72">
        <v>0</v>
      </c>
      <c r="GG20" s="73">
        <v>0</v>
      </c>
      <c r="GH20" s="70">
        <v>26</v>
      </c>
      <c r="GI20" s="71">
        <v>18</v>
      </c>
      <c r="GJ20" s="72">
        <v>44</v>
      </c>
      <c r="GK20" s="244"/>
      <c r="GL20" s="71">
        <v>34</v>
      </c>
      <c r="GM20" s="71">
        <v>29</v>
      </c>
      <c r="GN20" s="71">
        <v>36</v>
      </c>
      <c r="GO20" s="71">
        <v>28</v>
      </c>
      <c r="GP20" s="71">
        <v>24</v>
      </c>
      <c r="GQ20" s="72">
        <v>151</v>
      </c>
      <c r="GR20" s="73">
        <v>195</v>
      </c>
      <c r="GS20" s="123">
        <v>67</v>
      </c>
      <c r="GT20" s="82">
        <v>63</v>
      </c>
      <c r="GU20" s="83">
        <v>130</v>
      </c>
      <c r="GV20" s="241"/>
      <c r="GW20" s="82">
        <v>103</v>
      </c>
      <c r="GX20" s="82">
        <v>112</v>
      </c>
      <c r="GY20" s="82">
        <v>90</v>
      </c>
      <c r="GZ20" s="82">
        <v>73</v>
      </c>
      <c r="HA20" s="82">
        <v>53</v>
      </c>
      <c r="HB20" s="84">
        <v>431</v>
      </c>
      <c r="HC20" s="85">
        <v>561</v>
      </c>
      <c r="HD20" s="70">
        <v>2</v>
      </c>
      <c r="HE20" s="71">
        <v>3</v>
      </c>
      <c r="HF20" s="72">
        <v>5</v>
      </c>
      <c r="HG20" s="244"/>
      <c r="HH20" s="71">
        <v>1</v>
      </c>
      <c r="HI20" s="71">
        <v>4</v>
      </c>
      <c r="HJ20" s="71">
        <v>2</v>
      </c>
      <c r="HK20" s="71">
        <v>5</v>
      </c>
      <c r="HL20" s="71">
        <v>2</v>
      </c>
      <c r="HM20" s="72">
        <v>14</v>
      </c>
      <c r="HN20" s="73">
        <v>19</v>
      </c>
      <c r="HO20" s="70">
        <v>8</v>
      </c>
      <c r="HP20" s="71">
        <v>9</v>
      </c>
      <c r="HQ20" s="72">
        <v>17</v>
      </c>
      <c r="HR20" s="244"/>
      <c r="HS20" s="71">
        <v>7</v>
      </c>
      <c r="HT20" s="71">
        <v>12</v>
      </c>
      <c r="HU20" s="71">
        <v>7</v>
      </c>
      <c r="HV20" s="71">
        <v>7</v>
      </c>
      <c r="HW20" s="71">
        <v>2</v>
      </c>
      <c r="HX20" s="72">
        <v>35</v>
      </c>
      <c r="HY20" s="73">
        <v>52</v>
      </c>
      <c r="HZ20" s="70">
        <v>10</v>
      </c>
      <c r="IA20" s="71">
        <v>7</v>
      </c>
      <c r="IB20" s="72">
        <v>17</v>
      </c>
      <c r="IC20" s="244"/>
      <c r="ID20" s="71">
        <v>14</v>
      </c>
      <c r="IE20" s="71">
        <v>13</v>
      </c>
      <c r="IF20" s="71">
        <v>15</v>
      </c>
      <c r="IG20" s="71">
        <v>6</v>
      </c>
      <c r="IH20" s="71">
        <v>5</v>
      </c>
      <c r="II20" s="72">
        <v>53</v>
      </c>
      <c r="IJ20" s="73">
        <v>70</v>
      </c>
      <c r="IK20" s="70">
        <v>12</v>
      </c>
      <c r="IL20" s="71">
        <v>19</v>
      </c>
      <c r="IM20" s="72">
        <v>31</v>
      </c>
      <c r="IN20" s="244"/>
      <c r="IO20" s="71">
        <v>33</v>
      </c>
      <c r="IP20" s="71">
        <v>26</v>
      </c>
      <c r="IQ20" s="71">
        <v>20</v>
      </c>
      <c r="IR20" s="71">
        <v>14</v>
      </c>
      <c r="IS20" s="71">
        <v>11</v>
      </c>
      <c r="IT20" s="72">
        <v>104</v>
      </c>
      <c r="IU20" s="73">
        <v>135</v>
      </c>
      <c r="IV20" s="70">
        <v>17</v>
      </c>
      <c r="IW20" s="71">
        <v>15</v>
      </c>
      <c r="IX20" s="72">
        <v>32</v>
      </c>
      <c r="IY20" s="244"/>
      <c r="IZ20" s="71">
        <v>28</v>
      </c>
      <c r="JA20" s="71">
        <v>24</v>
      </c>
      <c r="JB20" s="71">
        <v>22</v>
      </c>
      <c r="JC20" s="71">
        <v>13</v>
      </c>
      <c r="JD20" s="71">
        <v>13</v>
      </c>
      <c r="JE20" s="72">
        <v>100</v>
      </c>
      <c r="JF20" s="73">
        <v>132</v>
      </c>
      <c r="JG20" s="70">
        <v>18</v>
      </c>
      <c r="JH20" s="71">
        <v>10</v>
      </c>
      <c r="JI20" s="72">
        <v>28</v>
      </c>
      <c r="JJ20" s="244"/>
      <c r="JK20" s="71">
        <v>20</v>
      </c>
      <c r="JL20" s="71">
        <v>33</v>
      </c>
      <c r="JM20" s="71">
        <v>24</v>
      </c>
      <c r="JN20" s="71">
        <v>28</v>
      </c>
      <c r="JO20" s="71">
        <v>20</v>
      </c>
      <c r="JP20" s="72">
        <v>125</v>
      </c>
      <c r="JQ20" s="73">
        <v>153</v>
      </c>
      <c r="JR20" s="70">
        <v>0</v>
      </c>
      <c r="JS20" s="71">
        <v>0</v>
      </c>
      <c r="JT20" s="72">
        <v>0</v>
      </c>
      <c r="JU20" s="244"/>
      <c r="JV20" s="71">
        <v>0</v>
      </c>
      <c r="JW20" s="71">
        <v>0</v>
      </c>
      <c r="JX20" s="71">
        <v>0</v>
      </c>
      <c r="JY20" s="71">
        <v>0</v>
      </c>
      <c r="JZ20" s="71">
        <v>0</v>
      </c>
      <c r="KA20" s="72">
        <v>0</v>
      </c>
      <c r="KB20" s="73">
        <v>0</v>
      </c>
      <c r="KC20" s="70">
        <v>67</v>
      </c>
      <c r="KD20" s="71">
        <v>63</v>
      </c>
      <c r="KE20" s="72">
        <v>130</v>
      </c>
      <c r="KF20" s="244"/>
      <c r="KG20" s="71">
        <v>103</v>
      </c>
      <c r="KH20" s="71">
        <v>112</v>
      </c>
      <c r="KI20" s="71">
        <v>90</v>
      </c>
      <c r="KJ20" s="71">
        <v>73</v>
      </c>
      <c r="KK20" s="71">
        <v>53</v>
      </c>
      <c r="KL20" s="72">
        <v>431</v>
      </c>
      <c r="KM20" s="73">
        <v>561</v>
      </c>
    </row>
    <row r="21" spans="2:299" ht="21" customHeight="1" x14ac:dyDescent="0.2">
      <c r="B21" s="126" t="s">
        <v>18</v>
      </c>
      <c r="C21" s="315">
        <v>60</v>
      </c>
      <c r="D21" s="82">
        <v>59</v>
      </c>
      <c r="E21" s="83">
        <v>119</v>
      </c>
      <c r="F21" s="241"/>
      <c r="G21" s="82">
        <v>110</v>
      </c>
      <c r="H21" s="82">
        <v>82</v>
      </c>
      <c r="I21" s="82">
        <v>49</v>
      </c>
      <c r="J21" s="82">
        <v>51</v>
      </c>
      <c r="K21" s="82">
        <v>32</v>
      </c>
      <c r="L21" s="84">
        <v>324</v>
      </c>
      <c r="M21" s="85">
        <v>443</v>
      </c>
      <c r="N21" s="70">
        <v>3</v>
      </c>
      <c r="O21" s="71">
        <v>3</v>
      </c>
      <c r="P21" s="72">
        <v>6</v>
      </c>
      <c r="Q21" s="244"/>
      <c r="R21" s="71">
        <v>5</v>
      </c>
      <c r="S21" s="71">
        <v>7</v>
      </c>
      <c r="T21" s="71">
        <v>4</v>
      </c>
      <c r="U21" s="71">
        <v>1</v>
      </c>
      <c r="V21" s="71">
        <v>1</v>
      </c>
      <c r="W21" s="72">
        <v>18</v>
      </c>
      <c r="X21" s="73">
        <v>24</v>
      </c>
      <c r="Y21" s="70">
        <v>11</v>
      </c>
      <c r="Z21" s="71">
        <v>6</v>
      </c>
      <c r="AA21" s="72">
        <v>17</v>
      </c>
      <c r="AB21" s="244"/>
      <c r="AC21" s="71">
        <v>12</v>
      </c>
      <c r="AD21" s="71">
        <v>12</v>
      </c>
      <c r="AE21" s="71">
        <v>6</v>
      </c>
      <c r="AF21" s="71">
        <v>6</v>
      </c>
      <c r="AG21" s="71">
        <v>4</v>
      </c>
      <c r="AH21" s="72">
        <v>40</v>
      </c>
      <c r="AI21" s="73">
        <v>57</v>
      </c>
      <c r="AJ21" s="70">
        <v>7</v>
      </c>
      <c r="AK21" s="71">
        <v>8</v>
      </c>
      <c r="AL21" s="72">
        <v>15</v>
      </c>
      <c r="AM21" s="244"/>
      <c r="AN21" s="71">
        <v>11</v>
      </c>
      <c r="AO21" s="71">
        <v>11</v>
      </c>
      <c r="AP21" s="71">
        <v>8</v>
      </c>
      <c r="AQ21" s="71">
        <v>7</v>
      </c>
      <c r="AR21" s="71">
        <v>5</v>
      </c>
      <c r="AS21" s="72">
        <v>42</v>
      </c>
      <c r="AT21" s="73">
        <v>57</v>
      </c>
      <c r="AU21" s="70">
        <v>15</v>
      </c>
      <c r="AV21" s="71">
        <v>11</v>
      </c>
      <c r="AW21" s="72">
        <v>26</v>
      </c>
      <c r="AX21" s="244"/>
      <c r="AY21" s="71">
        <v>23</v>
      </c>
      <c r="AZ21" s="71">
        <v>16</v>
      </c>
      <c r="BA21" s="71">
        <v>13</v>
      </c>
      <c r="BB21" s="71">
        <v>12</v>
      </c>
      <c r="BC21" s="71">
        <v>6</v>
      </c>
      <c r="BD21" s="72">
        <v>70</v>
      </c>
      <c r="BE21" s="73">
        <v>96</v>
      </c>
      <c r="BF21" s="70">
        <v>11</v>
      </c>
      <c r="BG21" s="71">
        <v>15</v>
      </c>
      <c r="BH21" s="72">
        <v>26</v>
      </c>
      <c r="BI21" s="244"/>
      <c r="BJ21" s="71">
        <v>35</v>
      </c>
      <c r="BK21" s="71">
        <v>20</v>
      </c>
      <c r="BL21" s="71">
        <v>9</v>
      </c>
      <c r="BM21" s="71">
        <v>12</v>
      </c>
      <c r="BN21" s="71">
        <v>8</v>
      </c>
      <c r="BO21" s="72">
        <v>84</v>
      </c>
      <c r="BP21" s="73">
        <v>110</v>
      </c>
      <c r="BQ21" s="70">
        <v>13</v>
      </c>
      <c r="BR21" s="71">
        <v>16</v>
      </c>
      <c r="BS21" s="72">
        <v>29</v>
      </c>
      <c r="BT21" s="244"/>
      <c r="BU21" s="71">
        <v>24</v>
      </c>
      <c r="BV21" s="71">
        <v>16</v>
      </c>
      <c r="BW21" s="71">
        <v>9</v>
      </c>
      <c r="BX21" s="71">
        <v>13</v>
      </c>
      <c r="BY21" s="71">
        <v>8</v>
      </c>
      <c r="BZ21" s="72">
        <v>70</v>
      </c>
      <c r="CA21" s="73">
        <v>99</v>
      </c>
      <c r="CB21" s="70">
        <v>0</v>
      </c>
      <c r="CC21" s="71">
        <v>0</v>
      </c>
      <c r="CD21" s="72">
        <v>0</v>
      </c>
      <c r="CE21" s="244"/>
      <c r="CF21" s="71">
        <v>0</v>
      </c>
      <c r="CG21" s="71">
        <v>0</v>
      </c>
      <c r="CH21" s="71">
        <v>0</v>
      </c>
      <c r="CI21" s="71">
        <v>0</v>
      </c>
      <c r="CJ21" s="71">
        <v>0</v>
      </c>
      <c r="CK21" s="72">
        <v>0</v>
      </c>
      <c r="CL21" s="73">
        <v>0</v>
      </c>
      <c r="CM21" s="70">
        <v>60</v>
      </c>
      <c r="CN21" s="71">
        <v>59</v>
      </c>
      <c r="CO21" s="72">
        <v>119</v>
      </c>
      <c r="CP21" s="244"/>
      <c r="CQ21" s="71">
        <v>110</v>
      </c>
      <c r="CR21" s="71">
        <v>82</v>
      </c>
      <c r="CS21" s="71">
        <v>49</v>
      </c>
      <c r="CT21" s="71">
        <v>51</v>
      </c>
      <c r="CU21" s="71">
        <v>32</v>
      </c>
      <c r="CV21" s="72">
        <v>324</v>
      </c>
      <c r="CW21" s="73">
        <v>443</v>
      </c>
      <c r="CX21" s="123">
        <v>23</v>
      </c>
      <c r="CY21" s="82">
        <v>33</v>
      </c>
      <c r="CZ21" s="83">
        <v>56</v>
      </c>
      <c r="DA21" s="241"/>
      <c r="DB21" s="82">
        <v>39</v>
      </c>
      <c r="DC21" s="82">
        <v>47</v>
      </c>
      <c r="DD21" s="82">
        <v>29</v>
      </c>
      <c r="DE21" s="82">
        <v>28</v>
      </c>
      <c r="DF21" s="82">
        <v>26</v>
      </c>
      <c r="DG21" s="84">
        <v>169</v>
      </c>
      <c r="DH21" s="85">
        <v>225</v>
      </c>
      <c r="DI21" s="70">
        <v>1</v>
      </c>
      <c r="DJ21" s="71">
        <v>2</v>
      </c>
      <c r="DK21" s="72">
        <v>3</v>
      </c>
      <c r="DL21" s="244"/>
      <c r="DM21" s="71">
        <v>2</v>
      </c>
      <c r="DN21" s="71">
        <v>1</v>
      </c>
      <c r="DO21" s="71">
        <v>0</v>
      </c>
      <c r="DP21" s="71">
        <v>0</v>
      </c>
      <c r="DQ21" s="71">
        <v>2</v>
      </c>
      <c r="DR21" s="72">
        <v>5</v>
      </c>
      <c r="DS21" s="73">
        <v>8</v>
      </c>
      <c r="DT21" s="70">
        <v>1</v>
      </c>
      <c r="DU21" s="71">
        <v>4</v>
      </c>
      <c r="DV21" s="72">
        <v>5</v>
      </c>
      <c r="DW21" s="244"/>
      <c r="DX21" s="71">
        <v>1</v>
      </c>
      <c r="DY21" s="71">
        <v>4</v>
      </c>
      <c r="DZ21" s="71">
        <v>1</v>
      </c>
      <c r="EA21" s="71">
        <v>0</v>
      </c>
      <c r="EB21" s="71">
        <v>0</v>
      </c>
      <c r="EC21" s="72">
        <v>6</v>
      </c>
      <c r="ED21" s="73">
        <v>11</v>
      </c>
      <c r="EE21" s="70">
        <v>9</v>
      </c>
      <c r="EF21" s="71">
        <v>7</v>
      </c>
      <c r="EG21" s="72">
        <v>16</v>
      </c>
      <c r="EH21" s="244"/>
      <c r="EI21" s="71">
        <v>4</v>
      </c>
      <c r="EJ21" s="71">
        <v>4</v>
      </c>
      <c r="EK21" s="71">
        <v>4</v>
      </c>
      <c r="EL21" s="71">
        <v>2</v>
      </c>
      <c r="EM21" s="71">
        <v>2</v>
      </c>
      <c r="EN21" s="72">
        <v>16</v>
      </c>
      <c r="EO21" s="73">
        <v>32</v>
      </c>
      <c r="EP21" s="70">
        <v>8</v>
      </c>
      <c r="EQ21" s="71">
        <v>4</v>
      </c>
      <c r="ER21" s="72">
        <v>12</v>
      </c>
      <c r="ES21" s="244"/>
      <c r="ET21" s="71">
        <v>9</v>
      </c>
      <c r="EU21" s="71">
        <v>7</v>
      </c>
      <c r="EV21" s="71">
        <v>2</v>
      </c>
      <c r="EW21" s="71">
        <v>7</v>
      </c>
      <c r="EX21" s="71">
        <v>2</v>
      </c>
      <c r="EY21" s="72">
        <v>27</v>
      </c>
      <c r="EZ21" s="73">
        <v>39</v>
      </c>
      <c r="FA21" s="70">
        <v>4</v>
      </c>
      <c r="FB21" s="71">
        <v>12</v>
      </c>
      <c r="FC21" s="72">
        <v>16</v>
      </c>
      <c r="FD21" s="244"/>
      <c r="FE21" s="71">
        <v>15</v>
      </c>
      <c r="FF21" s="71">
        <v>14</v>
      </c>
      <c r="FG21" s="71">
        <v>9</v>
      </c>
      <c r="FH21" s="71">
        <v>5</v>
      </c>
      <c r="FI21" s="71">
        <v>8</v>
      </c>
      <c r="FJ21" s="72">
        <v>51</v>
      </c>
      <c r="FK21" s="73">
        <v>67</v>
      </c>
      <c r="FL21" s="70">
        <v>0</v>
      </c>
      <c r="FM21" s="71">
        <v>4</v>
      </c>
      <c r="FN21" s="72">
        <v>4</v>
      </c>
      <c r="FO21" s="244"/>
      <c r="FP21" s="71">
        <v>8</v>
      </c>
      <c r="FQ21" s="71">
        <v>17</v>
      </c>
      <c r="FR21" s="71">
        <v>13</v>
      </c>
      <c r="FS21" s="71">
        <v>14</v>
      </c>
      <c r="FT21" s="71">
        <v>12</v>
      </c>
      <c r="FU21" s="72">
        <v>64</v>
      </c>
      <c r="FV21" s="73">
        <v>68</v>
      </c>
      <c r="FW21" s="70">
        <v>0</v>
      </c>
      <c r="FX21" s="71">
        <v>0</v>
      </c>
      <c r="FY21" s="72">
        <v>0</v>
      </c>
      <c r="FZ21" s="244"/>
      <c r="GA21" s="71">
        <v>0</v>
      </c>
      <c r="GB21" s="71">
        <v>0</v>
      </c>
      <c r="GC21" s="71">
        <v>0</v>
      </c>
      <c r="GD21" s="71">
        <v>0</v>
      </c>
      <c r="GE21" s="71">
        <v>0</v>
      </c>
      <c r="GF21" s="72">
        <v>0</v>
      </c>
      <c r="GG21" s="73">
        <v>0</v>
      </c>
      <c r="GH21" s="70">
        <v>23</v>
      </c>
      <c r="GI21" s="71">
        <v>33</v>
      </c>
      <c r="GJ21" s="72">
        <v>56</v>
      </c>
      <c r="GK21" s="244"/>
      <c r="GL21" s="71">
        <v>39</v>
      </c>
      <c r="GM21" s="71">
        <v>47</v>
      </c>
      <c r="GN21" s="71">
        <v>29</v>
      </c>
      <c r="GO21" s="71">
        <v>28</v>
      </c>
      <c r="GP21" s="71">
        <v>26</v>
      </c>
      <c r="GQ21" s="72">
        <v>169</v>
      </c>
      <c r="GR21" s="73">
        <v>225</v>
      </c>
      <c r="GS21" s="123">
        <v>83</v>
      </c>
      <c r="GT21" s="82">
        <v>92</v>
      </c>
      <c r="GU21" s="83">
        <v>175</v>
      </c>
      <c r="GV21" s="241"/>
      <c r="GW21" s="82">
        <v>149</v>
      </c>
      <c r="GX21" s="82">
        <v>129</v>
      </c>
      <c r="GY21" s="82">
        <v>78</v>
      </c>
      <c r="GZ21" s="82">
        <v>79</v>
      </c>
      <c r="HA21" s="82">
        <v>58</v>
      </c>
      <c r="HB21" s="84">
        <v>493</v>
      </c>
      <c r="HC21" s="85">
        <v>668</v>
      </c>
      <c r="HD21" s="70">
        <v>4</v>
      </c>
      <c r="HE21" s="71">
        <v>5</v>
      </c>
      <c r="HF21" s="72">
        <v>9</v>
      </c>
      <c r="HG21" s="244"/>
      <c r="HH21" s="71">
        <v>7</v>
      </c>
      <c r="HI21" s="71">
        <v>8</v>
      </c>
      <c r="HJ21" s="71">
        <v>4</v>
      </c>
      <c r="HK21" s="71">
        <v>1</v>
      </c>
      <c r="HL21" s="71">
        <v>3</v>
      </c>
      <c r="HM21" s="72">
        <v>23</v>
      </c>
      <c r="HN21" s="73">
        <v>32</v>
      </c>
      <c r="HO21" s="70">
        <v>12</v>
      </c>
      <c r="HP21" s="71">
        <v>10</v>
      </c>
      <c r="HQ21" s="72">
        <v>22</v>
      </c>
      <c r="HR21" s="244"/>
      <c r="HS21" s="71">
        <v>13</v>
      </c>
      <c r="HT21" s="71">
        <v>16</v>
      </c>
      <c r="HU21" s="71">
        <v>7</v>
      </c>
      <c r="HV21" s="71">
        <v>6</v>
      </c>
      <c r="HW21" s="71">
        <v>4</v>
      </c>
      <c r="HX21" s="72">
        <v>46</v>
      </c>
      <c r="HY21" s="73">
        <v>68</v>
      </c>
      <c r="HZ21" s="70">
        <v>16</v>
      </c>
      <c r="IA21" s="71">
        <v>15</v>
      </c>
      <c r="IB21" s="72">
        <v>31</v>
      </c>
      <c r="IC21" s="244"/>
      <c r="ID21" s="71">
        <v>15</v>
      </c>
      <c r="IE21" s="71">
        <v>15</v>
      </c>
      <c r="IF21" s="71">
        <v>12</v>
      </c>
      <c r="IG21" s="71">
        <v>9</v>
      </c>
      <c r="IH21" s="71">
        <v>7</v>
      </c>
      <c r="II21" s="72">
        <v>58</v>
      </c>
      <c r="IJ21" s="73">
        <v>89</v>
      </c>
      <c r="IK21" s="70">
        <v>23</v>
      </c>
      <c r="IL21" s="71">
        <v>15</v>
      </c>
      <c r="IM21" s="72">
        <v>38</v>
      </c>
      <c r="IN21" s="244"/>
      <c r="IO21" s="71">
        <v>32</v>
      </c>
      <c r="IP21" s="71">
        <v>23</v>
      </c>
      <c r="IQ21" s="71">
        <v>15</v>
      </c>
      <c r="IR21" s="71">
        <v>19</v>
      </c>
      <c r="IS21" s="71">
        <v>8</v>
      </c>
      <c r="IT21" s="72">
        <v>97</v>
      </c>
      <c r="IU21" s="73">
        <v>135</v>
      </c>
      <c r="IV21" s="70">
        <v>15</v>
      </c>
      <c r="IW21" s="71">
        <v>27</v>
      </c>
      <c r="IX21" s="72">
        <v>42</v>
      </c>
      <c r="IY21" s="244"/>
      <c r="IZ21" s="71">
        <v>50</v>
      </c>
      <c r="JA21" s="71">
        <v>34</v>
      </c>
      <c r="JB21" s="71">
        <v>18</v>
      </c>
      <c r="JC21" s="71">
        <v>17</v>
      </c>
      <c r="JD21" s="71">
        <v>16</v>
      </c>
      <c r="JE21" s="72">
        <v>135</v>
      </c>
      <c r="JF21" s="73">
        <v>177</v>
      </c>
      <c r="JG21" s="70">
        <v>13</v>
      </c>
      <c r="JH21" s="71">
        <v>20</v>
      </c>
      <c r="JI21" s="72">
        <v>33</v>
      </c>
      <c r="JJ21" s="244"/>
      <c r="JK21" s="71">
        <v>32</v>
      </c>
      <c r="JL21" s="71">
        <v>33</v>
      </c>
      <c r="JM21" s="71">
        <v>22</v>
      </c>
      <c r="JN21" s="71">
        <v>27</v>
      </c>
      <c r="JO21" s="71">
        <v>20</v>
      </c>
      <c r="JP21" s="72">
        <v>134</v>
      </c>
      <c r="JQ21" s="73">
        <v>167</v>
      </c>
      <c r="JR21" s="70">
        <v>0</v>
      </c>
      <c r="JS21" s="71">
        <v>0</v>
      </c>
      <c r="JT21" s="72">
        <v>0</v>
      </c>
      <c r="JU21" s="244"/>
      <c r="JV21" s="71">
        <v>0</v>
      </c>
      <c r="JW21" s="71">
        <v>0</v>
      </c>
      <c r="JX21" s="71">
        <v>0</v>
      </c>
      <c r="JY21" s="71">
        <v>0</v>
      </c>
      <c r="JZ21" s="71">
        <v>0</v>
      </c>
      <c r="KA21" s="72">
        <v>0</v>
      </c>
      <c r="KB21" s="73">
        <v>0</v>
      </c>
      <c r="KC21" s="70">
        <v>83</v>
      </c>
      <c r="KD21" s="71">
        <v>92</v>
      </c>
      <c r="KE21" s="72">
        <v>175</v>
      </c>
      <c r="KF21" s="244"/>
      <c r="KG21" s="71">
        <v>149</v>
      </c>
      <c r="KH21" s="71">
        <v>129</v>
      </c>
      <c r="KI21" s="71">
        <v>78</v>
      </c>
      <c r="KJ21" s="71">
        <v>79</v>
      </c>
      <c r="KK21" s="71">
        <v>58</v>
      </c>
      <c r="KL21" s="72">
        <v>493</v>
      </c>
      <c r="KM21" s="73">
        <v>668</v>
      </c>
    </row>
    <row r="22" spans="2:299" ht="21" customHeight="1" x14ac:dyDescent="0.2">
      <c r="B22" s="126" t="s">
        <v>19</v>
      </c>
      <c r="C22" s="315">
        <v>24</v>
      </c>
      <c r="D22" s="82">
        <v>25</v>
      </c>
      <c r="E22" s="83">
        <v>49</v>
      </c>
      <c r="F22" s="241"/>
      <c r="G22" s="82">
        <v>47</v>
      </c>
      <c r="H22" s="82">
        <v>31</v>
      </c>
      <c r="I22" s="82">
        <v>23</v>
      </c>
      <c r="J22" s="82">
        <v>15</v>
      </c>
      <c r="K22" s="82">
        <v>11</v>
      </c>
      <c r="L22" s="84">
        <v>127</v>
      </c>
      <c r="M22" s="85">
        <v>176</v>
      </c>
      <c r="N22" s="86">
        <v>3</v>
      </c>
      <c r="O22" s="71">
        <v>0</v>
      </c>
      <c r="P22" s="72">
        <v>3</v>
      </c>
      <c r="Q22" s="244"/>
      <c r="R22" s="71">
        <v>2</v>
      </c>
      <c r="S22" s="71">
        <v>1</v>
      </c>
      <c r="T22" s="71">
        <v>1</v>
      </c>
      <c r="U22" s="71">
        <v>1</v>
      </c>
      <c r="V22" s="71">
        <v>0</v>
      </c>
      <c r="W22" s="72">
        <v>5</v>
      </c>
      <c r="X22" s="73">
        <v>8</v>
      </c>
      <c r="Y22" s="70">
        <v>1</v>
      </c>
      <c r="Z22" s="71">
        <v>1</v>
      </c>
      <c r="AA22" s="72">
        <v>2</v>
      </c>
      <c r="AB22" s="244"/>
      <c r="AC22" s="71">
        <v>4</v>
      </c>
      <c r="AD22" s="71">
        <v>5</v>
      </c>
      <c r="AE22" s="71">
        <v>5</v>
      </c>
      <c r="AF22" s="71">
        <v>2</v>
      </c>
      <c r="AG22" s="71">
        <v>0</v>
      </c>
      <c r="AH22" s="72">
        <v>16</v>
      </c>
      <c r="AI22" s="73">
        <v>18</v>
      </c>
      <c r="AJ22" s="86">
        <v>7</v>
      </c>
      <c r="AK22" s="71">
        <v>2</v>
      </c>
      <c r="AL22" s="72">
        <v>9</v>
      </c>
      <c r="AM22" s="244"/>
      <c r="AN22" s="71">
        <v>4</v>
      </c>
      <c r="AO22" s="71">
        <v>2</v>
      </c>
      <c r="AP22" s="71">
        <v>0</v>
      </c>
      <c r="AQ22" s="71">
        <v>4</v>
      </c>
      <c r="AR22" s="71">
        <v>0</v>
      </c>
      <c r="AS22" s="72">
        <v>10</v>
      </c>
      <c r="AT22" s="73">
        <v>19</v>
      </c>
      <c r="AU22" s="70">
        <v>3</v>
      </c>
      <c r="AV22" s="71">
        <v>5</v>
      </c>
      <c r="AW22" s="72">
        <v>8</v>
      </c>
      <c r="AX22" s="244"/>
      <c r="AY22" s="71">
        <v>10</v>
      </c>
      <c r="AZ22" s="71">
        <v>6</v>
      </c>
      <c r="BA22" s="71">
        <v>6</v>
      </c>
      <c r="BB22" s="71">
        <v>4</v>
      </c>
      <c r="BC22" s="71">
        <v>3</v>
      </c>
      <c r="BD22" s="72">
        <v>29</v>
      </c>
      <c r="BE22" s="73">
        <v>37</v>
      </c>
      <c r="BF22" s="86">
        <v>9</v>
      </c>
      <c r="BG22" s="71">
        <v>6</v>
      </c>
      <c r="BH22" s="72">
        <v>15</v>
      </c>
      <c r="BI22" s="244"/>
      <c r="BJ22" s="71">
        <v>10</v>
      </c>
      <c r="BK22" s="71">
        <v>6</v>
      </c>
      <c r="BL22" s="71">
        <v>4</v>
      </c>
      <c r="BM22" s="71">
        <v>1</v>
      </c>
      <c r="BN22" s="71">
        <v>3</v>
      </c>
      <c r="BO22" s="72">
        <v>24</v>
      </c>
      <c r="BP22" s="73">
        <v>39</v>
      </c>
      <c r="BQ22" s="70">
        <v>1</v>
      </c>
      <c r="BR22" s="71">
        <v>11</v>
      </c>
      <c r="BS22" s="72">
        <v>12</v>
      </c>
      <c r="BT22" s="244"/>
      <c r="BU22" s="71">
        <v>17</v>
      </c>
      <c r="BV22" s="71">
        <v>11</v>
      </c>
      <c r="BW22" s="71">
        <v>7</v>
      </c>
      <c r="BX22" s="71">
        <v>3</v>
      </c>
      <c r="BY22" s="71">
        <v>5</v>
      </c>
      <c r="BZ22" s="72">
        <v>43</v>
      </c>
      <c r="CA22" s="73">
        <v>55</v>
      </c>
      <c r="CB22" s="70">
        <v>0</v>
      </c>
      <c r="CC22" s="71">
        <v>0</v>
      </c>
      <c r="CD22" s="72">
        <v>0</v>
      </c>
      <c r="CE22" s="244"/>
      <c r="CF22" s="71">
        <v>0</v>
      </c>
      <c r="CG22" s="71">
        <v>0</v>
      </c>
      <c r="CH22" s="71">
        <v>0</v>
      </c>
      <c r="CI22" s="71">
        <v>0</v>
      </c>
      <c r="CJ22" s="71">
        <v>0</v>
      </c>
      <c r="CK22" s="72">
        <v>0</v>
      </c>
      <c r="CL22" s="73">
        <v>0</v>
      </c>
      <c r="CM22" s="70">
        <v>24</v>
      </c>
      <c r="CN22" s="71">
        <v>25</v>
      </c>
      <c r="CO22" s="72">
        <v>49</v>
      </c>
      <c r="CP22" s="244"/>
      <c r="CQ22" s="71">
        <v>47</v>
      </c>
      <c r="CR22" s="71">
        <v>31</v>
      </c>
      <c r="CS22" s="71">
        <v>23</v>
      </c>
      <c r="CT22" s="71">
        <v>15</v>
      </c>
      <c r="CU22" s="71">
        <v>11</v>
      </c>
      <c r="CV22" s="72">
        <v>127</v>
      </c>
      <c r="CW22" s="73">
        <v>176</v>
      </c>
      <c r="CX22" s="123">
        <v>7</v>
      </c>
      <c r="CY22" s="82">
        <v>9</v>
      </c>
      <c r="CZ22" s="83">
        <v>16</v>
      </c>
      <c r="DA22" s="241"/>
      <c r="DB22" s="82">
        <v>16</v>
      </c>
      <c r="DC22" s="82">
        <v>5</v>
      </c>
      <c r="DD22" s="82">
        <v>6</v>
      </c>
      <c r="DE22" s="82">
        <v>14</v>
      </c>
      <c r="DF22" s="82">
        <v>7</v>
      </c>
      <c r="DG22" s="84">
        <v>48</v>
      </c>
      <c r="DH22" s="85">
        <v>64</v>
      </c>
      <c r="DI22" s="86">
        <v>0</v>
      </c>
      <c r="DJ22" s="71">
        <v>0</v>
      </c>
      <c r="DK22" s="72">
        <v>0</v>
      </c>
      <c r="DL22" s="244"/>
      <c r="DM22" s="71">
        <v>1</v>
      </c>
      <c r="DN22" s="71">
        <v>0</v>
      </c>
      <c r="DO22" s="71">
        <v>1</v>
      </c>
      <c r="DP22" s="71">
        <v>0</v>
      </c>
      <c r="DQ22" s="71">
        <v>0</v>
      </c>
      <c r="DR22" s="72">
        <v>2</v>
      </c>
      <c r="DS22" s="73">
        <v>2</v>
      </c>
      <c r="DT22" s="70">
        <v>1</v>
      </c>
      <c r="DU22" s="71">
        <v>0</v>
      </c>
      <c r="DV22" s="72">
        <v>1</v>
      </c>
      <c r="DW22" s="244"/>
      <c r="DX22" s="71">
        <v>1</v>
      </c>
      <c r="DY22" s="71">
        <v>1</v>
      </c>
      <c r="DZ22" s="71">
        <v>0</v>
      </c>
      <c r="EA22" s="71">
        <v>0</v>
      </c>
      <c r="EB22" s="71">
        <v>0</v>
      </c>
      <c r="EC22" s="72">
        <v>2</v>
      </c>
      <c r="ED22" s="73">
        <v>3</v>
      </c>
      <c r="EE22" s="86">
        <v>1</v>
      </c>
      <c r="EF22" s="71">
        <v>2</v>
      </c>
      <c r="EG22" s="72">
        <v>3</v>
      </c>
      <c r="EH22" s="244"/>
      <c r="EI22" s="71">
        <v>2</v>
      </c>
      <c r="EJ22" s="71">
        <v>0</v>
      </c>
      <c r="EK22" s="71">
        <v>1</v>
      </c>
      <c r="EL22" s="71">
        <v>2</v>
      </c>
      <c r="EM22" s="71">
        <v>1</v>
      </c>
      <c r="EN22" s="72">
        <v>6</v>
      </c>
      <c r="EO22" s="73">
        <v>9</v>
      </c>
      <c r="EP22" s="70">
        <v>2</v>
      </c>
      <c r="EQ22" s="71">
        <v>2</v>
      </c>
      <c r="ER22" s="72">
        <v>4</v>
      </c>
      <c r="ES22" s="244"/>
      <c r="ET22" s="71">
        <v>4</v>
      </c>
      <c r="EU22" s="71">
        <v>1</v>
      </c>
      <c r="EV22" s="71">
        <v>0</v>
      </c>
      <c r="EW22" s="71">
        <v>4</v>
      </c>
      <c r="EX22" s="71">
        <v>1</v>
      </c>
      <c r="EY22" s="72">
        <v>10</v>
      </c>
      <c r="EZ22" s="73">
        <v>14</v>
      </c>
      <c r="FA22" s="86">
        <v>0</v>
      </c>
      <c r="FB22" s="71">
        <v>1</v>
      </c>
      <c r="FC22" s="72">
        <v>1</v>
      </c>
      <c r="FD22" s="244"/>
      <c r="FE22" s="71">
        <v>1</v>
      </c>
      <c r="FF22" s="71">
        <v>1</v>
      </c>
      <c r="FG22" s="71">
        <v>1</v>
      </c>
      <c r="FH22" s="71">
        <v>5</v>
      </c>
      <c r="FI22" s="71">
        <v>3</v>
      </c>
      <c r="FJ22" s="72">
        <v>11</v>
      </c>
      <c r="FK22" s="73">
        <v>12</v>
      </c>
      <c r="FL22" s="70">
        <v>3</v>
      </c>
      <c r="FM22" s="71">
        <v>4</v>
      </c>
      <c r="FN22" s="72">
        <v>7</v>
      </c>
      <c r="FO22" s="244"/>
      <c r="FP22" s="71">
        <v>7</v>
      </c>
      <c r="FQ22" s="71">
        <v>2</v>
      </c>
      <c r="FR22" s="71">
        <v>3</v>
      </c>
      <c r="FS22" s="71">
        <v>3</v>
      </c>
      <c r="FT22" s="71">
        <v>2</v>
      </c>
      <c r="FU22" s="72">
        <v>17</v>
      </c>
      <c r="FV22" s="73">
        <v>24</v>
      </c>
      <c r="FW22" s="70">
        <v>0</v>
      </c>
      <c r="FX22" s="71">
        <v>0</v>
      </c>
      <c r="FY22" s="72">
        <v>0</v>
      </c>
      <c r="FZ22" s="244"/>
      <c r="GA22" s="71">
        <v>0</v>
      </c>
      <c r="GB22" s="71">
        <v>0</v>
      </c>
      <c r="GC22" s="71">
        <v>0</v>
      </c>
      <c r="GD22" s="71">
        <v>0</v>
      </c>
      <c r="GE22" s="71">
        <v>0</v>
      </c>
      <c r="GF22" s="72">
        <v>0</v>
      </c>
      <c r="GG22" s="73">
        <v>0</v>
      </c>
      <c r="GH22" s="70">
        <v>7</v>
      </c>
      <c r="GI22" s="71">
        <v>9</v>
      </c>
      <c r="GJ22" s="72">
        <v>16</v>
      </c>
      <c r="GK22" s="244"/>
      <c r="GL22" s="71">
        <v>16</v>
      </c>
      <c r="GM22" s="71">
        <v>5</v>
      </c>
      <c r="GN22" s="71">
        <v>6</v>
      </c>
      <c r="GO22" s="71">
        <v>14</v>
      </c>
      <c r="GP22" s="71">
        <v>7</v>
      </c>
      <c r="GQ22" s="72">
        <v>48</v>
      </c>
      <c r="GR22" s="73">
        <v>64</v>
      </c>
      <c r="GS22" s="123">
        <v>31</v>
      </c>
      <c r="GT22" s="82">
        <v>34</v>
      </c>
      <c r="GU22" s="83">
        <v>65</v>
      </c>
      <c r="GV22" s="241"/>
      <c r="GW22" s="82">
        <v>63</v>
      </c>
      <c r="GX22" s="82">
        <v>36</v>
      </c>
      <c r="GY22" s="82">
        <v>29</v>
      </c>
      <c r="GZ22" s="82">
        <v>29</v>
      </c>
      <c r="HA22" s="82">
        <v>18</v>
      </c>
      <c r="HB22" s="84">
        <v>175</v>
      </c>
      <c r="HC22" s="85">
        <v>240</v>
      </c>
      <c r="HD22" s="86">
        <v>3</v>
      </c>
      <c r="HE22" s="71">
        <v>0</v>
      </c>
      <c r="HF22" s="72">
        <v>3</v>
      </c>
      <c r="HG22" s="244"/>
      <c r="HH22" s="71">
        <v>3</v>
      </c>
      <c r="HI22" s="71">
        <v>1</v>
      </c>
      <c r="HJ22" s="71">
        <v>2</v>
      </c>
      <c r="HK22" s="71">
        <v>1</v>
      </c>
      <c r="HL22" s="71">
        <v>0</v>
      </c>
      <c r="HM22" s="72">
        <v>7</v>
      </c>
      <c r="HN22" s="73">
        <v>10</v>
      </c>
      <c r="HO22" s="70">
        <v>2</v>
      </c>
      <c r="HP22" s="71">
        <v>1</v>
      </c>
      <c r="HQ22" s="72">
        <v>3</v>
      </c>
      <c r="HR22" s="244"/>
      <c r="HS22" s="71">
        <v>5</v>
      </c>
      <c r="HT22" s="71">
        <v>6</v>
      </c>
      <c r="HU22" s="71">
        <v>5</v>
      </c>
      <c r="HV22" s="71">
        <v>2</v>
      </c>
      <c r="HW22" s="71">
        <v>0</v>
      </c>
      <c r="HX22" s="72">
        <v>18</v>
      </c>
      <c r="HY22" s="73">
        <v>21</v>
      </c>
      <c r="HZ22" s="86">
        <v>8</v>
      </c>
      <c r="IA22" s="71">
        <v>4</v>
      </c>
      <c r="IB22" s="72">
        <v>12</v>
      </c>
      <c r="IC22" s="244"/>
      <c r="ID22" s="71">
        <v>6</v>
      </c>
      <c r="IE22" s="71">
        <v>2</v>
      </c>
      <c r="IF22" s="71">
        <v>1</v>
      </c>
      <c r="IG22" s="71">
        <v>6</v>
      </c>
      <c r="IH22" s="71">
        <v>1</v>
      </c>
      <c r="II22" s="72">
        <v>16</v>
      </c>
      <c r="IJ22" s="73">
        <v>28</v>
      </c>
      <c r="IK22" s="70">
        <v>5</v>
      </c>
      <c r="IL22" s="71">
        <v>7</v>
      </c>
      <c r="IM22" s="72">
        <v>12</v>
      </c>
      <c r="IN22" s="244"/>
      <c r="IO22" s="71">
        <v>14</v>
      </c>
      <c r="IP22" s="71">
        <v>7</v>
      </c>
      <c r="IQ22" s="71">
        <v>6</v>
      </c>
      <c r="IR22" s="71">
        <v>8</v>
      </c>
      <c r="IS22" s="71">
        <v>4</v>
      </c>
      <c r="IT22" s="72">
        <v>39</v>
      </c>
      <c r="IU22" s="73">
        <v>51</v>
      </c>
      <c r="IV22" s="86">
        <v>9</v>
      </c>
      <c r="IW22" s="71">
        <v>7</v>
      </c>
      <c r="IX22" s="72">
        <v>16</v>
      </c>
      <c r="IY22" s="244"/>
      <c r="IZ22" s="71">
        <v>11</v>
      </c>
      <c r="JA22" s="71">
        <v>7</v>
      </c>
      <c r="JB22" s="71">
        <v>5</v>
      </c>
      <c r="JC22" s="71">
        <v>6</v>
      </c>
      <c r="JD22" s="71">
        <v>6</v>
      </c>
      <c r="JE22" s="72">
        <v>35</v>
      </c>
      <c r="JF22" s="73">
        <v>51</v>
      </c>
      <c r="JG22" s="70">
        <v>4</v>
      </c>
      <c r="JH22" s="71">
        <v>15</v>
      </c>
      <c r="JI22" s="72">
        <v>19</v>
      </c>
      <c r="JJ22" s="244"/>
      <c r="JK22" s="71">
        <v>24</v>
      </c>
      <c r="JL22" s="71">
        <v>13</v>
      </c>
      <c r="JM22" s="71">
        <v>10</v>
      </c>
      <c r="JN22" s="71">
        <v>6</v>
      </c>
      <c r="JO22" s="71">
        <v>7</v>
      </c>
      <c r="JP22" s="72">
        <v>60</v>
      </c>
      <c r="JQ22" s="73">
        <v>79</v>
      </c>
      <c r="JR22" s="70">
        <v>0</v>
      </c>
      <c r="JS22" s="71">
        <v>0</v>
      </c>
      <c r="JT22" s="72">
        <v>0</v>
      </c>
      <c r="JU22" s="244"/>
      <c r="JV22" s="71">
        <v>0</v>
      </c>
      <c r="JW22" s="71">
        <v>0</v>
      </c>
      <c r="JX22" s="71">
        <v>0</v>
      </c>
      <c r="JY22" s="71">
        <v>0</v>
      </c>
      <c r="JZ22" s="71">
        <v>0</v>
      </c>
      <c r="KA22" s="72">
        <v>0</v>
      </c>
      <c r="KB22" s="73">
        <v>0</v>
      </c>
      <c r="KC22" s="70">
        <v>31</v>
      </c>
      <c r="KD22" s="71">
        <v>34</v>
      </c>
      <c r="KE22" s="72">
        <v>65</v>
      </c>
      <c r="KF22" s="244"/>
      <c r="KG22" s="71">
        <v>63</v>
      </c>
      <c r="KH22" s="71">
        <v>36</v>
      </c>
      <c r="KI22" s="71">
        <v>29</v>
      </c>
      <c r="KJ22" s="71">
        <v>29</v>
      </c>
      <c r="KK22" s="71">
        <v>18</v>
      </c>
      <c r="KL22" s="72">
        <v>175</v>
      </c>
      <c r="KM22" s="73">
        <v>240</v>
      </c>
    </row>
    <row r="23" spans="2:299" ht="21" customHeight="1" x14ac:dyDescent="0.2">
      <c r="B23" s="126" t="s">
        <v>20</v>
      </c>
      <c r="C23" s="315">
        <v>33</v>
      </c>
      <c r="D23" s="82">
        <v>44</v>
      </c>
      <c r="E23" s="83">
        <v>77</v>
      </c>
      <c r="F23" s="241"/>
      <c r="G23" s="82">
        <v>57</v>
      </c>
      <c r="H23" s="82">
        <v>47</v>
      </c>
      <c r="I23" s="82">
        <v>31</v>
      </c>
      <c r="J23" s="82">
        <v>18</v>
      </c>
      <c r="K23" s="82">
        <v>14</v>
      </c>
      <c r="L23" s="84">
        <v>167</v>
      </c>
      <c r="M23" s="85">
        <v>244</v>
      </c>
      <c r="N23" s="70">
        <v>0</v>
      </c>
      <c r="O23" s="71">
        <v>2</v>
      </c>
      <c r="P23" s="72">
        <v>2</v>
      </c>
      <c r="Q23" s="244"/>
      <c r="R23" s="71">
        <v>3</v>
      </c>
      <c r="S23" s="71">
        <v>2</v>
      </c>
      <c r="T23" s="71">
        <v>2</v>
      </c>
      <c r="U23" s="71">
        <v>1</v>
      </c>
      <c r="V23" s="71">
        <v>0</v>
      </c>
      <c r="W23" s="72">
        <v>8</v>
      </c>
      <c r="X23" s="73">
        <v>10</v>
      </c>
      <c r="Y23" s="70">
        <v>6</v>
      </c>
      <c r="Z23" s="71">
        <v>1</v>
      </c>
      <c r="AA23" s="72">
        <v>7</v>
      </c>
      <c r="AB23" s="244"/>
      <c r="AC23" s="71">
        <v>10</v>
      </c>
      <c r="AD23" s="71">
        <v>4</v>
      </c>
      <c r="AE23" s="71">
        <v>3</v>
      </c>
      <c r="AF23" s="71">
        <v>1</v>
      </c>
      <c r="AG23" s="71">
        <v>2</v>
      </c>
      <c r="AH23" s="72">
        <v>20</v>
      </c>
      <c r="AI23" s="73">
        <v>27</v>
      </c>
      <c r="AJ23" s="70">
        <v>7</v>
      </c>
      <c r="AK23" s="71">
        <v>6</v>
      </c>
      <c r="AL23" s="72">
        <v>13</v>
      </c>
      <c r="AM23" s="244"/>
      <c r="AN23" s="71">
        <v>7</v>
      </c>
      <c r="AO23" s="71">
        <v>10</v>
      </c>
      <c r="AP23" s="71">
        <v>4</v>
      </c>
      <c r="AQ23" s="71">
        <v>1</v>
      </c>
      <c r="AR23" s="71">
        <v>4</v>
      </c>
      <c r="AS23" s="72">
        <v>26</v>
      </c>
      <c r="AT23" s="73">
        <v>39</v>
      </c>
      <c r="AU23" s="70">
        <v>7</v>
      </c>
      <c r="AV23" s="71">
        <v>16</v>
      </c>
      <c r="AW23" s="72">
        <v>23</v>
      </c>
      <c r="AX23" s="244"/>
      <c r="AY23" s="71">
        <v>18</v>
      </c>
      <c r="AZ23" s="71">
        <v>15</v>
      </c>
      <c r="BA23" s="71">
        <v>11</v>
      </c>
      <c r="BB23" s="71">
        <v>6</v>
      </c>
      <c r="BC23" s="71">
        <v>4</v>
      </c>
      <c r="BD23" s="72">
        <v>54</v>
      </c>
      <c r="BE23" s="73">
        <v>77</v>
      </c>
      <c r="BF23" s="70">
        <v>5</v>
      </c>
      <c r="BG23" s="71">
        <v>13</v>
      </c>
      <c r="BH23" s="72">
        <v>18</v>
      </c>
      <c r="BI23" s="244"/>
      <c r="BJ23" s="71">
        <v>13</v>
      </c>
      <c r="BK23" s="71">
        <v>9</v>
      </c>
      <c r="BL23" s="71">
        <v>4</v>
      </c>
      <c r="BM23" s="71">
        <v>4</v>
      </c>
      <c r="BN23" s="71">
        <v>2</v>
      </c>
      <c r="BO23" s="72">
        <v>32</v>
      </c>
      <c r="BP23" s="73">
        <v>50</v>
      </c>
      <c r="BQ23" s="70">
        <v>8</v>
      </c>
      <c r="BR23" s="71">
        <v>6</v>
      </c>
      <c r="BS23" s="72">
        <v>14</v>
      </c>
      <c r="BT23" s="244"/>
      <c r="BU23" s="71">
        <v>6</v>
      </c>
      <c r="BV23" s="71">
        <v>7</v>
      </c>
      <c r="BW23" s="71">
        <v>7</v>
      </c>
      <c r="BX23" s="71">
        <v>5</v>
      </c>
      <c r="BY23" s="71">
        <v>2</v>
      </c>
      <c r="BZ23" s="72">
        <v>27</v>
      </c>
      <c r="CA23" s="73">
        <v>41</v>
      </c>
      <c r="CB23" s="70">
        <v>0</v>
      </c>
      <c r="CC23" s="71">
        <v>0</v>
      </c>
      <c r="CD23" s="72">
        <v>0</v>
      </c>
      <c r="CE23" s="244"/>
      <c r="CF23" s="71">
        <v>0</v>
      </c>
      <c r="CG23" s="71">
        <v>0</v>
      </c>
      <c r="CH23" s="71">
        <v>0</v>
      </c>
      <c r="CI23" s="71">
        <v>0</v>
      </c>
      <c r="CJ23" s="71">
        <v>0</v>
      </c>
      <c r="CK23" s="72">
        <v>0</v>
      </c>
      <c r="CL23" s="73">
        <v>0</v>
      </c>
      <c r="CM23" s="70">
        <v>33</v>
      </c>
      <c r="CN23" s="71">
        <v>44</v>
      </c>
      <c r="CO23" s="72">
        <v>77</v>
      </c>
      <c r="CP23" s="244"/>
      <c r="CQ23" s="71">
        <v>57</v>
      </c>
      <c r="CR23" s="71">
        <v>47</v>
      </c>
      <c r="CS23" s="71">
        <v>31</v>
      </c>
      <c r="CT23" s="71">
        <v>18</v>
      </c>
      <c r="CU23" s="71">
        <v>14</v>
      </c>
      <c r="CV23" s="72">
        <v>167</v>
      </c>
      <c r="CW23" s="73">
        <v>244</v>
      </c>
      <c r="CX23" s="123">
        <v>9</v>
      </c>
      <c r="CY23" s="82">
        <v>23</v>
      </c>
      <c r="CZ23" s="83">
        <v>32</v>
      </c>
      <c r="DA23" s="241"/>
      <c r="DB23" s="82">
        <v>21</v>
      </c>
      <c r="DC23" s="82">
        <v>18</v>
      </c>
      <c r="DD23" s="82">
        <v>11</v>
      </c>
      <c r="DE23" s="82">
        <v>14</v>
      </c>
      <c r="DF23" s="82">
        <v>6</v>
      </c>
      <c r="DG23" s="84">
        <v>70</v>
      </c>
      <c r="DH23" s="85">
        <v>102</v>
      </c>
      <c r="DI23" s="70">
        <v>1</v>
      </c>
      <c r="DJ23" s="71">
        <v>0</v>
      </c>
      <c r="DK23" s="72">
        <v>1</v>
      </c>
      <c r="DL23" s="244"/>
      <c r="DM23" s="71">
        <v>0</v>
      </c>
      <c r="DN23" s="71">
        <v>0</v>
      </c>
      <c r="DO23" s="71">
        <v>1</v>
      </c>
      <c r="DP23" s="71">
        <v>0</v>
      </c>
      <c r="DQ23" s="71">
        <v>0</v>
      </c>
      <c r="DR23" s="72">
        <v>1</v>
      </c>
      <c r="DS23" s="73">
        <v>2</v>
      </c>
      <c r="DT23" s="70">
        <v>0</v>
      </c>
      <c r="DU23" s="71">
        <v>2</v>
      </c>
      <c r="DV23" s="72">
        <v>2</v>
      </c>
      <c r="DW23" s="244"/>
      <c r="DX23" s="71">
        <v>0</v>
      </c>
      <c r="DY23" s="71">
        <v>1</v>
      </c>
      <c r="DZ23" s="71">
        <v>1</v>
      </c>
      <c r="EA23" s="71">
        <v>1</v>
      </c>
      <c r="EB23" s="71">
        <v>1</v>
      </c>
      <c r="EC23" s="72">
        <v>4</v>
      </c>
      <c r="ED23" s="73">
        <v>6</v>
      </c>
      <c r="EE23" s="70">
        <v>2</v>
      </c>
      <c r="EF23" s="71">
        <v>2</v>
      </c>
      <c r="EG23" s="72">
        <v>4</v>
      </c>
      <c r="EH23" s="244"/>
      <c r="EI23" s="71">
        <v>1</v>
      </c>
      <c r="EJ23" s="71">
        <v>1</v>
      </c>
      <c r="EK23" s="71">
        <v>1</v>
      </c>
      <c r="EL23" s="71">
        <v>0</v>
      </c>
      <c r="EM23" s="71">
        <v>1</v>
      </c>
      <c r="EN23" s="72">
        <v>4</v>
      </c>
      <c r="EO23" s="73">
        <v>8</v>
      </c>
      <c r="EP23" s="70">
        <v>2</v>
      </c>
      <c r="EQ23" s="71">
        <v>6</v>
      </c>
      <c r="ER23" s="72">
        <v>8</v>
      </c>
      <c r="ES23" s="244"/>
      <c r="ET23" s="71">
        <v>6</v>
      </c>
      <c r="EU23" s="71">
        <v>5</v>
      </c>
      <c r="EV23" s="71">
        <v>0</v>
      </c>
      <c r="EW23" s="71">
        <v>2</v>
      </c>
      <c r="EX23" s="71">
        <v>2</v>
      </c>
      <c r="EY23" s="72">
        <v>15</v>
      </c>
      <c r="EZ23" s="73">
        <v>23</v>
      </c>
      <c r="FA23" s="70">
        <v>3</v>
      </c>
      <c r="FB23" s="71">
        <v>6</v>
      </c>
      <c r="FC23" s="72">
        <v>9</v>
      </c>
      <c r="FD23" s="244"/>
      <c r="FE23" s="71">
        <v>6</v>
      </c>
      <c r="FF23" s="71">
        <v>4</v>
      </c>
      <c r="FG23" s="71">
        <v>5</v>
      </c>
      <c r="FH23" s="71">
        <v>3</v>
      </c>
      <c r="FI23" s="71">
        <v>0</v>
      </c>
      <c r="FJ23" s="72">
        <v>18</v>
      </c>
      <c r="FK23" s="73">
        <v>27</v>
      </c>
      <c r="FL23" s="70">
        <v>1</v>
      </c>
      <c r="FM23" s="71">
        <v>7</v>
      </c>
      <c r="FN23" s="72">
        <v>8</v>
      </c>
      <c r="FO23" s="244"/>
      <c r="FP23" s="71">
        <v>8</v>
      </c>
      <c r="FQ23" s="71">
        <v>7</v>
      </c>
      <c r="FR23" s="71">
        <v>3</v>
      </c>
      <c r="FS23" s="71">
        <v>8</v>
      </c>
      <c r="FT23" s="71">
        <v>2</v>
      </c>
      <c r="FU23" s="72">
        <v>28</v>
      </c>
      <c r="FV23" s="73">
        <v>36</v>
      </c>
      <c r="FW23" s="70">
        <v>0</v>
      </c>
      <c r="FX23" s="71">
        <v>0</v>
      </c>
      <c r="FY23" s="72">
        <v>0</v>
      </c>
      <c r="FZ23" s="244"/>
      <c r="GA23" s="71">
        <v>0</v>
      </c>
      <c r="GB23" s="71">
        <v>0</v>
      </c>
      <c r="GC23" s="71">
        <v>0</v>
      </c>
      <c r="GD23" s="71">
        <v>0</v>
      </c>
      <c r="GE23" s="71">
        <v>0</v>
      </c>
      <c r="GF23" s="72">
        <v>0</v>
      </c>
      <c r="GG23" s="73">
        <v>0</v>
      </c>
      <c r="GH23" s="70">
        <v>9</v>
      </c>
      <c r="GI23" s="71">
        <v>23</v>
      </c>
      <c r="GJ23" s="72">
        <v>32</v>
      </c>
      <c r="GK23" s="244"/>
      <c r="GL23" s="71">
        <v>21</v>
      </c>
      <c r="GM23" s="71">
        <v>18</v>
      </c>
      <c r="GN23" s="71">
        <v>11</v>
      </c>
      <c r="GO23" s="71">
        <v>14</v>
      </c>
      <c r="GP23" s="71">
        <v>6</v>
      </c>
      <c r="GQ23" s="72">
        <v>70</v>
      </c>
      <c r="GR23" s="73">
        <v>102</v>
      </c>
      <c r="GS23" s="123">
        <v>42</v>
      </c>
      <c r="GT23" s="82">
        <v>67</v>
      </c>
      <c r="GU23" s="83">
        <v>109</v>
      </c>
      <c r="GV23" s="241"/>
      <c r="GW23" s="82">
        <v>78</v>
      </c>
      <c r="GX23" s="82">
        <v>65</v>
      </c>
      <c r="GY23" s="82">
        <v>42</v>
      </c>
      <c r="GZ23" s="82">
        <v>32</v>
      </c>
      <c r="HA23" s="82">
        <v>20</v>
      </c>
      <c r="HB23" s="84">
        <v>237</v>
      </c>
      <c r="HC23" s="85">
        <v>346</v>
      </c>
      <c r="HD23" s="70">
        <v>1</v>
      </c>
      <c r="HE23" s="71">
        <v>2</v>
      </c>
      <c r="HF23" s="72">
        <v>3</v>
      </c>
      <c r="HG23" s="244"/>
      <c r="HH23" s="71">
        <v>3</v>
      </c>
      <c r="HI23" s="71">
        <v>2</v>
      </c>
      <c r="HJ23" s="71">
        <v>3</v>
      </c>
      <c r="HK23" s="71">
        <v>1</v>
      </c>
      <c r="HL23" s="71">
        <v>0</v>
      </c>
      <c r="HM23" s="72">
        <v>9</v>
      </c>
      <c r="HN23" s="73">
        <v>12</v>
      </c>
      <c r="HO23" s="70">
        <v>6</v>
      </c>
      <c r="HP23" s="71">
        <v>3</v>
      </c>
      <c r="HQ23" s="72">
        <v>9</v>
      </c>
      <c r="HR23" s="244"/>
      <c r="HS23" s="71">
        <v>10</v>
      </c>
      <c r="HT23" s="71">
        <v>5</v>
      </c>
      <c r="HU23" s="71">
        <v>4</v>
      </c>
      <c r="HV23" s="71">
        <v>2</v>
      </c>
      <c r="HW23" s="71">
        <v>3</v>
      </c>
      <c r="HX23" s="72">
        <v>24</v>
      </c>
      <c r="HY23" s="73">
        <v>33</v>
      </c>
      <c r="HZ23" s="70">
        <v>9</v>
      </c>
      <c r="IA23" s="71">
        <v>8</v>
      </c>
      <c r="IB23" s="72">
        <v>17</v>
      </c>
      <c r="IC23" s="244"/>
      <c r="ID23" s="71">
        <v>8</v>
      </c>
      <c r="IE23" s="71">
        <v>11</v>
      </c>
      <c r="IF23" s="71">
        <v>5</v>
      </c>
      <c r="IG23" s="71">
        <v>1</v>
      </c>
      <c r="IH23" s="71">
        <v>5</v>
      </c>
      <c r="II23" s="72">
        <v>30</v>
      </c>
      <c r="IJ23" s="73">
        <v>47</v>
      </c>
      <c r="IK23" s="70">
        <v>9</v>
      </c>
      <c r="IL23" s="71">
        <v>22</v>
      </c>
      <c r="IM23" s="72">
        <v>31</v>
      </c>
      <c r="IN23" s="244"/>
      <c r="IO23" s="71">
        <v>24</v>
      </c>
      <c r="IP23" s="71">
        <v>20</v>
      </c>
      <c r="IQ23" s="71">
        <v>11</v>
      </c>
      <c r="IR23" s="71">
        <v>8</v>
      </c>
      <c r="IS23" s="71">
        <v>6</v>
      </c>
      <c r="IT23" s="72">
        <v>69</v>
      </c>
      <c r="IU23" s="73">
        <v>100</v>
      </c>
      <c r="IV23" s="70">
        <v>8</v>
      </c>
      <c r="IW23" s="71">
        <v>19</v>
      </c>
      <c r="IX23" s="72">
        <v>27</v>
      </c>
      <c r="IY23" s="244"/>
      <c r="IZ23" s="71">
        <v>19</v>
      </c>
      <c r="JA23" s="71">
        <v>13</v>
      </c>
      <c r="JB23" s="71">
        <v>9</v>
      </c>
      <c r="JC23" s="71">
        <v>7</v>
      </c>
      <c r="JD23" s="71">
        <v>2</v>
      </c>
      <c r="JE23" s="72">
        <v>50</v>
      </c>
      <c r="JF23" s="73">
        <v>77</v>
      </c>
      <c r="JG23" s="70">
        <v>9</v>
      </c>
      <c r="JH23" s="71">
        <v>13</v>
      </c>
      <c r="JI23" s="72">
        <v>22</v>
      </c>
      <c r="JJ23" s="244"/>
      <c r="JK23" s="71">
        <v>14</v>
      </c>
      <c r="JL23" s="71">
        <v>14</v>
      </c>
      <c r="JM23" s="71">
        <v>10</v>
      </c>
      <c r="JN23" s="71">
        <v>13</v>
      </c>
      <c r="JO23" s="71">
        <v>4</v>
      </c>
      <c r="JP23" s="72">
        <v>55</v>
      </c>
      <c r="JQ23" s="73">
        <v>77</v>
      </c>
      <c r="JR23" s="70">
        <v>0</v>
      </c>
      <c r="JS23" s="71">
        <v>0</v>
      </c>
      <c r="JT23" s="72">
        <v>0</v>
      </c>
      <c r="JU23" s="244"/>
      <c r="JV23" s="71">
        <v>0</v>
      </c>
      <c r="JW23" s="71">
        <v>0</v>
      </c>
      <c r="JX23" s="71">
        <v>0</v>
      </c>
      <c r="JY23" s="71">
        <v>0</v>
      </c>
      <c r="JZ23" s="71">
        <v>0</v>
      </c>
      <c r="KA23" s="72">
        <v>0</v>
      </c>
      <c r="KB23" s="73">
        <v>0</v>
      </c>
      <c r="KC23" s="70">
        <v>42</v>
      </c>
      <c r="KD23" s="71">
        <v>67</v>
      </c>
      <c r="KE23" s="72">
        <v>109</v>
      </c>
      <c r="KF23" s="244"/>
      <c r="KG23" s="71">
        <v>78</v>
      </c>
      <c r="KH23" s="71">
        <v>65</v>
      </c>
      <c r="KI23" s="71">
        <v>42</v>
      </c>
      <c r="KJ23" s="71">
        <v>32</v>
      </c>
      <c r="KK23" s="71">
        <v>20</v>
      </c>
      <c r="KL23" s="72">
        <v>237</v>
      </c>
      <c r="KM23" s="73">
        <v>346</v>
      </c>
    </row>
    <row r="24" spans="2:299" ht="21" customHeight="1" x14ac:dyDescent="0.2">
      <c r="B24" s="126" t="s">
        <v>21</v>
      </c>
      <c r="C24" s="315">
        <v>34</v>
      </c>
      <c r="D24" s="82">
        <v>22</v>
      </c>
      <c r="E24" s="83">
        <v>56</v>
      </c>
      <c r="F24" s="241"/>
      <c r="G24" s="82">
        <v>51</v>
      </c>
      <c r="H24" s="82">
        <v>35</v>
      </c>
      <c r="I24" s="82">
        <v>20</v>
      </c>
      <c r="J24" s="82">
        <v>22</v>
      </c>
      <c r="K24" s="82">
        <v>16</v>
      </c>
      <c r="L24" s="84">
        <v>144</v>
      </c>
      <c r="M24" s="85">
        <v>200</v>
      </c>
      <c r="N24" s="70">
        <v>1</v>
      </c>
      <c r="O24" s="71">
        <v>1</v>
      </c>
      <c r="P24" s="72">
        <v>2</v>
      </c>
      <c r="Q24" s="244"/>
      <c r="R24" s="71">
        <v>3</v>
      </c>
      <c r="S24" s="71">
        <v>2</v>
      </c>
      <c r="T24" s="71">
        <v>0</v>
      </c>
      <c r="U24" s="71">
        <v>0</v>
      </c>
      <c r="V24" s="71">
        <v>3</v>
      </c>
      <c r="W24" s="72">
        <v>8</v>
      </c>
      <c r="X24" s="73">
        <v>10</v>
      </c>
      <c r="Y24" s="70">
        <v>3</v>
      </c>
      <c r="Z24" s="71">
        <v>2</v>
      </c>
      <c r="AA24" s="72">
        <v>5</v>
      </c>
      <c r="AB24" s="244"/>
      <c r="AC24" s="71">
        <v>3</v>
      </c>
      <c r="AD24" s="71">
        <v>2</v>
      </c>
      <c r="AE24" s="71">
        <v>3</v>
      </c>
      <c r="AF24" s="71">
        <v>2</v>
      </c>
      <c r="AG24" s="71">
        <v>3</v>
      </c>
      <c r="AH24" s="72">
        <v>13</v>
      </c>
      <c r="AI24" s="73">
        <v>18</v>
      </c>
      <c r="AJ24" s="70">
        <v>4</v>
      </c>
      <c r="AK24" s="71">
        <v>2</v>
      </c>
      <c r="AL24" s="72">
        <v>6</v>
      </c>
      <c r="AM24" s="244"/>
      <c r="AN24" s="71">
        <v>10</v>
      </c>
      <c r="AO24" s="71">
        <v>6</v>
      </c>
      <c r="AP24" s="71">
        <v>2</v>
      </c>
      <c r="AQ24" s="71">
        <v>6</v>
      </c>
      <c r="AR24" s="71">
        <v>0</v>
      </c>
      <c r="AS24" s="72">
        <v>24</v>
      </c>
      <c r="AT24" s="73">
        <v>30</v>
      </c>
      <c r="AU24" s="70">
        <v>5</v>
      </c>
      <c r="AV24" s="71">
        <v>8</v>
      </c>
      <c r="AW24" s="72">
        <v>13</v>
      </c>
      <c r="AX24" s="244"/>
      <c r="AY24" s="71">
        <v>10</v>
      </c>
      <c r="AZ24" s="71">
        <v>8</v>
      </c>
      <c r="BA24" s="71">
        <v>3</v>
      </c>
      <c r="BB24" s="71">
        <v>2</v>
      </c>
      <c r="BC24" s="71">
        <v>2</v>
      </c>
      <c r="BD24" s="72">
        <v>25</v>
      </c>
      <c r="BE24" s="73">
        <v>38</v>
      </c>
      <c r="BF24" s="70">
        <v>14</v>
      </c>
      <c r="BG24" s="71">
        <v>3</v>
      </c>
      <c r="BH24" s="72">
        <v>17</v>
      </c>
      <c r="BI24" s="244"/>
      <c r="BJ24" s="71">
        <v>18</v>
      </c>
      <c r="BK24" s="71">
        <v>8</v>
      </c>
      <c r="BL24" s="71">
        <v>9</v>
      </c>
      <c r="BM24" s="71">
        <v>5</v>
      </c>
      <c r="BN24" s="71">
        <v>4</v>
      </c>
      <c r="BO24" s="72">
        <v>44</v>
      </c>
      <c r="BP24" s="73">
        <v>61</v>
      </c>
      <c r="BQ24" s="70">
        <v>7</v>
      </c>
      <c r="BR24" s="71">
        <v>6</v>
      </c>
      <c r="BS24" s="72">
        <v>13</v>
      </c>
      <c r="BT24" s="244"/>
      <c r="BU24" s="71">
        <v>7</v>
      </c>
      <c r="BV24" s="71">
        <v>9</v>
      </c>
      <c r="BW24" s="71">
        <v>3</v>
      </c>
      <c r="BX24" s="71">
        <v>7</v>
      </c>
      <c r="BY24" s="71">
        <v>4</v>
      </c>
      <c r="BZ24" s="72">
        <v>30</v>
      </c>
      <c r="CA24" s="73">
        <v>43</v>
      </c>
      <c r="CB24" s="70">
        <v>0</v>
      </c>
      <c r="CC24" s="71">
        <v>0</v>
      </c>
      <c r="CD24" s="72">
        <v>0</v>
      </c>
      <c r="CE24" s="244"/>
      <c r="CF24" s="71">
        <v>0</v>
      </c>
      <c r="CG24" s="71">
        <v>0</v>
      </c>
      <c r="CH24" s="71">
        <v>0</v>
      </c>
      <c r="CI24" s="71">
        <v>0</v>
      </c>
      <c r="CJ24" s="71">
        <v>0</v>
      </c>
      <c r="CK24" s="72">
        <v>0</v>
      </c>
      <c r="CL24" s="73">
        <v>0</v>
      </c>
      <c r="CM24" s="70">
        <v>34</v>
      </c>
      <c r="CN24" s="71">
        <v>22</v>
      </c>
      <c r="CO24" s="72">
        <v>56</v>
      </c>
      <c r="CP24" s="244"/>
      <c r="CQ24" s="71">
        <v>51</v>
      </c>
      <c r="CR24" s="71">
        <v>35</v>
      </c>
      <c r="CS24" s="71">
        <v>20</v>
      </c>
      <c r="CT24" s="71">
        <v>22</v>
      </c>
      <c r="CU24" s="71">
        <v>16</v>
      </c>
      <c r="CV24" s="72">
        <v>144</v>
      </c>
      <c r="CW24" s="73">
        <v>200</v>
      </c>
      <c r="CX24" s="123">
        <v>14</v>
      </c>
      <c r="CY24" s="82">
        <v>12</v>
      </c>
      <c r="CZ24" s="83">
        <v>26</v>
      </c>
      <c r="DA24" s="241"/>
      <c r="DB24" s="82">
        <v>14</v>
      </c>
      <c r="DC24" s="82">
        <v>16</v>
      </c>
      <c r="DD24" s="82">
        <v>11</v>
      </c>
      <c r="DE24" s="82">
        <v>9</v>
      </c>
      <c r="DF24" s="82">
        <v>5</v>
      </c>
      <c r="DG24" s="84">
        <v>55</v>
      </c>
      <c r="DH24" s="85">
        <v>81</v>
      </c>
      <c r="DI24" s="70">
        <v>0</v>
      </c>
      <c r="DJ24" s="71">
        <v>1</v>
      </c>
      <c r="DK24" s="72">
        <v>1</v>
      </c>
      <c r="DL24" s="244"/>
      <c r="DM24" s="71">
        <v>0</v>
      </c>
      <c r="DN24" s="71">
        <v>0</v>
      </c>
      <c r="DO24" s="71">
        <v>0</v>
      </c>
      <c r="DP24" s="71">
        <v>0</v>
      </c>
      <c r="DQ24" s="71">
        <v>1</v>
      </c>
      <c r="DR24" s="72">
        <v>1</v>
      </c>
      <c r="DS24" s="73">
        <v>2</v>
      </c>
      <c r="DT24" s="70">
        <v>3</v>
      </c>
      <c r="DU24" s="71">
        <v>1</v>
      </c>
      <c r="DV24" s="72">
        <v>4</v>
      </c>
      <c r="DW24" s="244"/>
      <c r="DX24" s="71">
        <v>1</v>
      </c>
      <c r="DY24" s="71">
        <v>1</v>
      </c>
      <c r="DZ24" s="71">
        <v>1</v>
      </c>
      <c r="EA24" s="71">
        <v>0</v>
      </c>
      <c r="EB24" s="71">
        <v>1</v>
      </c>
      <c r="EC24" s="72">
        <v>4</v>
      </c>
      <c r="ED24" s="73">
        <v>8</v>
      </c>
      <c r="EE24" s="70">
        <v>1</v>
      </c>
      <c r="EF24" s="71">
        <v>1</v>
      </c>
      <c r="EG24" s="72">
        <v>2</v>
      </c>
      <c r="EH24" s="244"/>
      <c r="EI24" s="71">
        <v>3</v>
      </c>
      <c r="EJ24" s="71">
        <v>3</v>
      </c>
      <c r="EK24" s="71">
        <v>1</v>
      </c>
      <c r="EL24" s="71">
        <v>0</v>
      </c>
      <c r="EM24" s="71">
        <v>0</v>
      </c>
      <c r="EN24" s="72">
        <v>7</v>
      </c>
      <c r="EO24" s="73">
        <v>9</v>
      </c>
      <c r="EP24" s="70">
        <v>8</v>
      </c>
      <c r="EQ24" s="71">
        <v>5</v>
      </c>
      <c r="ER24" s="72">
        <v>13</v>
      </c>
      <c r="ES24" s="244"/>
      <c r="ET24" s="71">
        <v>3</v>
      </c>
      <c r="EU24" s="71">
        <v>1</v>
      </c>
      <c r="EV24" s="71">
        <v>1</v>
      </c>
      <c r="EW24" s="71">
        <v>0</v>
      </c>
      <c r="EX24" s="71">
        <v>0</v>
      </c>
      <c r="EY24" s="72">
        <v>5</v>
      </c>
      <c r="EZ24" s="73">
        <v>18</v>
      </c>
      <c r="FA24" s="70">
        <v>0</v>
      </c>
      <c r="FB24" s="71">
        <v>4</v>
      </c>
      <c r="FC24" s="72">
        <v>4</v>
      </c>
      <c r="FD24" s="244"/>
      <c r="FE24" s="71">
        <v>2</v>
      </c>
      <c r="FF24" s="71">
        <v>5</v>
      </c>
      <c r="FG24" s="71">
        <v>1</v>
      </c>
      <c r="FH24" s="71">
        <v>2</v>
      </c>
      <c r="FI24" s="71">
        <v>1</v>
      </c>
      <c r="FJ24" s="72">
        <v>11</v>
      </c>
      <c r="FK24" s="73">
        <v>15</v>
      </c>
      <c r="FL24" s="70">
        <v>2</v>
      </c>
      <c r="FM24" s="71">
        <v>0</v>
      </c>
      <c r="FN24" s="72">
        <v>2</v>
      </c>
      <c r="FO24" s="244"/>
      <c r="FP24" s="71">
        <v>5</v>
      </c>
      <c r="FQ24" s="71">
        <v>6</v>
      </c>
      <c r="FR24" s="71">
        <v>7</v>
      </c>
      <c r="FS24" s="71">
        <v>7</v>
      </c>
      <c r="FT24" s="71">
        <v>2</v>
      </c>
      <c r="FU24" s="72">
        <v>27</v>
      </c>
      <c r="FV24" s="73">
        <v>29</v>
      </c>
      <c r="FW24" s="70">
        <v>0</v>
      </c>
      <c r="FX24" s="71">
        <v>0</v>
      </c>
      <c r="FY24" s="72">
        <v>0</v>
      </c>
      <c r="FZ24" s="244"/>
      <c r="GA24" s="71">
        <v>0</v>
      </c>
      <c r="GB24" s="71">
        <v>0</v>
      </c>
      <c r="GC24" s="71">
        <v>0</v>
      </c>
      <c r="GD24" s="71">
        <v>0</v>
      </c>
      <c r="GE24" s="71">
        <v>0</v>
      </c>
      <c r="GF24" s="72">
        <v>0</v>
      </c>
      <c r="GG24" s="73">
        <v>0</v>
      </c>
      <c r="GH24" s="70">
        <v>14</v>
      </c>
      <c r="GI24" s="71">
        <v>12</v>
      </c>
      <c r="GJ24" s="72">
        <v>26</v>
      </c>
      <c r="GK24" s="244"/>
      <c r="GL24" s="71">
        <v>14</v>
      </c>
      <c r="GM24" s="71">
        <v>16</v>
      </c>
      <c r="GN24" s="71">
        <v>11</v>
      </c>
      <c r="GO24" s="71">
        <v>9</v>
      </c>
      <c r="GP24" s="71">
        <v>5</v>
      </c>
      <c r="GQ24" s="72">
        <v>55</v>
      </c>
      <c r="GR24" s="73">
        <v>81</v>
      </c>
      <c r="GS24" s="123">
        <v>48</v>
      </c>
      <c r="GT24" s="82">
        <v>34</v>
      </c>
      <c r="GU24" s="83">
        <v>82</v>
      </c>
      <c r="GV24" s="241"/>
      <c r="GW24" s="82">
        <v>65</v>
      </c>
      <c r="GX24" s="82">
        <v>51</v>
      </c>
      <c r="GY24" s="82">
        <v>31</v>
      </c>
      <c r="GZ24" s="82">
        <v>31</v>
      </c>
      <c r="HA24" s="82">
        <v>21</v>
      </c>
      <c r="HB24" s="84">
        <v>199</v>
      </c>
      <c r="HC24" s="85">
        <v>281</v>
      </c>
      <c r="HD24" s="70">
        <v>1</v>
      </c>
      <c r="HE24" s="71">
        <v>2</v>
      </c>
      <c r="HF24" s="72">
        <v>3</v>
      </c>
      <c r="HG24" s="244"/>
      <c r="HH24" s="71">
        <v>3</v>
      </c>
      <c r="HI24" s="71">
        <v>2</v>
      </c>
      <c r="HJ24" s="71">
        <v>0</v>
      </c>
      <c r="HK24" s="71">
        <v>0</v>
      </c>
      <c r="HL24" s="71">
        <v>4</v>
      </c>
      <c r="HM24" s="72">
        <v>9</v>
      </c>
      <c r="HN24" s="73">
        <v>12</v>
      </c>
      <c r="HO24" s="70">
        <v>6</v>
      </c>
      <c r="HP24" s="71">
        <v>3</v>
      </c>
      <c r="HQ24" s="72">
        <v>9</v>
      </c>
      <c r="HR24" s="244"/>
      <c r="HS24" s="71">
        <v>4</v>
      </c>
      <c r="HT24" s="71">
        <v>3</v>
      </c>
      <c r="HU24" s="71">
        <v>4</v>
      </c>
      <c r="HV24" s="71">
        <v>2</v>
      </c>
      <c r="HW24" s="71">
        <v>4</v>
      </c>
      <c r="HX24" s="72">
        <v>17</v>
      </c>
      <c r="HY24" s="73">
        <v>26</v>
      </c>
      <c r="HZ24" s="70">
        <v>5</v>
      </c>
      <c r="IA24" s="71">
        <v>3</v>
      </c>
      <c r="IB24" s="72">
        <v>8</v>
      </c>
      <c r="IC24" s="244"/>
      <c r="ID24" s="71">
        <v>13</v>
      </c>
      <c r="IE24" s="71">
        <v>9</v>
      </c>
      <c r="IF24" s="71">
        <v>3</v>
      </c>
      <c r="IG24" s="71">
        <v>6</v>
      </c>
      <c r="IH24" s="71">
        <v>0</v>
      </c>
      <c r="II24" s="72">
        <v>31</v>
      </c>
      <c r="IJ24" s="73">
        <v>39</v>
      </c>
      <c r="IK24" s="70">
        <v>13</v>
      </c>
      <c r="IL24" s="71">
        <v>13</v>
      </c>
      <c r="IM24" s="72">
        <v>26</v>
      </c>
      <c r="IN24" s="244"/>
      <c r="IO24" s="71">
        <v>13</v>
      </c>
      <c r="IP24" s="71">
        <v>9</v>
      </c>
      <c r="IQ24" s="71">
        <v>4</v>
      </c>
      <c r="IR24" s="71">
        <v>2</v>
      </c>
      <c r="IS24" s="71">
        <v>2</v>
      </c>
      <c r="IT24" s="72">
        <v>30</v>
      </c>
      <c r="IU24" s="73">
        <v>56</v>
      </c>
      <c r="IV24" s="70">
        <v>14</v>
      </c>
      <c r="IW24" s="71">
        <v>7</v>
      </c>
      <c r="IX24" s="72">
        <v>21</v>
      </c>
      <c r="IY24" s="244"/>
      <c r="IZ24" s="71">
        <v>20</v>
      </c>
      <c r="JA24" s="71">
        <v>13</v>
      </c>
      <c r="JB24" s="71">
        <v>10</v>
      </c>
      <c r="JC24" s="71">
        <v>7</v>
      </c>
      <c r="JD24" s="71">
        <v>5</v>
      </c>
      <c r="JE24" s="72">
        <v>55</v>
      </c>
      <c r="JF24" s="73">
        <v>76</v>
      </c>
      <c r="JG24" s="70">
        <v>9</v>
      </c>
      <c r="JH24" s="71">
        <v>6</v>
      </c>
      <c r="JI24" s="72">
        <v>15</v>
      </c>
      <c r="JJ24" s="244"/>
      <c r="JK24" s="71">
        <v>12</v>
      </c>
      <c r="JL24" s="71">
        <v>15</v>
      </c>
      <c r="JM24" s="71">
        <v>10</v>
      </c>
      <c r="JN24" s="71">
        <v>14</v>
      </c>
      <c r="JO24" s="71">
        <v>6</v>
      </c>
      <c r="JP24" s="72">
        <v>57</v>
      </c>
      <c r="JQ24" s="73">
        <v>72</v>
      </c>
      <c r="JR24" s="70">
        <v>0</v>
      </c>
      <c r="JS24" s="71">
        <v>0</v>
      </c>
      <c r="JT24" s="72">
        <v>0</v>
      </c>
      <c r="JU24" s="244"/>
      <c r="JV24" s="71">
        <v>0</v>
      </c>
      <c r="JW24" s="71">
        <v>0</v>
      </c>
      <c r="JX24" s="71">
        <v>0</v>
      </c>
      <c r="JY24" s="71">
        <v>0</v>
      </c>
      <c r="JZ24" s="71">
        <v>0</v>
      </c>
      <c r="KA24" s="72">
        <v>0</v>
      </c>
      <c r="KB24" s="73">
        <v>0</v>
      </c>
      <c r="KC24" s="70">
        <v>48</v>
      </c>
      <c r="KD24" s="71">
        <v>34</v>
      </c>
      <c r="KE24" s="72">
        <v>82</v>
      </c>
      <c r="KF24" s="244"/>
      <c r="KG24" s="71">
        <v>65</v>
      </c>
      <c r="KH24" s="71">
        <v>51</v>
      </c>
      <c r="KI24" s="71">
        <v>31</v>
      </c>
      <c r="KJ24" s="71">
        <v>31</v>
      </c>
      <c r="KK24" s="71">
        <v>21</v>
      </c>
      <c r="KL24" s="72">
        <v>199</v>
      </c>
      <c r="KM24" s="73">
        <v>281</v>
      </c>
    </row>
    <row r="25" spans="2:299" ht="21" customHeight="1" x14ac:dyDescent="0.2">
      <c r="B25" s="126" t="s">
        <v>22</v>
      </c>
      <c r="C25" s="315">
        <v>12</v>
      </c>
      <c r="D25" s="82">
        <v>7</v>
      </c>
      <c r="E25" s="83">
        <v>19</v>
      </c>
      <c r="F25" s="241"/>
      <c r="G25" s="82">
        <v>29</v>
      </c>
      <c r="H25" s="82">
        <v>15</v>
      </c>
      <c r="I25" s="82">
        <v>11</v>
      </c>
      <c r="J25" s="82">
        <v>8</v>
      </c>
      <c r="K25" s="82">
        <v>9</v>
      </c>
      <c r="L25" s="84">
        <v>72</v>
      </c>
      <c r="M25" s="85">
        <v>91</v>
      </c>
      <c r="N25" s="70">
        <v>0</v>
      </c>
      <c r="O25" s="71">
        <v>0</v>
      </c>
      <c r="P25" s="72">
        <v>0</v>
      </c>
      <c r="Q25" s="244"/>
      <c r="R25" s="71">
        <v>2</v>
      </c>
      <c r="S25" s="71">
        <v>0</v>
      </c>
      <c r="T25" s="71">
        <v>0</v>
      </c>
      <c r="U25" s="71">
        <v>0</v>
      </c>
      <c r="V25" s="71">
        <v>1</v>
      </c>
      <c r="W25" s="72">
        <v>3</v>
      </c>
      <c r="X25" s="73">
        <v>3</v>
      </c>
      <c r="Y25" s="70">
        <v>2</v>
      </c>
      <c r="Z25" s="71">
        <v>2</v>
      </c>
      <c r="AA25" s="72">
        <v>4</v>
      </c>
      <c r="AB25" s="244"/>
      <c r="AC25" s="71">
        <v>4</v>
      </c>
      <c r="AD25" s="71">
        <v>1</v>
      </c>
      <c r="AE25" s="71">
        <v>1</v>
      </c>
      <c r="AF25" s="71">
        <v>0</v>
      </c>
      <c r="AG25" s="71">
        <v>1</v>
      </c>
      <c r="AH25" s="72">
        <v>7</v>
      </c>
      <c r="AI25" s="73">
        <v>11</v>
      </c>
      <c r="AJ25" s="70">
        <v>2</v>
      </c>
      <c r="AK25" s="71">
        <v>0</v>
      </c>
      <c r="AL25" s="72">
        <v>2</v>
      </c>
      <c r="AM25" s="244"/>
      <c r="AN25" s="71">
        <v>3</v>
      </c>
      <c r="AO25" s="71">
        <v>2</v>
      </c>
      <c r="AP25" s="71">
        <v>0</v>
      </c>
      <c r="AQ25" s="71">
        <v>0</v>
      </c>
      <c r="AR25" s="71">
        <v>1</v>
      </c>
      <c r="AS25" s="72">
        <v>6</v>
      </c>
      <c r="AT25" s="73">
        <v>8</v>
      </c>
      <c r="AU25" s="70">
        <v>3</v>
      </c>
      <c r="AV25" s="71">
        <v>3</v>
      </c>
      <c r="AW25" s="72">
        <v>6</v>
      </c>
      <c r="AX25" s="244"/>
      <c r="AY25" s="71">
        <v>9</v>
      </c>
      <c r="AZ25" s="71">
        <v>4</v>
      </c>
      <c r="BA25" s="71">
        <v>3</v>
      </c>
      <c r="BB25" s="71">
        <v>3</v>
      </c>
      <c r="BC25" s="71">
        <v>2</v>
      </c>
      <c r="BD25" s="72">
        <v>21</v>
      </c>
      <c r="BE25" s="73">
        <v>27</v>
      </c>
      <c r="BF25" s="70">
        <v>1</v>
      </c>
      <c r="BG25" s="71">
        <v>2</v>
      </c>
      <c r="BH25" s="72">
        <v>3</v>
      </c>
      <c r="BI25" s="244"/>
      <c r="BJ25" s="71">
        <v>3</v>
      </c>
      <c r="BK25" s="71">
        <v>4</v>
      </c>
      <c r="BL25" s="71">
        <v>2</v>
      </c>
      <c r="BM25" s="71">
        <v>2</v>
      </c>
      <c r="BN25" s="71">
        <v>1</v>
      </c>
      <c r="BO25" s="72">
        <v>12</v>
      </c>
      <c r="BP25" s="73">
        <v>15</v>
      </c>
      <c r="BQ25" s="70">
        <v>4</v>
      </c>
      <c r="BR25" s="71">
        <v>0</v>
      </c>
      <c r="BS25" s="72">
        <v>4</v>
      </c>
      <c r="BT25" s="244"/>
      <c r="BU25" s="71">
        <v>8</v>
      </c>
      <c r="BV25" s="71">
        <v>4</v>
      </c>
      <c r="BW25" s="71">
        <v>5</v>
      </c>
      <c r="BX25" s="71">
        <v>3</v>
      </c>
      <c r="BY25" s="71">
        <v>3</v>
      </c>
      <c r="BZ25" s="72">
        <v>23</v>
      </c>
      <c r="CA25" s="73">
        <v>27</v>
      </c>
      <c r="CB25" s="70">
        <v>0</v>
      </c>
      <c r="CC25" s="71">
        <v>0</v>
      </c>
      <c r="CD25" s="72">
        <v>0</v>
      </c>
      <c r="CE25" s="244"/>
      <c r="CF25" s="71">
        <v>0</v>
      </c>
      <c r="CG25" s="71">
        <v>0</v>
      </c>
      <c r="CH25" s="71">
        <v>0</v>
      </c>
      <c r="CI25" s="71">
        <v>0</v>
      </c>
      <c r="CJ25" s="71">
        <v>0</v>
      </c>
      <c r="CK25" s="72">
        <v>0</v>
      </c>
      <c r="CL25" s="73">
        <v>0</v>
      </c>
      <c r="CM25" s="70">
        <v>12</v>
      </c>
      <c r="CN25" s="71">
        <v>7</v>
      </c>
      <c r="CO25" s="72">
        <v>19</v>
      </c>
      <c r="CP25" s="244"/>
      <c r="CQ25" s="71">
        <v>29</v>
      </c>
      <c r="CR25" s="71">
        <v>15</v>
      </c>
      <c r="CS25" s="71">
        <v>11</v>
      </c>
      <c r="CT25" s="71">
        <v>8</v>
      </c>
      <c r="CU25" s="71">
        <v>9</v>
      </c>
      <c r="CV25" s="72">
        <v>72</v>
      </c>
      <c r="CW25" s="73">
        <v>91</v>
      </c>
      <c r="CX25" s="123">
        <v>3</v>
      </c>
      <c r="CY25" s="82">
        <v>5</v>
      </c>
      <c r="CZ25" s="83">
        <v>8</v>
      </c>
      <c r="DA25" s="241"/>
      <c r="DB25" s="82">
        <v>9</v>
      </c>
      <c r="DC25" s="82">
        <v>2</v>
      </c>
      <c r="DD25" s="82">
        <v>4</v>
      </c>
      <c r="DE25" s="82">
        <v>5</v>
      </c>
      <c r="DF25" s="82">
        <v>4</v>
      </c>
      <c r="DG25" s="84">
        <v>24</v>
      </c>
      <c r="DH25" s="85">
        <v>32</v>
      </c>
      <c r="DI25" s="70">
        <v>0</v>
      </c>
      <c r="DJ25" s="71">
        <v>1</v>
      </c>
      <c r="DK25" s="72">
        <v>1</v>
      </c>
      <c r="DL25" s="244"/>
      <c r="DM25" s="71">
        <v>0</v>
      </c>
      <c r="DN25" s="71">
        <v>0</v>
      </c>
      <c r="DO25" s="71">
        <v>0</v>
      </c>
      <c r="DP25" s="71">
        <v>0</v>
      </c>
      <c r="DQ25" s="71">
        <v>0</v>
      </c>
      <c r="DR25" s="72">
        <v>0</v>
      </c>
      <c r="DS25" s="73">
        <v>1</v>
      </c>
      <c r="DT25" s="70">
        <v>0</v>
      </c>
      <c r="DU25" s="71">
        <v>0</v>
      </c>
      <c r="DV25" s="72">
        <v>0</v>
      </c>
      <c r="DW25" s="244"/>
      <c r="DX25" s="71">
        <v>0</v>
      </c>
      <c r="DY25" s="71">
        <v>0</v>
      </c>
      <c r="DZ25" s="71">
        <v>1</v>
      </c>
      <c r="EA25" s="71">
        <v>1</v>
      </c>
      <c r="EB25" s="71">
        <v>0</v>
      </c>
      <c r="EC25" s="72">
        <v>2</v>
      </c>
      <c r="ED25" s="73">
        <v>2</v>
      </c>
      <c r="EE25" s="70">
        <v>1</v>
      </c>
      <c r="EF25" s="71">
        <v>2</v>
      </c>
      <c r="EG25" s="72">
        <v>3</v>
      </c>
      <c r="EH25" s="244"/>
      <c r="EI25" s="71">
        <v>1</v>
      </c>
      <c r="EJ25" s="71">
        <v>0</v>
      </c>
      <c r="EK25" s="71">
        <v>1</v>
      </c>
      <c r="EL25" s="71">
        <v>0</v>
      </c>
      <c r="EM25" s="71">
        <v>1</v>
      </c>
      <c r="EN25" s="72">
        <v>3</v>
      </c>
      <c r="EO25" s="73">
        <v>6</v>
      </c>
      <c r="EP25" s="70">
        <v>2</v>
      </c>
      <c r="EQ25" s="71">
        <v>1</v>
      </c>
      <c r="ER25" s="72">
        <v>3</v>
      </c>
      <c r="ES25" s="244"/>
      <c r="ET25" s="71">
        <v>4</v>
      </c>
      <c r="EU25" s="71">
        <v>0</v>
      </c>
      <c r="EV25" s="71">
        <v>1</v>
      </c>
      <c r="EW25" s="71">
        <v>1</v>
      </c>
      <c r="EX25" s="71">
        <v>0</v>
      </c>
      <c r="EY25" s="72">
        <v>6</v>
      </c>
      <c r="EZ25" s="73">
        <v>9</v>
      </c>
      <c r="FA25" s="70">
        <v>0</v>
      </c>
      <c r="FB25" s="71">
        <v>0</v>
      </c>
      <c r="FC25" s="72">
        <v>0</v>
      </c>
      <c r="FD25" s="244"/>
      <c r="FE25" s="71">
        <v>2</v>
      </c>
      <c r="FF25" s="71">
        <v>0</v>
      </c>
      <c r="FG25" s="71">
        <v>1</v>
      </c>
      <c r="FH25" s="71">
        <v>0</v>
      </c>
      <c r="FI25" s="71">
        <v>1</v>
      </c>
      <c r="FJ25" s="72">
        <v>4</v>
      </c>
      <c r="FK25" s="73">
        <v>4</v>
      </c>
      <c r="FL25" s="70">
        <v>0</v>
      </c>
      <c r="FM25" s="71">
        <v>1</v>
      </c>
      <c r="FN25" s="72">
        <v>1</v>
      </c>
      <c r="FO25" s="244"/>
      <c r="FP25" s="71">
        <v>2</v>
      </c>
      <c r="FQ25" s="71">
        <v>2</v>
      </c>
      <c r="FR25" s="71">
        <v>0</v>
      </c>
      <c r="FS25" s="71">
        <v>3</v>
      </c>
      <c r="FT25" s="71">
        <v>2</v>
      </c>
      <c r="FU25" s="72">
        <v>9</v>
      </c>
      <c r="FV25" s="73">
        <v>10</v>
      </c>
      <c r="FW25" s="70">
        <v>0</v>
      </c>
      <c r="FX25" s="71">
        <v>0</v>
      </c>
      <c r="FY25" s="72">
        <v>0</v>
      </c>
      <c r="FZ25" s="244"/>
      <c r="GA25" s="71">
        <v>0</v>
      </c>
      <c r="GB25" s="71">
        <v>0</v>
      </c>
      <c r="GC25" s="71">
        <v>0</v>
      </c>
      <c r="GD25" s="71">
        <v>0</v>
      </c>
      <c r="GE25" s="71">
        <v>0</v>
      </c>
      <c r="GF25" s="72">
        <v>0</v>
      </c>
      <c r="GG25" s="73">
        <v>0</v>
      </c>
      <c r="GH25" s="70">
        <v>3</v>
      </c>
      <c r="GI25" s="71">
        <v>5</v>
      </c>
      <c r="GJ25" s="72">
        <v>8</v>
      </c>
      <c r="GK25" s="244"/>
      <c r="GL25" s="71">
        <v>9</v>
      </c>
      <c r="GM25" s="71">
        <v>2</v>
      </c>
      <c r="GN25" s="71">
        <v>4</v>
      </c>
      <c r="GO25" s="71">
        <v>5</v>
      </c>
      <c r="GP25" s="71">
        <v>4</v>
      </c>
      <c r="GQ25" s="72">
        <v>24</v>
      </c>
      <c r="GR25" s="73">
        <v>32</v>
      </c>
      <c r="GS25" s="123">
        <v>15</v>
      </c>
      <c r="GT25" s="82">
        <v>12</v>
      </c>
      <c r="GU25" s="83">
        <v>27</v>
      </c>
      <c r="GV25" s="241"/>
      <c r="GW25" s="82">
        <v>38</v>
      </c>
      <c r="GX25" s="82">
        <v>17</v>
      </c>
      <c r="GY25" s="82">
        <v>15</v>
      </c>
      <c r="GZ25" s="82">
        <v>13</v>
      </c>
      <c r="HA25" s="82">
        <v>13</v>
      </c>
      <c r="HB25" s="84">
        <v>96</v>
      </c>
      <c r="HC25" s="85">
        <v>123</v>
      </c>
      <c r="HD25" s="70">
        <v>0</v>
      </c>
      <c r="HE25" s="71">
        <v>1</v>
      </c>
      <c r="HF25" s="72">
        <v>1</v>
      </c>
      <c r="HG25" s="244"/>
      <c r="HH25" s="71">
        <v>2</v>
      </c>
      <c r="HI25" s="71">
        <v>0</v>
      </c>
      <c r="HJ25" s="71">
        <v>0</v>
      </c>
      <c r="HK25" s="71">
        <v>0</v>
      </c>
      <c r="HL25" s="71">
        <v>1</v>
      </c>
      <c r="HM25" s="72">
        <v>3</v>
      </c>
      <c r="HN25" s="73">
        <v>4</v>
      </c>
      <c r="HO25" s="70">
        <v>2</v>
      </c>
      <c r="HP25" s="71">
        <v>2</v>
      </c>
      <c r="HQ25" s="72">
        <v>4</v>
      </c>
      <c r="HR25" s="244"/>
      <c r="HS25" s="71">
        <v>4</v>
      </c>
      <c r="HT25" s="71">
        <v>1</v>
      </c>
      <c r="HU25" s="71">
        <v>2</v>
      </c>
      <c r="HV25" s="71">
        <v>1</v>
      </c>
      <c r="HW25" s="71">
        <v>1</v>
      </c>
      <c r="HX25" s="72">
        <v>9</v>
      </c>
      <c r="HY25" s="73">
        <v>13</v>
      </c>
      <c r="HZ25" s="70">
        <v>3</v>
      </c>
      <c r="IA25" s="71">
        <v>2</v>
      </c>
      <c r="IB25" s="72">
        <v>5</v>
      </c>
      <c r="IC25" s="244"/>
      <c r="ID25" s="71">
        <v>4</v>
      </c>
      <c r="IE25" s="71">
        <v>2</v>
      </c>
      <c r="IF25" s="71">
        <v>1</v>
      </c>
      <c r="IG25" s="71">
        <v>0</v>
      </c>
      <c r="IH25" s="71">
        <v>2</v>
      </c>
      <c r="II25" s="72">
        <v>9</v>
      </c>
      <c r="IJ25" s="73">
        <v>14</v>
      </c>
      <c r="IK25" s="70">
        <v>5</v>
      </c>
      <c r="IL25" s="71">
        <v>4</v>
      </c>
      <c r="IM25" s="72">
        <v>9</v>
      </c>
      <c r="IN25" s="244"/>
      <c r="IO25" s="71">
        <v>13</v>
      </c>
      <c r="IP25" s="71">
        <v>4</v>
      </c>
      <c r="IQ25" s="71">
        <v>4</v>
      </c>
      <c r="IR25" s="71">
        <v>4</v>
      </c>
      <c r="IS25" s="71">
        <v>2</v>
      </c>
      <c r="IT25" s="72">
        <v>27</v>
      </c>
      <c r="IU25" s="73">
        <v>36</v>
      </c>
      <c r="IV25" s="70">
        <v>1</v>
      </c>
      <c r="IW25" s="71">
        <v>2</v>
      </c>
      <c r="IX25" s="72">
        <v>3</v>
      </c>
      <c r="IY25" s="244"/>
      <c r="IZ25" s="71">
        <v>5</v>
      </c>
      <c r="JA25" s="71">
        <v>4</v>
      </c>
      <c r="JB25" s="71">
        <v>3</v>
      </c>
      <c r="JC25" s="71">
        <v>2</v>
      </c>
      <c r="JD25" s="71">
        <v>2</v>
      </c>
      <c r="JE25" s="72">
        <v>16</v>
      </c>
      <c r="JF25" s="73">
        <v>19</v>
      </c>
      <c r="JG25" s="70">
        <v>4</v>
      </c>
      <c r="JH25" s="71">
        <v>1</v>
      </c>
      <c r="JI25" s="72">
        <v>5</v>
      </c>
      <c r="JJ25" s="244"/>
      <c r="JK25" s="71">
        <v>10</v>
      </c>
      <c r="JL25" s="71">
        <v>6</v>
      </c>
      <c r="JM25" s="71">
        <v>5</v>
      </c>
      <c r="JN25" s="71">
        <v>6</v>
      </c>
      <c r="JO25" s="71">
        <v>5</v>
      </c>
      <c r="JP25" s="72">
        <v>32</v>
      </c>
      <c r="JQ25" s="73">
        <v>37</v>
      </c>
      <c r="JR25" s="70">
        <v>0</v>
      </c>
      <c r="JS25" s="71">
        <v>0</v>
      </c>
      <c r="JT25" s="72">
        <v>0</v>
      </c>
      <c r="JU25" s="244"/>
      <c r="JV25" s="71">
        <v>0</v>
      </c>
      <c r="JW25" s="71">
        <v>0</v>
      </c>
      <c r="JX25" s="71">
        <v>0</v>
      </c>
      <c r="JY25" s="71">
        <v>0</v>
      </c>
      <c r="JZ25" s="71">
        <v>0</v>
      </c>
      <c r="KA25" s="72">
        <v>0</v>
      </c>
      <c r="KB25" s="73">
        <v>0</v>
      </c>
      <c r="KC25" s="70">
        <v>15</v>
      </c>
      <c r="KD25" s="71">
        <v>12</v>
      </c>
      <c r="KE25" s="72">
        <v>27</v>
      </c>
      <c r="KF25" s="244"/>
      <c r="KG25" s="71">
        <v>38</v>
      </c>
      <c r="KH25" s="71">
        <v>17</v>
      </c>
      <c r="KI25" s="71">
        <v>15</v>
      </c>
      <c r="KJ25" s="71">
        <v>13</v>
      </c>
      <c r="KK25" s="71">
        <v>13</v>
      </c>
      <c r="KL25" s="72">
        <v>96</v>
      </c>
      <c r="KM25" s="73">
        <v>123</v>
      </c>
    </row>
    <row r="26" spans="2:299" ht="21" customHeight="1" x14ac:dyDescent="0.2">
      <c r="B26" s="126" t="s">
        <v>23</v>
      </c>
      <c r="C26" s="315">
        <v>12</v>
      </c>
      <c r="D26" s="82">
        <v>14</v>
      </c>
      <c r="E26" s="83">
        <v>26</v>
      </c>
      <c r="F26" s="241"/>
      <c r="G26" s="82">
        <v>24</v>
      </c>
      <c r="H26" s="82">
        <v>21</v>
      </c>
      <c r="I26" s="82">
        <v>21</v>
      </c>
      <c r="J26" s="82">
        <v>19</v>
      </c>
      <c r="K26" s="82">
        <v>10</v>
      </c>
      <c r="L26" s="84">
        <v>95</v>
      </c>
      <c r="M26" s="85">
        <v>121</v>
      </c>
      <c r="N26" s="70">
        <v>0</v>
      </c>
      <c r="O26" s="71">
        <v>1</v>
      </c>
      <c r="P26" s="72">
        <v>1</v>
      </c>
      <c r="Q26" s="244"/>
      <c r="R26" s="71">
        <v>0</v>
      </c>
      <c r="S26" s="71">
        <v>0</v>
      </c>
      <c r="T26" s="71">
        <v>0</v>
      </c>
      <c r="U26" s="71">
        <v>0</v>
      </c>
      <c r="V26" s="71">
        <v>0</v>
      </c>
      <c r="W26" s="72">
        <v>0</v>
      </c>
      <c r="X26" s="73">
        <v>1</v>
      </c>
      <c r="Y26" s="70">
        <v>4</v>
      </c>
      <c r="Z26" s="71">
        <v>0</v>
      </c>
      <c r="AA26" s="72">
        <v>4</v>
      </c>
      <c r="AB26" s="244"/>
      <c r="AC26" s="71">
        <v>3</v>
      </c>
      <c r="AD26" s="71">
        <v>2</v>
      </c>
      <c r="AE26" s="71">
        <v>1</v>
      </c>
      <c r="AF26" s="71">
        <v>1</v>
      </c>
      <c r="AG26" s="71">
        <v>2</v>
      </c>
      <c r="AH26" s="72">
        <v>9</v>
      </c>
      <c r="AI26" s="73">
        <v>13</v>
      </c>
      <c r="AJ26" s="70">
        <v>4</v>
      </c>
      <c r="AK26" s="71">
        <v>0</v>
      </c>
      <c r="AL26" s="72">
        <v>4</v>
      </c>
      <c r="AM26" s="244"/>
      <c r="AN26" s="71">
        <v>4</v>
      </c>
      <c r="AO26" s="71">
        <v>6</v>
      </c>
      <c r="AP26" s="71">
        <v>1</v>
      </c>
      <c r="AQ26" s="71">
        <v>3</v>
      </c>
      <c r="AR26" s="71">
        <v>4</v>
      </c>
      <c r="AS26" s="72">
        <v>18</v>
      </c>
      <c r="AT26" s="73">
        <v>22</v>
      </c>
      <c r="AU26" s="70">
        <v>0</v>
      </c>
      <c r="AV26" s="71">
        <v>8</v>
      </c>
      <c r="AW26" s="72">
        <v>8</v>
      </c>
      <c r="AX26" s="244"/>
      <c r="AY26" s="71">
        <v>6</v>
      </c>
      <c r="AZ26" s="71">
        <v>2</v>
      </c>
      <c r="BA26" s="71">
        <v>8</v>
      </c>
      <c r="BB26" s="71">
        <v>5</v>
      </c>
      <c r="BC26" s="71">
        <v>1</v>
      </c>
      <c r="BD26" s="72">
        <v>22</v>
      </c>
      <c r="BE26" s="73">
        <v>30</v>
      </c>
      <c r="BF26" s="70">
        <v>2</v>
      </c>
      <c r="BG26" s="71">
        <v>4</v>
      </c>
      <c r="BH26" s="72">
        <v>6</v>
      </c>
      <c r="BI26" s="244"/>
      <c r="BJ26" s="71">
        <v>6</v>
      </c>
      <c r="BK26" s="71">
        <v>9</v>
      </c>
      <c r="BL26" s="71">
        <v>9</v>
      </c>
      <c r="BM26" s="71">
        <v>2</v>
      </c>
      <c r="BN26" s="71">
        <v>3</v>
      </c>
      <c r="BO26" s="72">
        <v>29</v>
      </c>
      <c r="BP26" s="73">
        <v>35</v>
      </c>
      <c r="BQ26" s="70">
        <v>2</v>
      </c>
      <c r="BR26" s="71">
        <v>1</v>
      </c>
      <c r="BS26" s="72">
        <v>3</v>
      </c>
      <c r="BT26" s="244"/>
      <c r="BU26" s="71">
        <v>5</v>
      </c>
      <c r="BV26" s="71">
        <v>2</v>
      </c>
      <c r="BW26" s="71">
        <v>2</v>
      </c>
      <c r="BX26" s="71">
        <v>8</v>
      </c>
      <c r="BY26" s="71">
        <v>0</v>
      </c>
      <c r="BZ26" s="72">
        <v>17</v>
      </c>
      <c r="CA26" s="73">
        <v>20</v>
      </c>
      <c r="CB26" s="70">
        <v>0</v>
      </c>
      <c r="CC26" s="71">
        <v>0</v>
      </c>
      <c r="CD26" s="72">
        <v>0</v>
      </c>
      <c r="CE26" s="244"/>
      <c r="CF26" s="71">
        <v>0</v>
      </c>
      <c r="CG26" s="71">
        <v>0</v>
      </c>
      <c r="CH26" s="71">
        <v>0</v>
      </c>
      <c r="CI26" s="71">
        <v>0</v>
      </c>
      <c r="CJ26" s="71">
        <v>0</v>
      </c>
      <c r="CK26" s="72">
        <v>0</v>
      </c>
      <c r="CL26" s="73">
        <v>0</v>
      </c>
      <c r="CM26" s="70">
        <v>12</v>
      </c>
      <c r="CN26" s="71">
        <v>14</v>
      </c>
      <c r="CO26" s="72">
        <v>26</v>
      </c>
      <c r="CP26" s="244"/>
      <c r="CQ26" s="71">
        <v>24</v>
      </c>
      <c r="CR26" s="71">
        <v>21</v>
      </c>
      <c r="CS26" s="71">
        <v>21</v>
      </c>
      <c r="CT26" s="71">
        <v>19</v>
      </c>
      <c r="CU26" s="71">
        <v>10</v>
      </c>
      <c r="CV26" s="72">
        <v>95</v>
      </c>
      <c r="CW26" s="73">
        <v>121</v>
      </c>
      <c r="CX26" s="123">
        <v>8</v>
      </c>
      <c r="CY26" s="82">
        <v>6</v>
      </c>
      <c r="CZ26" s="83">
        <v>14</v>
      </c>
      <c r="DA26" s="241"/>
      <c r="DB26" s="82">
        <v>12</v>
      </c>
      <c r="DC26" s="82">
        <v>10</v>
      </c>
      <c r="DD26" s="82">
        <v>2</v>
      </c>
      <c r="DE26" s="82">
        <v>12</v>
      </c>
      <c r="DF26" s="82">
        <v>8</v>
      </c>
      <c r="DG26" s="84">
        <v>44</v>
      </c>
      <c r="DH26" s="85">
        <v>58</v>
      </c>
      <c r="DI26" s="70">
        <v>0</v>
      </c>
      <c r="DJ26" s="71">
        <v>1</v>
      </c>
      <c r="DK26" s="72">
        <v>1</v>
      </c>
      <c r="DL26" s="244"/>
      <c r="DM26" s="71">
        <v>0</v>
      </c>
      <c r="DN26" s="71">
        <v>0</v>
      </c>
      <c r="DO26" s="71">
        <v>0</v>
      </c>
      <c r="DP26" s="71">
        <v>0</v>
      </c>
      <c r="DQ26" s="71">
        <v>0</v>
      </c>
      <c r="DR26" s="72">
        <v>0</v>
      </c>
      <c r="DS26" s="73">
        <v>1</v>
      </c>
      <c r="DT26" s="70">
        <v>0</v>
      </c>
      <c r="DU26" s="71">
        <v>0</v>
      </c>
      <c r="DV26" s="72">
        <v>0</v>
      </c>
      <c r="DW26" s="244"/>
      <c r="DX26" s="71">
        <v>0</v>
      </c>
      <c r="DY26" s="71">
        <v>2</v>
      </c>
      <c r="DZ26" s="71">
        <v>0</v>
      </c>
      <c r="EA26" s="71">
        <v>0</v>
      </c>
      <c r="EB26" s="71">
        <v>1</v>
      </c>
      <c r="EC26" s="72">
        <v>3</v>
      </c>
      <c r="ED26" s="73">
        <v>3</v>
      </c>
      <c r="EE26" s="70">
        <v>2</v>
      </c>
      <c r="EF26" s="71">
        <v>2</v>
      </c>
      <c r="EG26" s="72">
        <v>4</v>
      </c>
      <c r="EH26" s="244"/>
      <c r="EI26" s="71">
        <v>1</v>
      </c>
      <c r="EJ26" s="71">
        <v>0</v>
      </c>
      <c r="EK26" s="71">
        <v>0</v>
      </c>
      <c r="EL26" s="71">
        <v>0</v>
      </c>
      <c r="EM26" s="71">
        <v>0</v>
      </c>
      <c r="EN26" s="72">
        <v>1</v>
      </c>
      <c r="EO26" s="73">
        <v>5</v>
      </c>
      <c r="EP26" s="70">
        <v>2</v>
      </c>
      <c r="EQ26" s="71">
        <v>2</v>
      </c>
      <c r="ER26" s="72">
        <v>4</v>
      </c>
      <c r="ES26" s="244"/>
      <c r="ET26" s="71">
        <v>3</v>
      </c>
      <c r="EU26" s="71">
        <v>2</v>
      </c>
      <c r="EV26" s="71">
        <v>2</v>
      </c>
      <c r="EW26" s="71">
        <v>1</v>
      </c>
      <c r="EX26" s="71">
        <v>1</v>
      </c>
      <c r="EY26" s="72">
        <v>9</v>
      </c>
      <c r="EZ26" s="73">
        <v>13</v>
      </c>
      <c r="FA26" s="70">
        <v>3</v>
      </c>
      <c r="FB26" s="71">
        <v>1</v>
      </c>
      <c r="FC26" s="72">
        <v>4</v>
      </c>
      <c r="FD26" s="244"/>
      <c r="FE26" s="71">
        <v>2</v>
      </c>
      <c r="FF26" s="71">
        <v>3</v>
      </c>
      <c r="FG26" s="71">
        <v>0</v>
      </c>
      <c r="FH26" s="71">
        <v>2</v>
      </c>
      <c r="FI26" s="71">
        <v>1</v>
      </c>
      <c r="FJ26" s="72">
        <v>8</v>
      </c>
      <c r="FK26" s="73">
        <v>12</v>
      </c>
      <c r="FL26" s="70">
        <v>1</v>
      </c>
      <c r="FM26" s="71">
        <v>0</v>
      </c>
      <c r="FN26" s="72">
        <v>1</v>
      </c>
      <c r="FO26" s="244"/>
      <c r="FP26" s="71">
        <v>6</v>
      </c>
      <c r="FQ26" s="71">
        <v>3</v>
      </c>
      <c r="FR26" s="71">
        <v>0</v>
      </c>
      <c r="FS26" s="71">
        <v>9</v>
      </c>
      <c r="FT26" s="71">
        <v>5</v>
      </c>
      <c r="FU26" s="72">
        <v>23</v>
      </c>
      <c r="FV26" s="73">
        <v>24</v>
      </c>
      <c r="FW26" s="70">
        <v>0</v>
      </c>
      <c r="FX26" s="71">
        <v>0</v>
      </c>
      <c r="FY26" s="72">
        <v>0</v>
      </c>
      <c r="FZ26" s="244"/>
      <c r="GA26" s="71">
        <v>0</v>
      </c>
      <c r="GB26" s="71">
        <v>0</v>
      </c>
      <c r="GC26" s="71">
        <v>0</v>
      </c>
      <c r="GD26" s="71">
        <v>0</v>
      </c>
      <c r="GE26" s="71">
        <v>0</v>
      </c>
      <c r="GF26" s="72">
        <v>0</v>
      </c>
      <c r="GG26" s="73">
        <v>0</v>
      </c>
      <c r="GH26" s="70">
        <v>8</v>
      </c>
      <c r="GI26" s="71">
        <v>6</v>
      </c>
      <c r="GJ26" s="72">
        <v>14</v>
      </c>
      <c r="GK26" s="244"/>
      <c r="GL26" s="71">
        <v>12</v>
      </c>
      <c r="GM26" s="71">
        <v>10</v>
      </c>
      <c r="GN26" s="71">
        <v>2</v>
      </c>
      <c r="GO26" s="71">
        <v>12</v>
      </c>
      <c r="GP26" s="71">
        <v>8</v>
      </c>
      <c r="GQ26" s="72">
        <v>44</v>
      </c>
      <c r="GR26" s="73">
        <v>58</v>
      </c>
      <c r="GS26" s="123">
        <v>20</v>
      </c>
      <c r="GT26" s="82">
        <v>20</v>
      </c>
      <c r="GU26" s="83">
        <v>40</v>
      </c>
      <c r="GV26" s="241"/>
      <c r="GW26" s="82">
        <v>36</v>
      </c>
      <c r="GX26" s="82">
        <v>31</v>
      </c>
      <c r="GY26" s="82">
        <v>23</v>
      </c>
      <c r="GZ26" s="82">
        <v>31</v>
      </c>
      <c r="HA26" s="82">
        <v>18</v>
      </c>
      <c r="HB26" s="84">
        <v>139</v>
      </c>
      <c r="HC26" s="85">
        <v>179</v>
      </c>
      <c r="HD26" s="70">
        <v>0</v>
      </c>
      <c r="HE26" s="71">
        <v>2</v>
      </c>
      <c r="HF26" s="72">
        <v>2</v>
      </c>
      <c r="HG26" s="244"/>
      <c r="HH26" s="71">
        <v>0</v>
      </c>
      <c r="HI26" s="71">
        <v>0</v>
      </c>
      <c r="HJ26" s="71">
        <v>0</v>
      </c>
      <c r="HK26" s="71">
        <v>0</v>
      </c>
      <c r="HL26" s="71">
        <v>0</v>
      </c>
      <c r="HM26" s="72">
        <v>0</v>
      </c>
      <c r="HN26" s="73">
        <v>2</v>
      </c>
      <c r="HO26" s="70">
        <v>4</v>
      </c>
      <c r="HP26" s="71">
        <v>0</v>
      </c>
      <c r="HQ26" s="72">
        <v>4</v>
      </c>
      <c r="HR26" s="244"/>
      <c r="HS26" s="71">
        <v>3</v>
      </c>
      <c r="HT26" s="71">
        <v>4</v>
      </c>
      <c r="HU26" s="71">
        <v>1</v>
      </c>
      <c r="HV26" s="71">
        <v>1</v>
      </c>
      <c r="HW26" s="71">
        <v>3</v>
      </c>
      <c r="HX26" s="72">
        <v>12</v>
      </c>
      <c r="HY26" s="73">
        <v>16</v>
      </c>
      <c r="HZ26" s="70">
        <v>6</v>
      </c>
      <c r="IA26" s="71">
        <v>2</v>
      </c>
      <c r="IB26" s="72">
        <v>8</v>
      </c>
      <c r="IC26" s="244"/>
      <c r="ID26" s="71">
        <v>5</v>
      </c>
      <c r="IE26" s="71">
        <v>6</v>
      </c>
      <c r="IF26" s="71">
        <v>1</v>
      </c>
      <c r="IG26" s="71">
        <v>3</v>
      </c>
      <c r="IH26" s="71">
        <v>4</v>
      </c>
      <c r="II26" s="72">
        <v>19</v>
      </c>
      <c r="IJ26" s="73">
        <v>27</v>
      </c>
      <c r="IK26" s="70">
        <v>2</v>
      </c>
      <c r="IL26" s="71">
        <v>10</v>
      </c>
      <c r="IM26" s="72">
        <v>12</v>
      </c>
      <c r="IN26" s="244"/>
      <c r="IO26" s="71">
        <v>9</v>
      </c>
      <c r="IP26" s="71">
        <v>4</v>
      </c>
      <c r="IQ26" s="71">
        <v>10</v>
      </c>
      <c r="IR26" s="71">
        <v>6</v>
      </c>
      <c r="IS26" s="71">
        <v>2</v>
      </c>
      <c r="IT26" s="72">
        <v>31</v>
      </c>
      <c r="IU26" s="73">
        <v>43</v>
      </c>
      <c r="IV26" s="70">
        <v>5</v>
      </c>
      <c r="IW26" s="71">
        <v>5</v>
      </c>
      <c r="IX26" s="72">
        <v>10</v>
      </c>
      <c r="IY26" s="244"/>
      <c r="IZ26" s="71">
        <v>8</v>
      </c>
      <c r="JA26" s="71">
        <v>12</v>
      </c>
      <c r="JB26" s="71">
        <v>9</v>
      </c>
      <c r="JC26" s="71">
        <v>4</v>
      </c>
      <c r="JD26" s="71">
        <v>4</v>
      </c>
      <c r="JE26" s="72">
        <v>37</v>
      </c>
      <c r="JF26" s="73">
        <v>47</v>
      </c>
      <c r="JG26" s="70">
        <v>3</v>
      </c>
      <c r="JH26" s="71">
        <v>1</v>
      </c>
      <c r="JI26" s="72">
        <v>4</v>
      </c>
      <c r="JJ26" s="244"/>
      <c r="JK26" s="71">
        <v>11</v>
      </c>
      <c r="JL26" s="71">
        <v>5</v>
      </c>
      <c r="JM26" s="71">
        <v>2</v>
      </c>
      <c r="JN26" s="71">
        <v>17</v>
      </c>
      <c r="JO26" s="71">
        <v>5</v>
      </c>
      <c r="JP26" s="72">
        <v>40</v>
      </c>
      <c r="JQ26" s="73">
        <v>44</v>
      </c>
      <c r="JR26" s="70">
        <v>0</v>
      </c>
      <c r="JS26" s="71">
        <v>0</v>
      </c>
      <c r="JT26" s="72">
        <v>0</v>
      </c>
      <c r="JU26" s="244"/>
      <c r="JV26" s="71">
        <v>0</v>
      </c>
      <c r="JW26" s="71">
        <v>0</v>
      </c>
      <c r="JX26" s="71">
        <v>0</v>
      </c>
      <c r="JY26" s="71">
        <v>0</v>
      </c>
      <c r="JZ26" s="71">
        <v>0</v>
      </c>
      <c r="KA26" s="72">
        <v>0</v>
      </c>
      <c r="KB26" s="73">
        <v>0</v>
      </c>
      <c r="KC26" s="70">
        <v>20</v>
      </c>
      <c r="KD26" s="71">
        <v>20</v>
      </c>
      <c r="KE26" s="72">
        <v>40</v>
      </c>
      <c r="KF26" s="244"/>
      <c r="KG26" s="71">
        <v>36</v>
      </c>
      <c r="KH26" s="71">
        <v>31</v>
      </c>
      <c r="KI26" s="71">
        <v>23</v>
      </c>
      <c r="KJ26" s="71">
        <v>31</v>
      </c>
      <c r="KK26" s="71">
        <v>18</v>
      </c>
      <c r="KL26" s="72">
        <v>139</v>
      </c>
      <c r="KM26" s="73">
        <v>179</v>
      </c>
    </row>
    <row r="27" spans="2:299" ht="21" customHeight="1" x14ac:dyDescent="0.2">
      <c r="B27" s="126" t="s">
        <v>24</v>
      </c>
      <c r="C27" s="315">
        <v>18</v>
      </c>
      <c r="D27" s="82">
        <v>15</v>
      </c>
      <c r="E27" s="83">
        <v>33</v>
      </c>
      <c r="F27" s="241"/>
      <c r="G27" s="82">
        <v>26</v>
      </c>
      <c r="H27" s="82">
        <v>21</v>
      </c>
      <c r="I27" s="82">
        <v>21</v>
      </c>
      <c r="J27" s="82">
        <v>8</v>
      </c>
      <c r="K27" s="82">
        <v>14</v>
      </c>
      <c r="L27" s="84">
        <v>90</v>
      </c>
      <c r="M27" s="85">
        <v>123</v>
      </c>
      <c r="N27" s="70">
        <v>0</v>
      </c>
      <c r="O27" s="71">
        <v>0</v>
      </c>
      <c r="P27" s="72">
        <v>0</v>
      </c>
      <c r="Q27" s="244"/>
      <c r="R27" s="71">
        <v>0</v>
      </c>
      <c r="S27" s="71">
        <v>0</v>
      </c>
      <c r="T27" s="71">
        <v>0</v>
      </c>
      <c r="U27" s="71">
        <v>0</v>
      </c>
      <c r="V27" s="71">
        <v>1</v>
      </c>
      <c r="W27" s="72">
        <v>1</v>
      </c>
      <c r="X27" s="73">
        <v>1</v>
      </c>
      <c r="Y27" s="70">
        <v>0</v>
      </c>
      <c r="Z27" s="71">
        <v>0</v>
      </c>
      <c r="AA27" s="72">
        <v>0</v>
      </c>
      <c r="AB27" s="244"/>
      <c r="AC27" s="71">
        <v>1</v>
      </c>
      <c r="AD27" s="71">
        <v>1</v>
      </c>
      <c r="AE27" s="71">
        <v>2</v>
      </c>
      <c r="AF27" s="71">
        <v>0</v>
      </c>
      <c r="AG27" s="71">
        <v>0</v>
      </c>
      <c r="AH27" s="72">
        <v>4</v>
      </c>
      <c r="AI27" s="73">
        <v>4</v>
      </c>
      <c r="AJ27" s="70">
        <v>3</v>
      </c>
      <c r="AK27" s="71">
        <v>1</v>
      </c>
      <c r="AL27" s="72">
        <v>4</v>
      </c>
      <c r="AM27" s="244"/>
      <c r="AN27" s="71">
        <v>3</v>
      </c>
      <c r="AO27" s="71">
        <v>2</v>
      </c>
      <c r="AP27" s="71">
        <v>1</v>
      </c>
      <c r="AQ27" s="71">
        <v>1</v>
      </c>
      <c r="AR27" s="71">
        <v>2</v>
      </c>
      <c r="AS27" s="72">
        <v>9</v>
      </c>
      <c r="AT27" s="73">
        <v>13</v>
      </c>
      <c r="AU27" s="70">
        <v>6</v>
      </c>
      <c r="AV27" s="71">
        <v>5</v>
      </c>
      <c r="AW27" s="72">
        <v>11</v>
      </c>
      <c r="AX27" s="244"/>
      <c r="AY27" s="71">
        <v>8</v>
      </c>
      <c r="AZ27" s="71">
        <v>4</v>
      </c>
      <c r="BA27" s="71">
        <v>5</v>
      </c>
      <c r="BB27" s="71">
        <v>1</v>
      </c>
      <c r="BC27" s="71">
        <v>2</v>
      </c>
      <c r="BD27" s="72">
        <v>20</v>
      </c>
      <c r="BE27" s="73">
        <v>31</v>
      </c>
      <c r="BF27" s="70">
        <v>7</v>
      </c>
      <c r="BG27" s="71">
        <v>6</v>
      </c>
      <c r="BH27" s="72">
        <v>13</v>
      </c>
      <c r="BI27" s="244"/>
      <c r="BJ27" s="71">
        <v>8</v>
      </c>
      <c r="BK27" s="71">
        <v>7</v>
      </c>
      <c r="BL27" s="71">
        <v>7</v>
      </c>
      <c r="BM27" s="71">
        <v>2</v>
      </c>
      <c r="BN27" s="71">
        <v>5</v>
      </c>
      <c r="BO27" s="72">
        <v>29</v>
      </c>
      <c r="BP27" s="73">
        <v>42</v>
      </c>
      <c r="BQ27" s="70">
        <v>2</v>
      </c>
      <c r="BR27" s="71">
        <v>3</v>
      </c>
      <c r="BS27" s="72">
        <v>5</v>
      </c>
      <c r="BT27" s="244"/>
      <c r="BU27" s="71">
        <v>6</v>
      </c>
      <c r="BV27" s="71">
        <v>7</v>
      </c>
      <c r="BW27" s="71">
        <v>6</v>
      </c>
      <c r="BX27" s="71">
        <v>4</v>
      </c>
      <c r="BY27" s="71">
        <v>4</v>
      </c>
      <c r="BZ27" s="72">
        <v>27</v>
      </c>
      <c r="CA27" s="73">
        <v>32</v>
      </c>
      <c r="CB27" s="70">
        <v>0</v>
      </c>
      <c r="CC27" s="71">
        <v>0</v>
      </c>
      <c r="CD27" s="72">
        <v>0</v>
      </c>
      <c r="CE27" s="244"/>
      <c r="CF27" s="71">
        <v>0</v>
      </c>
      <c r="CG27" s="71">
        <v>0</v>
      </c>
      <c r="CH27" s="71">
        <v>0</v>
      </c>
      <c r="CI27" s="71">
        <v>0</v>
      </c>
      <c r="CJ27" s="71">
        <v>0</v>
      </c>
      <c r="CK27" s="72">
        <v>0</v>
      </c>
      <c r="CL27" s="73">
        <v>0</v>
      </c>
      <c r="CM27" s="70">
        <v>18</v>
      </c>
      <c r="CN27" s="71">
        <v>15</v>
      </c>
      <c r="CO27" s="72">
        <v>33</v>
      </c>
      <c r="CP27" s="244"/>
      <c r="CQ27" s="71">
        <v>26</v>
      </c>
      <c r="CR27" s="71">
        <v>21</v>
      </c>
      <c r="CS27" s="71">
        <v>21</v>
      </c>
      <c r="CT27" s="71">
        <v>8</v>
      </c>
      <c r="CU27" s="71">
        <v>14</v>
      </c>
      <c r="CV27" s="72">
        <v>90</v>
      </c>
      <c r="CW27" s="73">
        <v>123</v>
      </c>
      <c r="CX27" s="123">
        <v>10</v>
      </c>
      <c r="CY27" s="82">
        <v>5</v>
      </c>
      <c r="CZ27" s="83">
        <v>15</v>
      </c>
      <c r="DA27" s="241"/>
      <c r="DB27" s="82">
        <v>9</v>
      </c>
      <c r="DC27" s="82">
        <v>7</v>
      </c>
      <c r="DD27" s="82">
        <v>5</v>
      </c>
      <c r="DE27" s="82">
        <v>5</v>
      </c>
      <c r="DF27" s="82">
        <v>5</v>
      </c>
      <c r="DG27" s="84">
        <v>31</v>
      </c>
      <c r="DH27" s="85">
        <v>46</v>
      </c>
      <c r="DI27" s="70">
        <v>1</v>
      </c>
      <c r="DJ27" s="71">
        <v>0</v>
      </c>
      <c r="DK27" s="72">
        <v>1</v>
      </c>
      <c r="DL27" s="244"/>
      <c r="DM27" s="71">
        <v>0</v>
      </c>
      <c r="DN27" s="71">
        <v>0</v>
      </c>
      <c r="DO27" s="71">
        <v>0</v>
      </c>
      <c r="DP27" s="71">
        <v>0</v>
      </c>
      <c r="DQ27" s="71">
        <v>0</v>
      </c>
      <c r="DR27" s="72">
        <v>0</v>
      </c>
      <c r="DS27" s="73">
        <v>1</v>
      </c>
      <c r="DT27" s="70">
        <v>1</v>
      </c>
      <c r="DU27" s="71">
        <v>0</v>
      </c>
      <c r="DV27" s="72">
        <v>1</v>
      </c>
      <c r="DW27" s="244"/>
      <c r="DX27" s="71">
        <v>1</v>
      </c>
      <c r="DY27" s="71">
        <v>0</v>
      </c>
      <c r="DZ27" s="71">
        <v>1</v>
      </c>
      <c r="EA27" s="71">
        <v>0</v>
      </c>
      <c r="EB27" s="71">
        <v>0</v>
      </c>
      <c r="EC27" s="72">
        <v>2</v>
      </c>
      <c r="ED27" s="73">
        <v>3</v>
      </c>
      <c r="EE27" s="70">
        <v>1</v>
      </c>
      <c r="EF27" s="71">
        <v>1</v>
      </c>
      <c r="EG27" s="72">
        <v>2</v>
      </c>
      <c r="EH27" s="244"/>
      <c r="EI27" s="71">
        <v>1</v>
      </c>
      <c r="EJ27" s="71">
        <v>1</v>
      </c>
      <c r="EK27" s="71">
        <v>0</v>
      </c>
      <c r="EL27" s="71">
        <v>0</v>
      </c>
      <c r="EM27" s="71">
        <v>0</v>
      </c>
      <c r="EN27" s="72">
        <v>2</v>
      </c>
      <c r="EO27" s="73">
        <v>4</v>
      </c>
      <c r="EP27" s="70">
        <v>1</v>
      </c>
      <c r="EQ27" s="71">
        <v>2</v>
      </c>
      <c r="ER27" s="72">
        <v>3</v>
      </c>
      <c r="ES27" s="244"/>
      <c r="ET27" s="71">
        <v>3</v>
      </c>
      <c r="EU27" s="71">
        <v>1</v>
      </c>
      <c r="EV27" s="71">
        <v>3</v>
      </c>
      <c r="EW27" s="71">
        <v>1</v>
      </c>
      <c r="EX27" s="71">
        <v>1</v>
      </c>
      <c r="EY27" s="72">
        <v>9</v>
      </c>
      <c r="EZ27" s="73">
        <v>12</v>
      </c>
      <c r="FA27" s="70">
        <v>4</v>
      </c>
      <c r="FB27" s="71">
        <v>1</v>
      </c>
      <c r="FC27" s="72">
        <v>5</v>
      </c>
      <c r="FD27" s="244"/>
      <c r="FE27" s="71">
        <v>1</v>
      </c>
      <c r="FF27" s="71">
        <v>2</v>
      </c>
      <c r="FG27" s="71">
        <v>1</v>
      </c>
      <c r="FH27" s="71">
        <v>1</v>
      </c>
      <c r="FI27" s="71">
        <v>3</v>
      </c>
      <c r="FJ27" s="72">
        <v>8</v>
      </c>
      <c r="FK27" s="73">
        <v>13</v>
      </c>
      <c r="FL27" s="70">
        <v>2</v>
      </c>
      <c r="FM27" s="71">
        <v>1</v>
      </c>
      <c r="FN27" s="72">
        <v>3</v>
      </c>
      <c r="FO27" s="244"/>
      <c r="FP27" s="71">
        <v>3</v>
      </c>
      <c r="FQ27" s="71">
        <v>3</v>
      </c>
      <c r="FR27" s="71">
        <v>0</v>
      </c>
      <c r="FS27" s="71">
        <v>3</v>
      </c>
      <c r="FT27" s="71">
        <v>1</v>
      </c>
      <c r="FU27" s="72">
        <v>10</v>
      </c>
      <c r="FV27" s="73">
        <v>13</v>
      </c>
      <c r="FW27" s="70">
        <v>0</v>
      </c>
      <c r="FX27" s="71">
        <v>0</v>
      </c>
      <c r="FY27" s="72">
        <v>0</v>
      </c>
      <c r="FZ27" s="244"/>
      <c r="GA27" s="71">
        <v>0</v>
      </c>
      <c r="GB27" s="71">
        <v>0</v>
      </c>
      <c r="GC27" s="71">
        <v>0</v>
      </c>
      <c r="GD27" s="71">
        <v>0</v>
      </c>
      <c r="GE27" s="71">
        <v>0</v>
      </c>
      <c r="GF27" s="72">
        <v>0</v>
      </c>
      <c r="GG27" s="73">
        <v>0</v>
      </c>
      <c r="GH27" s="70">
        <v>10</v>
      </c>
      <c r="GI27" s="71">
        <v>5</v>
      </c>
      <c r="GJ27" s="72">
        <v>15</v>
      </c>
      <c r="GK27" s="244"/>
      <c r="GL27" s="71">
        <v>9</v>
      </c>
      <c r="GM27" s="71">
        <v>7</v>
      </c>
      <c r="GN27" s="71">
        <v>5</v>
      </c>
      <c r="GO27" s="71">
        <v>5</v>
      </c>
      <c r="GP27" s="71">
        <v>5</v>
      </c>
      <c r="GQ27" s="72">
        <v>31</v>
      </c>
      <c r="GR27" s="73">
        <v>46</v>
      </c>
      <c r="GS27" s="123">
        <v>28</v>
      </c>
      <c r="GT27" s="82">
        <v>20</v>
      </c>
      <c r="GU27" s="83">
        <v>48</v>
      </c>
      <c r="GV27" s="241"/>
      <c r="GW27" s="82">
        <v>35</v>
      </c>
      <c r="GX27" s="82">
        <v>28</v>
      </c>
      <c r="GY27" s="82">
        <v>26</v>
      </c>
      <c r="GZ27" s="82">
        <v>13</v>
      </c>
      <c r="HA27" s="82">
        <v>19</v>
      </c>
      <c r="HB27" s="84">
        <v>121</v>
      </c>
      <c r="HC27" s="85">
        <v>169</v>
      </c>
      <c r="HD27" s="70">
        <v>1</v>
      </c>
      <c r="HE27" s="71">
        <v>0</v>
      </c>
      <c r="HF27" s="72">
        <v>1</v>
      </c>
      <c r="HG27" s="244"/>
      <c r="HH27" s="71">
        <v>0</v>
      </c>
      <c r="HI27" s="71">
        <v>0</v>
      </c>
      <c r="HJ27" s="71">
        <v>0</v>
      </c>
      <c r="HK27" s="71">
        <v>0</v>
      </c>
      <c r="HL27" s="71">
        <v>1</v>
      </c>
      <c r="HM27" s="72">
        <v>1</v>
      </c>
      <c r="HN27" s="73">
        <v>2</v>
      </c>
      <c r="HO27" s="70">
        <v>1</v>
      </c>
      <c r="HP27" s="71">
        <v>0</v>
      </c>
      <c r="HQ27" s="72">
        <v>1</v>
      </c>
      <c r="HR27" s="244"/>
      <c r="HS27" s="71">
        <v>2</v>
      </c>
      <c r="HT27" s="71">
        <v>1</v>
      </c>
      <c r="HU27" s="71">
        <v>3</v>
      </c>
      <c r="HV27" s="71">
        <v>0</v>
      </c>
      <c r="HW27" s="71">
        <v>0</v>
      </c>
      <c r="HX27" s="72">
        <v>6</v>
      </c>
      <c r="HY27" s="73">
        <v>7</v>
      </c>
      <c r="HZ27" s="70">
        <v>4</v>
      </c>
      <c r="IA27" s="71">
        <v>2</v>
      </c>
      <c r="IB27" s="72">
        <v>6</v>
      </c>
      <c r="IC27" s="244"/>
      <c r="ID27" s="71">
        <v>4</v>
      </c>
      <c r="IE27" s="71">
        <v>3</v>
      </c>
      <c r="IF27" s="71">
        <v>1</v>
      </c>
      <c r="IG27" s="71">
        <v>1</v>
      </c>
      <c r="IH27" s="71">
        <v>2</v>
      </c>
      <c r="II27" s="72">
        <v>11</v>
      </c>
      <c r="IJ27" s="73">
        <v>17</v>
      </c>
      <c r="IK27" s="70">
        <v>7</v>
      </c>
      <c r="IL27" s="71">
        <v>7</v>
      </c>
      <c r="IM27" s="72">
        <v>14</v>
      </c>
      <c r="IN27" s="244"/>
      <c r="IO27" s="71">
        <v>11</v>
      </c>
      <c r="IP27" s="71">
        <v>5</v>
      </c>
      <c r="IQ27" s="71">
        <v>8</v>
      </c>
      <c r="IR27" s="71">
        <v>2</v>
      </c>
      <c r="IS27" s="71">
        <v>3</v>
      </c>
      <c r="IT27" s="72">
        <v>29</v>
      </c>
      <c r="IU27" s="73">
        <v>43</v>
      </c>
      <c r="IV27" s="70">
        <v>11</v>
      </c>
      <c r="IW27" s="71">
        <v>7</v>
      </c>
      <c r="IX27" s="72">
        <v>18</v>
      </c>
      <c r="IY27" s="244"/>
      <c r="IZ27" s="71">
        <v>9</v>
      </c>
      <c r="JA27" s="71">
        <v>9</v>
      </c>
      <c r="JB27" s="71">
        <v>8</v>
      </c>
      <c r="JC27" s="71">
        <v>3</v>
      </c>
      <c r="JD27" s="71">
        <v>8</v>
      </c>
      <c r="JE27" s="72">
        <v>37</v>
      </c>
      <c r="JF27" s="73">
        <v>55</v>
      </c>
      <c r="JG27" s="70">
        <v>4</v>
      </c>
      <c r="JH27" s="71">
        <v>4</v>
      </c>
      <c r="JI27" s="72">
        <v>8</v>
      </c>
      <c r="JJ27" s="244"/>
      <c r="JK27" s="71">
        <v>9</v>
      </c>
      <c r="JL27" s="71">
        <v>10</v>
      </c>
      <c r="JM27" s="71">
        <v>6</v>
      </c>
      <c r="JN27" s="71">
        <v>7</v>
      </c>
      <c r="JO27" s="71">
        <v>5</v>
      </c>
      <c r="JP27" s="72">
        <v>37</v>
      </c>
      <c r="JQ27" s="73">
        <v>45</v>
      </c>
      <c r="JR27" s="70">
        <v>0</v>
      </c>
      <c r="JS27" s="71">
        <v>0</v>
      </c>
      <c r="JT27" s="72">
        <v>0</v>
      </c>
      <c r="JU27" s="244"/>
      <c r="JV27" s="71">
        <v>0</v>
      </c>
      <c r="JW27" s="71">
        <v>0</v>
      </c>
      <c r="JX27" s="71">
        <v>0</v>
      </c>
      <c r="JY27" s="71">
        <v>0</v>
      </c>
      <c r="JZ27" s="71">
        <v>0</v>
      </c>
      <c r="KA27" s="72">
        <v>0</v>
      </c>
      <c r="KB27" s="73">
        <v>0</v>
      </c>
      <c r="KC27" s="70">
        <v>28</v>
      </c>
      <c r="KD27" s="71">
        <v>20</v>
      </c>
      <c r="KE27" s="72">
        <v>48</v>
      </c>
      <c r="KF27" s="244"/>
      <c r="KG27" s="71">
        <v>35</v>
      </c>
      <c r="KH27" s="71">
        <v>28</v>
      </c>
      <c r="KI27" s="71">
        <v>26</v>
      </c>
      <c r="KJ27" s="71">
        <v>13</v>
      </c>
      <c r="KK27" s="71">
        <v>19</v>
      </c>
      <c r="KL27" s="72">
        <v>121</v>
      </c>
      <c r="KM27" s="73">
        <v>169</v>
      </c>
    </row>
    <row r="28" spans="2:299" ht="21" customHeight="1" x14ac:dyDescent="0.2">
      <c r="B28" s="126" t="s">
        <v>25</v>
      </c>
      <c r="C28" s="315">
        <v>7</v>
      </c>
      <c r="D28" s="82">
        <v>9</v>
      </c>
      <c r="E28" s="83">
        <v>16</v>
      </c>
      <c r="F28" s="241"/>
      <c r="G28" s="82">
        <v>9</v>
      </c>
      <c r="H28" s="82">
        <v>14</v>
      </c>
      <c r="I28" s="82">
        <v>6</v>
      </c>
      <c r="J28" s="82">
        <v>3</v>
      </c>
      <c r="K28" s="82">
        <v>4</v>
      </c>
      <c r="L28" s="84">
        <v>36</v>
      </c>
      <c r="M28" s="85">
        <v>52</v>
      </c>
      <c r="N28" s="70">
        <v>0</v>
      </c>
      <c r="O28" s="71">
        <v>1</v>
      </c>
      <c r="P28" s="72">
        <v>1</v>
      </c>
      <c r="Q28" s="244"/>
      <c r="R28" s="71">
        <v>0</v>
      </c>
      <c r="S28" s="71">
        <v>1</v>
      </c>
      <c r="T28" s="71">
        <v>0</v>
      </c>
      <c r="U28" s="71">
        <v>1</v>
      </c>
      <c r="V28" s="71">
        <v>0</v>
      </c>
      <c r="W28" s="72">
        <v>2</v>
      </c>
      <c r="X28" s="73">
        <v>3</v>
      </c>
      <c r="Y28" s="70">
        <v>1</v>
      </c>
      <c r="Z28" s="71">
        <v>0</v>
      </c>
      <c r="AA28" s="72">
        <v>1</v>
      </c>
      <c r="AB28" s="244"/>
      <c r="AC28" s="71">
        <v>2</v>
      </c>
      <c r="AD28" s="71">
        <v>3</v>
      </c>
      <c r="AE28" s="71">
        <v>0</v>
      </c>
      <c r="AF28" s="71">
        <v>0</v>
      </c>
      <c r="AG28" s="71">
        <v>1</v>
      </c>
      <c r="AH28" s="72">
        <v>6</v>
      </c>
      <c r="AI28" s="73">
        <v>7</v>
      </c>
      <c r="AJ28" s="70">
        <v>1</v>
      </c>
      <c r="AK28" s="71">
        <v>0</v>
      </c>
      <c r="AL28" s="72">
        <v>1</v>
      </c>
      <c r="AM28" s="244"/>
      <c r="AN28" s="71">
        <v>2</v>
      </c>
      <c r="AO28" s="71">
        <v>2</v>
      </c>
      <c r="AP28" s="71">
        <v>0</v>
      </c>
      <c r="AQ28" s="71">
        <v>0</v>
      </c>
      <c r="AR28" s="71">
        <v>0</v>
      </c>
      <c r="AS28" s="72">
        <v>4</v>
      </c>
      <c r="AT28" s="73">
        <v>5</v>
      </c>
      <c r="AU28" s="70">
        <v>3</v>
      </c>
      <c r="AV28" s="71">
        <v>5</v>
      </c>
      <c r="AW28" s="72">
        <v>8</v>
      </c>
      <c r="AX28" s="244"/>
      <c r="AY28" s="71">
        <v>1</v>
      </c>
      <c r="AZ28" s="71">
        <v>2</v>
      </c>
      <c r="BA28" s="71">
        <v>2</v>
      </c>
      <c r="BB28" s="71">
        <v>0</v>
      </c>
      <c r="BC28" s="71">
        <v>0</v>
      </c>
      <c r="BD28" s="72">
        <v>5</v>
      </c>
      <c r="BE28" s="73">
        <v>13</v>
      </c>
      <c r="BF28" s="70">
        <v>0</v>
      </c>
      <c r="BG28" s="71">
        <v>2</v>
      </c>
      <c r="BH28" s="72">
        <v>2</v>
      </c>
      <c r="BI28" s="244"/>
      <c r="BJ28" s="71">
        <v>1</v>
      </c>
      <c r="BK28" s="71">
        <v>1</v>
      </c>
      <c r="BL28" s="71">
        <v>3</v>
      </c>
      <c r="BM28" s="71">
        <v>1</v>
      </c>
      <c r="BN28" s="71">
        <v>3</v>
      </c>
      <c r="BO28" s="72">
        <v>9</v>
      </c>
      <c r="BP28" s="73">
        <v>11</v>
      </c>
      <c r="BQ28" s="70">
        <v>2</v>
      </c>
      <c r="BR28" s="71">
        <v>1</v>
      </c>
      <c r="BS28" s="72">
        <v>3</v>
      </c>
      <c r="BT28" s="244"/>
      <c r="BU28" s="71">
        <v>3</v>
      </c>
      <c r="BV28" s="71">
        <v>5</v>
      </c>
      <c r="BW28" s="71">
        <v>1</v>
      </c>
      <c r="BX28" s="71">
        <v>1</v>
      </c>
      <c r="BY28" s="71">
        <v>0</v>
      </c>
      <c r="BZ28" s="72">
        <v>10</v>
      </c>
      <c r="CA28" s="73">
        <v>13</v>
      </c>
      <c r="CB28" s="70">
        <v>0</v>
      </c>
      <c r="CC28" s="71">
        <v>0</v>
      </c>
      <c r="CD28" s="72">
        <v>0</v>
      </c>
      <c r="CE28" s="244"/>
      <c r="CF28" s="71">
        <v>0</v>
      </c>
      <c r="CG28" s="71">
        <v>0</v>
      </c>
      <c r="CH28" s="71">
        <v>0</v>
      </c>
      <c r="CI28" s="71">
        <v>0</v>
      </c>
      <c r="CJ28" s="71">
        <v>0</v>
      </c>
      <c r="CK28" s="72">
        <v>0</v>
      </c>
      <c r="CL28" s="73">
        <v>0</v>
      </c>
      <c r="CM28" s="70">
        <v>7</v>
      </c>
      <c r="CN28" s="71">
        <v>9</v>
      </c>
      <c r="CO28" s="72">
        <v>16</v>
      </c>
      <c r="CP28" s="244"/>
      <c r="CQ28" s="71">
        <v>9</v>
      </c>
      <c r="CR28" s="71">
        <v>14</v>
      </c>
      <c r="CS28" s="71">
        <v>6</v>
      </c>
      <c r="CT28" s="71">
        <v>3</v>
      </c>
      <c r="CU28" s="71">
        <v>4</v>
      </c>
      <c r="CV28" s="72">
        <v>36</v>
      </c>
      <c r="CW28" s="73">
        <v>52</v>
      </c>
      <c r="CX28" s="123">
        <v>9</v>
      </c>
      <c r="CY28" s="82">
        <v>15</v>
      </c>
      <c r="CZ28" s="83">
        <v>24</v>
      </c>
      <c r="DA28" s="241"/>
      <c r="DB28" s="82">
        <v>8</v>
      </c>
      <c r="DC28" s="82">
        <v>6</v>
      </c>
      <c r="DD28" s="82">
        <v>3</v>
      </c>
      <c r="DE28" s="82">
        <v>5</v>
      </c>
      <c r="DF28" s="82">
        <v>5</v>
      </c>
      <c r="DG28" s="84">
        <v>27</v>
      </c>
      <c r="DH28" s="85">
        <v>51</v>
      </c>
      <c r="DI28" s="70">
        <v>0</v>
      </c>
      <c r="DJ28" s="71">
        <v>1</v>
      </c>
      <c r="DK28" s="72">
        <v>1</v>
      </c>
      <c r="DL28" s="244"/>
      <c r="DM28" s="71">
        <v>0</v>
      </c>
      <c r="DN28" s="71">
        <v>0</v>
      </c>
      <c r="DO28" s="71">
        <v>0</v>
      </c>
      <c r="DP28" s="71">
        <v>0</v>
      </c>
      <c r="DQ28" s="71">
        <v>0</v>
      </c>
      <c r="DR28" s="72">
        <v>0</v>
      </c>
      <c r="DS28" s="73">
        <v>1</v>
      </c>
      <c r="DT28" s="70">
        <v>2</v>
      </c>
      <c r="DU28" s="71">
        <v>1</v>
      </c>
      <c r="DV28" s="72">
        <v>3</v>
      </c>
      <c r="DW28" s="244"/>
      <c r="DX28" s="71">
        <v>0</v>
      </c>
      <c r="DY28" s="71">
        <v>0</v>
      </c>
      <c r="DZ28" s="71">
        <v>0</v>
      </c>
      <c r="EA28" s="71">
        <v>0</v>
      </c>
      <c r="EB28" s="71">
        <v>2</v>
      </c>
      <c r="EC28" s="72">
        <v>2</v>
      </c>
      <c r="ED28" s="73">
        <v>5</v>
      </c>
      <c r="EE28" s="70">
        <v>1</v>
      </c>
      <c r="EF28" s="71">
        <v>3</v>
      </c>
      <c r="EG28" s="72">
        <v>4</v>
      </c>
      <c r="EH28" s="244"/>
      <c r="EI28" s="71">
        <v>0</v>
      </c>
      <c r="EJ28" s="71">
        <v>1</v>
      </c>
      <c r="EK28" s="71">
        <v>0</v>
      </c>
      <c r="EL28" s="71">
        <v>0</v>
      </c>
      <c r="EM28" s="71">
        <v>0</v>
      </c>
      <c r="EN28" s="72">
        <v>1</v>
      </c>
      <c r="EO28" s="73">
        <v>5</v>
      </c>
      <c r="EP28" s="70">
        <v>2</v>
      </c>
      <c r="EQ28" s="71">
        <v>2</v>
      </c>
      <c r="ER28" s="72">
        <v>4</v>
      </c>
      <c r="ES28" s="244"/>
      <c r="ET28" s="71">
        <v>1</v>
      </c>
      <c r="EU28" s="71">
        <v>0</v>
      </c>
      <c r="EV28" s="71">
        <v>0</v>
      </c>
      <c r="EW28" s="71">
        <v>1</v>
      </c>
      <c r="EX28" s="71">
        <v>0</v>
      </c>
      <c r="EY28" s="72">
        <v>2</v>
      </c>
      <c r="EZ28" s="73">
        <v>6</v>
      </c>
      <c r="FA28" s="70">
        <v>1</v>
      </c>
      <c r="FB28" s="71">
        <v>4</v>
      </c>
      <c r="FC28" s="72">
        <v>5</v>
      </c>
      <c r="FD28" s="244"/>
      <c r="FE28" s="71">
        <v>4</v>
      </c>
      <c r="FF28" s="71">
        <v>1</v>
      </c>
      <c r="FG28" s="71">
        <v>1</v>
      </c>
      <c r="FH28" s="71">
        <v>1</v>
      </c>
      <c r="FI28" s="71">
        <v>0</v>
      </c>
      <c r="FJ28" s="72">
        <v>7</v>
      </c>
      <c r="FK28" s="73">
        <v>12</v>
      </c>
      <c r="FL28" s="70">
        <v>3</v>
      </c>
      <c r="FM28" s="71">
        <v>4</v>
      </c>
      <c r="FN28" s="72">
        <v>7</v>
      </c>
      <c r="FO28" s="244"/>
      <c r="FP28" s="71">
        <v>3</v>
      </c>
      <c r="FQ28" s="71">
        <v>4</v>
      </c>
      <c r="FR28" s="71">
        <v>2</v>
      </c>
      <c r="FS28" s="71">
        <v>3</v>
      </c>
      <c r="FT28" s="71">
        <v>3</v>
      </c>
      <c r="FU28" s="72">
        <v>15</v>
      </c>
      <c r="FV28" s="73">
        <v>22</v>
      </c>
      <c r="FW28" s="70">
        <v>0</v>
      </c>
      <c r="FX28" s="71">
        <v>0</v>
      </c>
      <c r="FY28" s="72">
        <v>0</v>
      </c>
      <c r="FZ28" s="244"/>
      <c r="GA28" s="71">
        <v>0</v>
      </c>
      <c r="GB28" s="71">
        <v>0</v>
      </c>
      <c r="GC28" s="71">
        <v>0</v>
      </c>
      <c r="GD28" s="71">
        <v>0</v>
      </c>
      <c r="GE28" s="71">
        <v>0</v>
      </c>
      <c r="GF28" s="72">
        <v>0</v>
      </c>
      <c r="GG28" s="73">
        <v>0</v>
      </c>
      <c r="GH28" s="70">
        <v>9</v>
      </c>
      <c r="GI28" s="71">
        <v>15</v>
      </c>
      <c r="GJ28" s="72">
        <v>24</v>
      </c>
      <c r="GK28" s="244"/>
      <c r="GL28" s="71">
        <v>8</v>
      </c>
      <c r="GM28" s="71">
        <v>6</v>
      </c>
      <c r="GN28" s="71">
        <v>3</v>
      </c>
      <c r="GO28" s="71">
        <v>5</v>
      </c>
      <c r="GP28" s="71">
        <v>5</v>
      </c>
      <c r="GQ28" s="72">
        <v>27</v>
      </c>
      <c r="GR28" s="73">
        <v>51</v>
      </c>
      <c r="GS28" s="123">
        <v>16</v>
      </c>
      <c r="GT28" s="82">
        <v>24</v>
      </c>
      <c r="GU28" s="83">
        <v>40</v>
      </c>
      <c r="GV28" s="241"/>
      <c r="GW28" s="82">
        <v>17</v>
      </c>
      <c r="GX28" s="82">
        <v>20</v>
      </c>
      <c r="GY28" s="82">
        <v>9</v>
      </c>
      <c r="GZ28" s="82">
        <v>8</v>
      </c>
      <c r="HA28" s="82">
        <v>9</v>
      </c>
      <c r="HB28" s="84">
        <v>63</v>
      </c>
      <c r="HC28" s="85">
        <v>103</v>
      </c>
      <c r="HD28" s="70">
        <v>0</v>
      </c>
      <c r="HE28" s="71">
        <v>2</v>
      </c>
      <c r="HF28" s="72">
        <v>2</v>
      </c>
      <c r="HG28" s="244"/>
      <c r="HH28" s="71">
        <v>0</v>
      </c>
      <c r="HI28" s="71">
        <v>1</v>
      </c>
      <c r="HJ28" s="71">
        <v>0</v>
      </c>
      <c r="HK28" s="71">
        <v>1</v>
      </c>
      <c r="HL28" s="71">
        <v>0</v>
      </c>
      <c r="HM28" s="72">
        <v>2</v>
      </c>
      <c r="HN28" s="73">
        <v>4</v>
      </c>
      <c r="HO28" s="70">
        <v>3</v>
      </c>
      <c r="HP28" s="71">
        <v>1</v>
      </c>
      <c r="HQ28" s="72">
        <v>4</v>
      </c>
      <c r="HR28" s="244"/>
      <c r="HS28" s="71">
        <v>2</v>
      </c>
      <c r="HT28" s="71">
        <v>3</v>
      </c>
      <c r="HU28" s="71">
        <v>0</v>
      </c>
      <c r="HV28" s="71">
        <v>0</v>
      </c>
      <c r="HW28" s="71">
        <v>3</v>
      </c>
      <c r="HX28" s="72">
        <v>8</v>
      </c>
      <c r="HY28" s="73">
        <v>12</v>
      </c>
      <c r="HZ28" s="70">
        <v>2</v>
      </c>
      <c r="IA28" s="71">
        <v>3</v>
      </c>
      <c r="IB28" s="72">
        <v>5</v>
      </c>
      <c r="IC28" s="244"/>
      <c r="ID28" s="71">
        <v>2</v>
      </c>
      <c r="IE28" s="71">
        <v>3</v>
      </c>
      <c r="IF28" s="71">
        <v>0</v>
      </c>
      <c r="IG28" s="71">
        <v>0</v>
      </c>
      <c r="IH28" s="71">
        <v>0</v>
      </c>
      <c r="II28" s="72">
        <v>5</v>
      </c>
      <c r="IJ28" s="73">
        <v>10</v>
      </c>
      <c r="IK28" s="70">
        <v>5</v>
      </c>
      <c r="IL28" s="71">
        <v>7</v>
      </c>
      <c r="IM28" s="72">
        <v>12</v>
      </c>
      <c r="IN28" s="244"/>
      <c r="IO28" s="71">
        <v>2</v>
      </c>
      <c r="IP28" s="71">
        <v>2</v>
      </c>
      <c r="IQ28" s="71">
        <v>2</v>
      </c>
      <c r="IR28" s="71">
        <v>1</v>
      </c>
      <c r="IS28" s="71">
        <v>0</v>
      </c>
      <c r="IT28" s="72">
        <v>7</v>
      </c>
      <c r="IU28" s="73">
        <v>19</v>
      </c>
      <c r="IV28" s="70">
        <v>1</v>
      </c>
      <c r="IW28" s="71">
        <v>6</v>
      </c>
      <c r="IX28" s="72">
        <v>7</v>
      </c>
      <c r="IY28" s="244"/>
      <c r="IZ28" s="71">
        <v>5</v>
      </c>
      <c r="JA28" s="71">
        <v>2</v>
      </c>
      <c r="JB28" s="71">
        <v>4</v>
      </c>
      <c r="JC28" s="71">
        <v>2</v>
      </c>
      <c r="JD28" s="71">
        <v>3</v>
      </c>
      <c r="JE28" s="72">
        <v>16</v>
      </c>
      <c r="JF28" s="73">
        <v>23</v>
      </c>
      <c r="JG28" s="70">
        <v>5</v>
      </c>
      <c r="JH28" s="71">
        <v>5</v>
      </c>
      <c r="JI28" s="72">
        <v>10</v>
      </c>
      <c r="JJ28" s="244"/>
      <c r="JK28" s="71">
        <v>6</v>
      </c>
      <c r="JL28" s="71">
        <v>9</v>
      </c>
      <c r="JM28" s="71">
        <v>3</v>
      </c>
      <c r="JN28" s="71">
        <v>4</v>
      </c>
      <c r="JO28" s="71">
        <v>3</v>
      </c>
      <c r="JP28" s="72">
        <v>25</v>
      </c>
      <c r="JQ28" s="73">
        <v>35</v>
      </c>
      <c r="JR28" s="70">
        <v>0</v>
      </c>
      <c r="JS28" s="71">
        <v>0</v>
      </c>
      <c r="JT28" s="72">
        <v>0</v>
      </c>
      <c r="JU28" s="244"/>
      <c r="JV28" s="71">
        <v>0</v>
      </c>
      <c r="JW28" s="71">
        <v>0</v>
      </c>
      <c r="JX28" s="71">
        <v>0</v>
      </c>
      <c r="JY28" s="71">
        <v>0</v>
      </c>
      <c r="JZ28" s="71">
        <v>0</v>
      </c>
      <c r="KA28" s="72">
        <v>0</v>
      </c>
      <c r="KB28" s="73">
        <v>0</v>
      </c>
      <c r="KC28" s="70">
        <v>16</v>
      </c>
      <c r="KD28" s="71">
        <v>24</v>
      </c>
      <c r="KE28" s="72">
        <v>40</v>
      </c>
      <c r="KF28" s="244"/>
      <c r="KG28" s="71">
        <v>17</v>
      </c>
      <c r="KH28" s="71">
        <v>20</v>
      </c>
      <c r="KI28" s="71">
        <v>9</v>
      </c>
      <c r="KJ28" s="71">
        <v>8</v>
      </c>
      <c r="KK28" s="71">
        <v>9</v>
      </c>
      <c r="KL28" s="72">
        <v>63</v>
      </c>
      <c r="KM28" s="73">
        <v>103</v>
      </c>
    </row>
    <row r="29" spans="2:299" ht="21" customHeight="1" x14ac:dyDescent="0.2">
      <c r="B29" s="126" t="s">
        <v>26</v>
      </c>
      <c r="C29" s="315">
        <v>14</v>
      </c>
      <c r="D29" s="82">
        <v>10</v>
      </c>
      <c r="E29" s="83">
        <v>24</v>
      </c>
      <c r="F29" s="241"/>
      <c r="G29" s="82">
        <v>22</v>
      </c>
      <c r="H29" s="82">
        <v>18</v>
      </c>
      <c r="I29" s="82">
        <v>8</v>
      </c>
      <c r="J29" s="82">
        <v>4</v>
      </c>
      <c r="K29" s="82">
        <v>3</v>
      </c>
      <c r="L29" s="84">
        <v>55</v>
      </c>
      <c r="M29" s="85">
        <v>79</v>
      </c>
      <c r="N29" s="70">
        <v>2</v>
      </c>
      <c r="O29" s="71">
        <v>0</v>
      </c>
      <c r="P29" s="72">
        <v>2</v>
      </c>
      <c r="Q29" s="244"/>
      <c r="R29" s="71">
        <v>2</v>
      </c>
      <c r="S29" s="71">
        <v>1</v>
      </c>
      <c r="T29" s="71">
        <v>0</v>
      </c>
      <c r="U29" s="71">
        <v>0</v>
      </c>
      <c r="V29" s="71">
        <v>0</v>
      </c>
      <c r="W29" s="72">
        <v>3</v>
      </c>
      <c r="X29" s="73">
        <v>5</v>
      </c>
      <c r="Y29" s="70">
        <v>2</v>
      </c>
      <c r="Z29" s="71">
        <v>0</v>
      </c>
      <c r="AA29" s="72">
        <v>2</v>
      </c>
      <c r="AB29" s="244"/>
      <c r="AC29" s="71">
        <v>0</v>
      </c>
      <c r="AD29" s="71">
        <v>3</v>
      </c>
      <c r="AE29" s="71">
        <v>1</v>
      </c>
      <c r="AF29" s="71">
        <v>0</v>
      </c>
      <c r="AG29" s="71">
        <v>0</v>
      </c>
      <c r="AH29" s="72">
        <v>4</v>
      </c>
      <c r="AI29" s="73">
        <v>6</v>
      </c>
      <c r="AJ29" s="70">
        <v>0</v>
      </c>
      <c r="AK29" s="71">
        <v>2</v>
      </c>
      <c r="AL29" s="72">
        <v>2</v>
      </c>
      <c r="AM29" s="244"/>
      <c r="AN29" s="71">
        <v>2</v>
      </c>
      <c r="AO29" s="71">
        <v>2</v>
      </c>
      <c r="AP29" s="71">
        <v>2</v>
      </c>
      <c r="AQ29" s="71">
        <v>1</v>
      </c>
      <c r="AR29" s="71">
        <v>0</v>
      </c>
      <c r="AS29" s="72">
        <v>7</v>
      </c>
      <c r="AT29" s="73">
        <v>9</v>
      </c>
      <c r="AU29" s="70">
        <v>1</v>
      </c>
      <c r="AV29" s="71">
        <v>2</v>
      </c>
      <c r="AW29" s="72">
        <v>3</v>
      </c>
      <c r="AX29" s="244"/>
      <c r="AY29" s="71">
        <v>5</v>
      </c>
      <c r="AZ29" s="71">
        <v>3</v>
      </c>
      <c r="BA29" s="71">
        <v>2</v>
      </c>
      <c r="BB29" s="71">
        <v>0</v>
      </c>
      <c r="BC29" s="71">
        <v>0</v>
      </c>
      <c r="BD29" s="72">
        <v>10</v>
      </c>
      <c r="BE29" s="73">
        <v>13</v>
      </c>
      <c r="BF29" s="70">
        <v>6</v>
      </c>
      <c r="BG29" s="71">
        <v>3</v>
      </c>
      <c r="BH29" s="72">
        <v>9</v>
      </c>
      <c r="BI29" s="244"/>
      <c r="BJ29" s="71">
        <v>3</v>
      </c>
      <c r="BK29" s="71">
        <v>6</v>
      </c>
      <c r="BL29" s="71">
        <v>1</v>
      </c>
      <c r="BM29" s="71">
        <v>1</v>
      </c>
      <c r="BN29" s="71">
        <v>2</v>
      </c>
      <c r="BO29" s="72">
        <v>13</v>
      </c>
      <c r="BP29" s="73">
        <v>22</v>
      </c>
      <c r="BQ29" s="70">
        <v>3</v>
      </c>
      <c r="BR29" s="71">
        <v>3</v>
      </c>
      <c r="BS29" s="72">
        <v>6</v>
      </c>
      <c r="BT29" s="244"/>
      <c r="BU29" s="71">
        <v>10</v>
      </c>
      <c r="BV29" s="71">
        <v>3</v>
      </c>
      <c r="BW29" s="71">
        <v>2</v>
      </c>
      <c r="BX29" s="71">
        <v>2</v>
      </c>
      <c r="BY29" s="71">
        <v>1</v>
      </c>
      <c r="BZ29" s="72">
        <v>18</v>
      </c>
      <c r="CA29" s="73">
        <v>24</v>
      </c>
      <c r="CB29" s="70">
        <v>0</v>
      </c>
      <c r="CC29" s="71">
        <v>0</v>
      </c>
      <c r="CD29" s="72">
        <v>0</v>
      </c>
      <c r="CE29" s="244"/>
      <c r="CF29" s="71">
        <v>0</v>
      </c>
      <c r="CG29" s="71">
        <v>0</v>
      </c>
      <c r="CH29" s="71">
        <v>0</v>
      </c>
      <c r="CI29" s="71">
        <v>0</v>
      </c>
      <c r="CJ29" s="71">
        <v>0</v>
      </c>
      <c r="CK29" s="72">
        <v>0</v>
      </c>
      <c r="CL29" s="73">
        <v>0</v>
      </c>
      <c r="CM29" s="70">
        <v>14</v>
      </c>
      <c r="CN29" s="71">
        <v>10</v>
      </c>
      <c r="CO29" s="72">
        <v>24</v>
      </c>
      <c r="CP29" s="244"/>
      <c r="CQ29" s="71">
        <v>22</v>
      </c>
      <c r="CR29" s="71">
        <v>18</v>
      </c>
      <c r="CS29" s="71">
        <v>8</v>
      </c>
      <c r="CT29" s="71">
        <v>4</v>
      </c>
      <c r="CU29" s="71">
        <v>3</v>
      </c>
      <c r="CV29" s="72">
        <v>55</v>
      </c>
      <c r="CW29" s="73">
        <v>79</v>
      </c>
      <c r="CX29" s="123">
        <v>7</v>
      </c>
      <c r="CY29" s="82">
        <v>6</v>
      </c>
      <c r="CZ29" s="83">
        <v>13</v>
      </c>
      <c r="DA29" s="241"/>
      <c r="DB29" s="82">
        <v>7</v>
      </c>
      <c r="DC29" s="82">
        <v>3</v>
      </c>
      <c r="DD29" s="82">
        <v>1</v>
      </c>
      <c r="DE29" s="82">
        <v>2</v>
      </c>
      <c r="DF29" s="82">
        <v>4</v>
      </c>
      <c r="DG29" s="84">
        <v>17</v>
      </c>
      <c r="DH29" s="85">
        <v>30</v>
      </c>
      <c r="DI29" s="70">
        <v>0</v>
      </c>
      <c r="DJ29" s="71">
        <v>0</v>
      </c>
      <c r="DK29" s="72">
        <v>0</v>
      </c>
      <c r="DL29" s="244"/>
      <c r="DM29" s="71">
        <v>0</v>
      </c>
      <c r="DN29" s="71">
        <v>0</v>
      </c>
      <c r="DO29" s="71">
        <v>0</v>
      </c>
      <c r="DP29" s="71">
        <v>0</v>
      </c>
      <c r="DQ29" s="71">
        <v>0</v>
      </c>
      <c r="DR29" s="72">
        <v>0</v>
      </c>
      <c r="DS29" s="73">
        <v>0</v>
      </c>
      <c r="DT29" s="70">
        <v>1</v>
      </c>
      <c r="DU29" s="71">
        <v>0</v>
      </c>
      <c r="DV29" s="72">
        <v>1</v>
      </c>
      <c r="DW29" s="244"/>
      <c r="DX29" s="71">
        <v>0</v>
      </c>
      <c r="DY29" s="71">
        <v>0</v>
      </c>
      <c r="DZ29" s="71">
        <v>0</v>
      </c>
      <c r="EA29" s="71">
        <v>0</v>
      </c>
      <c r="EB29" s="71">
        <v>0</v>
      </c>
      <c r="EC29" s="72">
        <v>0</v>
      </c>
      <c r="ED29" s="73">
        <v>1</v>
      </c>
      <c r="EE29" s="70">
        <v>2</v>
      </c>
      <c r="EF29" s="71">
        <v>0</v>
      </c>
      <c r="EG29" s="72">
        <v>2</v>
      </c>
      <c r="EH29" s="244"/>
      <c r="EI29" s="71">
        <v>0</v>
      </c>
      <c r="EJ29" s="71">
        <v>0</v>
      </c>
      <c r="EK29" s="71">
        <v>0</v>
      </c>
      <c r="EL29" s="71">
        <v>0</v>
      </c>
      <c r="EM29" s="71">
        <v>0</v>
      </c>
      <c r="EN29" s="72">
        <v>0</v>
      </c>
      <c r="EO29" s="73">
        <v>2</v>
      </c>
      <c r="EP29" s="70">
        <v>0</v>
      </c>
      <c r="EQ29" s="71">
        <v>0</v>
      </c>
      <c r="ER29" s="72">
        <v>0</v>
      </c>
      <c r="ES29" s="244"/>
      <c r="ET29" s="71">
        <v>0</v>
      </c>
      <c r="EU29" s="71">
        <v>0</v>
      </c>
      <c r="EV29" s="71">
        <v>0</v>
      </c>
      <c r="EW29" s="71">
        <v>0</v>
      </c>
      <c r="EX29" s="71">
        <v>0</v>
      </c>
      <c r="EY29" s="72">
        <v>0</v>
      </c>
      <c r="EZ29" s="73">
        <v>0</v>
      </c>
      <c r="FA29" s="70">
        <v>2</v>
      </c>
      <c r="FB29" s="71">
        <v>3</v>
      </c>
      <c r="FC29" s="72">
        <v>5</v>
      </c>
      <c r="FD29" s="244"/>
      <c r="FE29" s="71">
        <v>2</v>
      </c>
      <c r="FF29" s="71">
        <v>3</v>
      </c>
      <c r="FG29" s="71">
        <v>1</v>
      </c>
      <c r="FH29" s="71">
        <v>0</v>
      </c>
      <c r="FI29" s="71">
        <v>0</v>
      </c>
      <c r="FJ29" s="72">
        <v>6</v>
      </c>
      <c r="FK29" s="73">
        <v>11</v>
      </c>
      <c r="FL29" s="70">
        <v>2</v>
      </c>
      <c r="FM29" s="71">
        <v>3</v>
      </c>
      <c r="FN29" s="72">
        <v>5</v>
      </c>
      <c r="FO29" s="244"/>
      <c r="FP29" s="71">
        <v>5</v>
      </c>
      <c r="FQ29" s="71">
        <v>0</v>
      </c>
      <c r="FR29" s="71">
        <v>0</v>
      </c>
      <c r="FS29" s="71">
        <v>2</v>
      </c>
      <c r="FT29" s="71">
        <v>4</v>
      </c>
      <c r="FU29" s="72">
        <v>11</v>
      </c>
      <c r="FV29" s="73">
        <v>16</v>
      </c>
      <c r="FW29" s="70">
        <v>0</v>
      </c>
      <c r="FX29" s="71">
        <v>0</v>
      </c>
      <c r="FY29" s="72">
        <v>0</v>
      </c>
      <c r="FZ29" s="244"/>
      <c r="GA29" s="71">
        <v>0</v>
      </c>
      <c r="GB29" s="71">
        <v>0</v>
      </c>
      <c r="GC29" s="71">
        <v>0</v>
      </c>
      <c r="GD29" s="71">
        <v>0</v>
      </c>
      <c r="GE29" s="71">
        <v>0</v>
      </c>
      <c r="GF29" s="72">
        <v>0</v>
      </c>
      <c r="GG29" s="73">
        <v>0</v>
      </c>
      <c r="GH29" s="70">
        <v>7</v>
      </c>
      <c r="GI29" s="71">
        <v>6</v>
      </c>
      <c r="GJ29" s="72">
        <v>13</v>
      </c>
      <c r="GK29" s="244"/>
      <c r="GL29" s="71">
        <v>7</v>
      </c>
      <c r="GM29" s="71">
        <v>3</v>
      </c>
      <c r="GN29" s="71">
        <v>1</v>
      </c>
      <c r="GO29" s="71">
        <v>2</v>
      </c>
      <c r="GP29" s="71">
        <v>4</v>
      </c>
      <c r="GQ29" s="72">
        <v>17</v>
      </c>
      <c r="GR29" s="73">
        <v>30</v>
      </c>
      <c r="GS29" s="123">
        <v>21</v>
      </c>
      <c r="GT29" s="82">
        <v>16</v>
      </c>
      <c r="GU29" s="83">
        <v>37</v>
      </c>
      <c r="GV29" s="241"/>
      <c r="GW29" s="82">
        <v>29</v>
      </c>
      <c r="GX29" s="82">
        <v>21</v>
      </c>
      <c r="GY29" s="82">
        <v>9</v>
      </c>
      <c r="GZ29" s="82">
        <v>6</v>
      </c>
      <c r="HA29" s="82">
        <v>7</v>
      </c>
      <c r="HB29" s="84">
        <v>72</v>
      </c>
      <c r="HC29" s="85">
        <v>109</v>
      </c>
      <c r="HD29" s="70">
        <v>2</v>
      </c>
      <c r="HE29" s="71">
        <v>0</v>
      </c>
      <c r="HF29" s="72">
        <v>2</v>
      </c>
      <c r="HG29" s="244"/>
      <c r="HH29" s="71">
        <v>2</v>
      </c>
      <c r="HI29" s="71">
        <v>1</v>
      </c>
      <c r="HJ29" s="71">
        <v>0</v>
      </c>
      <c r="HK29" s="71">
        <v>0</v>
      </c>
      <c r="HL29" s="71">
        <v>0</v>
      </c>
      <c r="HM29" s="72">
        <v>3</v>
      </c>
      <c r="HN29" s="73">
        <v>5</v>
      </c>
      <c r="HO29" s="70">
        <v>3</v>
      </c>
      <c r="HP29" s="71">
        <v>0</v>
      </c>
      <c r="HQ29" s="72">
        <v>3</v>
      </c>
      <c r="HR29" s="244"/>
      <c r="HS29" s="71">
        <v>0</v>
      </c>
      <c r="HT29" s="71">
        <v>3</v>
      </c>
      <c r="HU29" s="71">
        <v>1</v>
      </c>
      <c r="HV29" s="71">
        <v>0</v>
      </c>
      <c r="HW29" s="71">
        <v>0</v>
      </c>
      <c r="HX29" s="72">
        <v>4</v>
      </c>
      <c r="HY29" s="73">
        <v>7</v>
      </c>
      <c r="HZ29" s="70">
        <v>2</v>
      </c>
      <c r="IA29" s="71">
        <v>2</v>
      </c>
      <c r="IB29" s="72">
        <v>4</v>
      </c>
      <c r="IC29" s="244"/>
      <c r="ID29" s="71">
        <v>2</v>
      </c>
      <c r="IE29" s="71">
        <v>2</v>
      </c>
      <c r="IF29" s="71">
        <v>2</v>
      </c>
      <c r="IG29" s="71">
        <v>1</v>
      </c>
      <c r="IH29" s="71">
        <v>0</v>
      </c>
      <c r="II29" s="72">
        <v>7</v>
      </c>
      <c r="IJ29" s="73">
        <v>11</v>
      </c>
      <c r="IK29" s="70">
        <v>1</v>
      </c>
      <c r="IL29" s="71">
        <v>2</v>
      </c>
      <c r="IM29" s="72">
        <v>3</v>
      </c>
      <c r="IN29" s="244"/>
      <c r="IO29" s="71">
        <v>5</v>
      </c>
      <c r="IP29" s="71">
        <v>3</v>
      </c>
      <c r="IQ29" s="71">
        <v>2</v>
      </c>
      <c r="IR29" s="71">
        <v>0</v>
      </c>
      <c r="IS29" s="71">
        <v>0</v>
      </c>
      <c r="IT29" s="72">
        <v>10</v>
      </c>
      <c r="IU29" s="73">
        <v>13</v>
      </c>
      <c r="IV29" s="70">
        <v>8</v>
      </c>
      <c r="IW29" s="71">
        <v>6</v>
      </c>
      <c r="IX29" s="72">
        <v>14</v>
      </c>
      <c r="IY29" s="244"/>
      <c r="IZ29" s="71">
        <v>5</v>
      </c>
      <c r="JA29" s="71">
        <v>9</v>
      </c>
      <c r="JB29" s="71">
        <v>2</v>
      </c>
      <c r="JC29" s="71">
        <v>1</v>
      </c>
      <c r="JD29" s="71">
        <v>2</v>
      </c>
      <c r="JE29" s="72">
        <v>19</v>
      </c>
      <c r="JF29" s="73">
        <v>33</v>
      </c>
      <c r="JG29" s="70">
        <v>5</v>
      </c>
      <c r="JH29" s="71">
        <v>6</v>
      </c>
      <c r="JI29" s="72">
        <v>11</v>
      </c>
      <c r="JJ29" s="244"/>
      <c r="JK29" s="71">
        <v>15</v>
      </c>
      <c r="JL29" s="71">
        <v>3</v>
      </c>
      <c r="JM29" s="71">
        <v>2</v>
      </c>
      <c r="JN29" s="71">
        <v>4</v>
      </c>
      <c r="JO29" s="71">
        <v>5</v>
      </c>
      <c r="JP29" s="72">
        <v>29</v>
      </c>
      <c r="JQ29" s="73">
        <v>40</v>
      </c>
      <c r="JR29" s="70">
        <v>0</v>
      </c>
      <c r="JS29" s="71">
        <v>0</v>
      </c>
      <c r="JT29" s="72">
        <v>0</v>
      </c>
      <c r="JU29" s="244"/>
      <c r="JV29" s="71">
        <v>0</v>
      </c>
      <c r="JW29" s="71">
        <v>0</v>
      </c>
      <c r="JX29" s="71">
        <v>0</v>
      </c>
      <c r="JY29" s="71">
        <v>0</v>
      </c>
      <c r="JZ29" s="71">
        <v>0</v>
      </c>
      <c r="KA29" s="72">
        <v>0</v>
      </c>
      <c r="KB29" s="73">
        <v>0</v>
      </c>
      <c r="KC29" s="70">
        <v>21</v>
      </c>
      <c r="KD29" s="71">
        <v>16</v>
      </c>
      <c r="KE29" s="72">
        <v>37</v>
      </c>
      <c r="KF29" s="244"/>
      <c r="KG29" s="71">
        <v>29</v>
      </c>
      <c r="KH29" s="71">
        <v>21</v>
      </c>
      <c r="KI29" s="71">
        <v>9</v>
      </c>
      <c r="KJ29" s="71">
        <v>6</v>
      </c>
      <c r="KK29" s="71">
        <v>7</v>
      </c>
      <c r="KL29" s="72">
        <v>72</v>
      </c>
      <c r="KM29" s="73">
        <v>109</v>
      </c>
    </row>
    <row r="30" spans="2:299" ht="21" customHeight="1" x14ac:dyDescent="0.2">
      <c r="B30" s="126" t="s">
        <v>27</v>
      </c>
      <c r="C30" s="315">
        <v>15</v>
      </c>
      <c r="D30" s="82">
        <v>20</v>
      </c>
      <c r="E30" s="83">
        <v>35</v>
      </c>
      <c r="F30" s="241"/>
      <c r="G30" s="82">
        <v>13</v>
      </c>
      <c r="H30" s="82">
        <v>11</v>
      </c>
      <c r="I30" s="82">
        <v>10</v>
      </c>
      <c r="J30" s="82">
        <v>6</v>
      </c>
      <c r="K30" s="82">
        <v>2</v>
      </c>
      <c r="L30" s="84">
        <v>42</v>
      </c>
      <c r="M30" s="85">
        <v>77</v>
      </c>
      <c r="N30" s="70">
        <v>2</v>
      </c>
      <c r="O30" s="71">
        <v>0</v>
      </c>
      <c r="P30" s="72">
        <v>2</v>
      </c>
      <c r="Q30" s="244"/>
      <c r="R30" s="71">
        <v>0</v>
      </c>
      <c r="S30" s="71">
        <v>0</v>
      </c>
      <c r="T30" s="71">
        <v>1</v>
      </c>
      <c r="U30" s="71">
        <v>0</v>
      </c>
      <c r="V30" s="71">
        <v>0</v>
      </c>
      <c r="W30" s="72">
        <v>1</v>
      </c>
      <c r="X30" s="73">
        <v>3</v>
      </c>
      <c r="Y30" s="70">
        <v>0</v>
      </c>
      <c r="Z30" s="71">
        <v>1</v>
      </c>
      <c r="AA30" s="72">
        <v>1</v>
      </c>
      <c r="AB30" s="244"/>
      <c r="AC30" s="71">
        <v>1</v>
      </c>
      <c r="AD30" s="71">
        <v>1</v>
      </c>
      <c r="AE30" s="71">
        <v>0</v>
      </c>
      <c r="AF30" s="71">
        <v>0</v>
      </c>
      <c r="AG30" s="71">
        <v>0</v>
      </c>
      <c r="AH30" s="72">
        <v>2</v>
      </c>
      <c r="AI30" s="73">
        <v>3</v>
      </c>
      <c r="AJ30" s="70">
        <v>2</v>
      </c>
      <c r="AK30" s="71">
        <v>4</v>
      </c>
      <c r="AL30" s="72">
        <v>6</v>
      </c>
      <c r="AM30" s="244"/>
      <c r="AN30" s="71">
        <v>1</v>
      </c>
      <c r="AO30" s="71">
        <v>2</v>
      </c>
      <c r="AP30" s="71">
        <v>1</v>
      </c>
      <c r="AQ30" s="71">
        <v>0</v>
      </c>
      <c r="AR30" s="71">
        <v>0</v>
      </c>
      <c r="AS30" s="72">
        <v>4</v>
      </c>
      <c r="AT30" s="73">
        <v>10</v>
      </c>
      <c r="AU30" s="70">
        <v>3</v>
      </c>
      <c r="AV30" s="71">
        <v>5</v>
      </c>
      <c r="AW30" s="72">
        <v>8</v>
      </c>
      <c r="AX30" s="244"/>
      <c r="AY30" s="71">
        <v>4</v>
      </c>
      <c r="AZ30" s="71">
        <v>2</v>
      </c>
      <c r="BA30" s="71">
        <v>4</v>
      </c>
      <c r="BB30" s="71">
        <v>1</v>
      </c>
      <c r="BC30" s="71">
        <v>0</v>
      </c>
      <c r="BD30" s="72">
        <v>11</v>
      </c>
      <c r="BE30" s="73">
        <v>19</v>
      </c>
      <c r="BF30" s="70">
        <v>3</v>
      </c>
      <c r="BG30" s="71">
        <v>6</v>
      </c>
      <c r="BH30" s="72">
        <v>9</v>
      </c>
      <c r="BI30" s="244"/>
      <c r="BJ30" s="71">
        <v>4</v>
      </c>
      <c r="BK30" s="71">
        <v>3</v>
      </c>
      <c r="BL30" s="71">
        <v>2</v>
      </c>
      <c r="BM30" s="71">
        <v>4</v>
      </c>
      <c r="BN30" s="71">
        <v>1</v>
      </c>
      <c r="BO30" s="72">
        <v>14</v>
      </c>
      <c r="BP30" s="73">
        <v>23</v>
      </c>
      <c r="BQ30" s="70">
        <v>5</v>
      </c>
      <c r="BR30" s="71">
        <v>4</v>
      </c>
      <c r="BS30" s="72">
        <v>9</v>
      </c>
      <c r="BT30" s="244"/>
      <c r="BU30" s="71">
        <v>3</v>
      </c>
      <c r="BV30" s="71">
        <v>3</v>
      </c>
      <c r="BW30" s="71">
        <v>2</v>
      </c>
      <c r="BX30" s="71">
        <v>1</v>
      </c>
      <c r="BY30" s="71">
        <v>1</v>
      </c>
      <c r="BZ30" s="72">
        <v>10</v>
      </c>
      <c r="CA30" s="73">
        <v>19</v>
      </c>
      <c r="CB30" s="70">
        <v>0</v>
      </c>
      <c r="CC30" s="71">
        <v>0</v>
      </c>
      <c r="CD30" s="72">
        <v>0</v>
      </c>
      <c r="CE30" s="244"/>
      <c r="CF30" s="71">
        <v>0</v>
      </c>
      <c r="CG30" s="71">
        <v>0</v>
      </c>
      <c r="CH30" s="71">
        <v>0</v>
      </c>
      <c r="CI30" s="71">
        <v>0</v>
      </c>
      <c r="CJ30" s="71">
        <v>0</v>
      </c>
      <c r="CK30" s="72">
        <v>0</v>
      </c>
      <c r="CL30" s="73">
        <v>0</v>
      </c>
      <c r="CM30" s="70">
        <v>15</v>
      </c>
      <c r="CN30" s="71">
        <v>20</v>
      </c>
      <c r="CO30" s="72">
        <v>35</v>
      </c>
      <c r="CP30" s="244"/>
      <c r="CQ30" s="71">
        <v>13</v>
      </c>
      <c r="CR30" s="71">
        <v>11</v>
      </c>
      <c r="CS30" s="71">
        <v>10</v>
      </c>
      <c r="CT30" s="71">
        <v>6</v>
      </c>
      <c r="CU30" s="71">
        <v>2</v>
      </c>
      <c r="CV30" s="72">
        <v>42</v>
      </c>
      <c r="CW30" s="73">
        <v>77</v>
      </c>
      <c r="CX30" s="123">
        <v>4</v>
      </c>
      <c r="CY30" s="82">
        <v>4</v>
      </c>
      <c r="CZ30" s="83">
        <v>8</v>
      </c>
      <c r="DA30" s="241"/>
      <c r="DB30" s="82">
        <v>4</v>
      </c>
      <c r="DC30" s="82">
        <v>2</v>
      </c>
      <c r="DD30" s="82">
        <v>8</v>
      </c>
      <c r="DE30" s="82">
        <v>2</v>
      </c>
      <c r="DF30" s="82">
        <v>2</v>
      </c>
      <c r="DG30" s="84">
        <v>18</v>
      </c>
      <c r="DH30" s="85">
        <v>26</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1</v>
      </c>
      <c r="DZ30" s="71">
        <v>0</v>
      </c>
      <c r="EA30" s="71">
        <v>0</v>
      </c>
      <c r="EB30" s="71">
        <v>0</v>
      </c>
      <c r="EC30" s="72">
        <v>1</v>
      </c>
      <c r="ED30" s="73">
        <v>1</v>
      </c>
      <c r="EE30" s="70">
        <v>0</v>
      </c>
      <c r="EF30" s="71">
        <v>0</v>
      </c>
      <c r="EG30" s="72">
        <v>0</v>
      </c>
      <c r="EH30" s="244"/>
      <c r="EI30" s="71">
        <v>0</v>
      </c>
      <c r="EJ30" s="71">
        <v>1</v>
      </c>
      <c r="EK30" s="71">
        <v>0</v>
      </c>
      <c r="EL30" s="71">
        <v>0</v>
      </c>
      <c r="EM30" s="71">
        <v>0</v>
      </c>
      <c r="EN30" s="72">
        <v>1</v>
      </c>
      <c r="EO30" s="73">
        <v>1</v>
      </c>
      <c r="EP30" s="70">
        <v>2</v>
      </c>
      <c r="EQ30" s="71">
        <v>0</v>
      </c>
      <c r="ER30" s="72">
        <v>2</v>
      </c>
      <c r="ES30" s="244"/>
      <c r="ET30" s="71">
        <v>1</v>
      </c>
      <c r="EU30" s="71">
        <v>0</v>
      </c>
      <c r="EV30" s="71">
        <v>0</v>
      </c>
      <c r="EW30" s="71">
        <v>0</v>
      </c>
      <c r="EX30" s="71">
        <v>0</v>
      </c>
      <c r="EY30" s="72">
        <v>1</v>
      </c>
      <c r="EZ30" s="73">
        <v>3</v>
      </c>
      <c r="FA30" s="70">
        <v>2</v>
      </c>
      <c r="FB30" s="71">
        <v>3</v>
      </c>
      <c r="FC30" s="72">
        <v>5</v>
      </c>
      <c r="FD30" s="244"/>
      <c r="FE30" s="71">
        <v>2</v>
      </c>
      <c r="FF30" s="71">
        <v>0</v>
      </c>
      <c r="FG30" s="71">
        <v>3</v>
      </c>
      <c r="FH30" s="71">
        <v>0</v>
      </c>
      <c r="FI30" s="71">
        <v>1</v>
      </c>
      <c r="FJ30" s="72">
        <v>6</v>
      </c>
      <c r="FK30" s="73">
        <v>11</v>
      </c>
      <c r="FL30" s="70">
        <v>0</v>
      </c>
      <c r="FM30" s="71">
        <v>1</v>
      </c>
      <c r="FN30" s="72">
        <v>1</v>
      </c>
      <c r="FO30" s="244"/>
      <c r="FP30" s="71">
        <v>1</v>
      </c>
      <c r="FQ30" s="71">
        <v>0</v>
      </c>
      <c r="FR30" s="71">
        <v>5</v>
      </c>
      <c r="FS30" s="71">
        <v>2</v>
      </c>
      <c r="FT30" s="71">
        <v>1</v>
      </c>
      <c r="FU30" s="72">
        <v>9</v>
      </c>
      <c r="FV30" s="73">
        <v>10</v>
      </c>
      <c r="FW30" s="70">
        <v>0</v>
      </c>
      <c r="FX30" s="71">
        <v>0</v>
      </c>
      <c r="FY30" s="72">
        <v>0</v>
      </c>
      <c r="FZ30" s="244"/>
      <c r="GA30" s="71">
        <v>0</v>
      </c>
      <c r="GB30" s="71">
        <v>0</v>
      </c>
      <c r="GC30" s="71">
        <v>0</v>
      </c>
      <c r="GD30" s="71">
        <v>0</v>
      </c>
      <c r="GE30" s="71">
        <v>0</v>
      </c>
      <c r="GF30" s="72">
        <v>0</v>
      </c>
      <c r="GG30" s="73">
        <v>0</v>
      </c>
      <c r="GH30" s="70">
        <v>4</v>
      </c>
      <c r="GI30" s="71">
        <v>4</v>
      </c>
      <c r="GJ30" s="72">
        <v>8</v>
      </c>
      <c r="GK30" s="244"/>
      <c r="GL30" s="71">
        <v>4</v>
      </c>
      <c r="GM30" s="71">
        <v>2</v>
      </c>
      <c r="GN30" s="71">
        <v>8</v>
      </c>
      <c r="GO30" s="71">
        <v>2</v>
      </c>
      <c r="GP30" s="71">
        <v>2</v>
      </c>
      <c r="GQ30" s="72">
        <v>18</v>
      </c>
      <c r="GR30" s="73">
        <v>26</v>
      </c>
      <c r="GS30" s="123">
        <v>19</v>
      </c>
      <c r="GT30" s="82">
        <v>24</v>
      </c>
      <c r="GU30" s="83">
        <v>43</v>
      </c>
      <c r="GV30" s="241"/>
      <c r="GW30" s="82">
        <v>17</v>
      </c>
      <c r="GX30" s="82">
        <v>13</v>
      </c>
      <c r="GY30" s="82">
        <v>18</v>
      </c>
      <c r="GZ30" s="82">
        <v>8</v>
      </c>
      <c r="HA30" s="82">
        <v>4</v>
      </c>
      <c r="HB30" s="84">
        <v>60</v>
      </c>
      <c r="HC30" s="85">
        <v>103</v>
      </c>
      <c r="HD30" s="70">
        <v>2</v>
      </c>
      <c r="HE30" s="71">
        <v>0</v>
      </c>
      <c r="HF30" s="72">
        <v>2</v>
      </c>
      <c r="HG30" s="244"/>
      <c r="HH30" s="71">
        <v>0</v>
      </c>
      <c r="HI30" s="71">
        <v>0</v>
      </c>
      <c r="HJ30" s="71">
        <v>1</v>
      </c>
      <c r="HK30" s="71">
        <v>0</v>
      </c>
      <c r="HL30" s="71">
        <v>0</v>
      </c>
      <c r="HM30" s="72">
        <v>1</v>
      </c>
      <c r="HN30" s="73">
        <v>3</v>
      </c>
      <c r="HO30" s="70">
        <v>0</v>
      </c>
      <c r="HP30" s="71">
        <v>1</v>
      </c>
      <c r="HQ30" s="72">
        <v>1</v>
      </c>
      <c r="HR30" s="244"/>
      <c r="HS30" s="71">
        <v>1</v>
      </c>
      <c r="HT30" s="71">
        <v>2</v>
      </c>
      <c r="HU30" s="71">
        <v>0</v>
      </c>
      <c r="HV30" s="71">
        <v>0</v>
      </c>
      <c r="HW30" s="71">
        <v>0</v>
      </c>
      <c r="HX30" s="72">
        <v>3</v>
      </c>
      <c r="HY30" s="73">
        <v>4</v>
      </c>
      <c r="HZ30" s="70">
        <v>2</v>
      </c>
      <c r="IA30" s="71">
        <v>4</v>
      </c>
      <c r="IB30" s="72">
        <v>6</v>
      </c>
      <c r="IC30" s="244"/>
      <c r="ID30" s="71">
        <v>1</v>
      </c>
      <c r="IE30" s="71">
        <v>3</v>
      </c>
      <c r="IF30" s="71">
        <v>1</v>
      </c>
      <c r="IG30" s="71">
        <v>0</v>
      </c>
      <c r="IH30" s="71">
        <v>0</v>
      </c>
      <c r="II30" s="72">
        <v>5</v>
      </c>
      <c r="IJ30" s="73">
        <v>11</v>
      </c>
      <c r="IK30" s="70">
        <v>5</v>
      </c>
      <c r="IL30" s="71">
        <v>5</v>
      </c>
      <c r="IM30" s="72">
        <v>10</v>
      </c>
      <c r="IN30" s="244"/>
      <c r="IO30" s="71">
        <v>5</v>
      </c>
      <c r="IP30" s="71">
        <v>2</v>
      </c>
      <c r="IQ30" s="71">
        <v>4</v>
      </c>
      <c r="IR30" s="71">
        <v>1</v>
      </c>
      <c r="IS30" s="71">
        <v>0</v>
      </c>
      <c r="IT30" s="72">
        <v>12</v>
      </c>
      <c r="IU30" s="73">
        <v>22</v>
      </c>
      <c r="IV30" s="70">
        <v>5</v>
      </c>
      <c r="IW30" s="71">
        <v>9</v>
      </c>
      <c r="IX30" s="72">
        <v>14</v>
      </c>
      <c r="IY30" s="244"/>
      <c r="IZ30" s="71">
        <v>6</v>
      </c>
      <c r="JA30" s="71">
        <v>3</v>
      </c>
      <c r="JB30" s="71">
        <v>5</v>
      </c>
      <c r="JC30" s="71">
        <v>4</v>
      </c>
      <c r="JD30" s="71">
        <v>2</v>
      </c>
      <c r="JE30" s="72">
        <v>20</v>
      </c>
      <c r="JF30" s="73">
        <v>34</v>
      </c>
      <c r="JG30" s="70">
        <v>5</v>
      </c>
      <c r="JH30" s="71">
        <v>5</v>
      </c>
      <c r="JI30" s="72">
        <v>10</v>
      </c>
      <c r="JJ30" s="244"/>
      <c r="JK30" s="71">
        <v>4</v>
      </c>
      <c r="JL30" s="71">
        <v>3</v>
      </c>
      <c r="JM30" s="71">
        <v>7</v>
      </c>
      <c r="JN30" s="71">
        <v>3</v>
      </c>
      <c r="JO30" s="71">
        <v>2</v>
      </c>
      <c r="JP30" s="72">
        <v>19</v>
      </c>
      <c r="JQ30" s="73">
        <v>29</v>
      </c>
      <c r="JR30" s="70">
        <v>0</v>
      </c>
      <c r="JS30" s="71">
        <v>0</v>
      </c>
      <c r="JT30" s="72">
        <v>0</v>
      </c>
      <c r="JU30" s="244"/>
      <c r="JV30" s="71">
        <v>0</v>
      </c>
      <c r="JW30" s="71">
        <v>0</v>
      </c>
      <c r="JX30" s="71">
        <v>0</v>
      </c>
      <c r="JY30" s="71">
        <v>0</v>
      </c>
      <c r="JZ30" s="71">
        <v>0</v>
      </c>
      <c r="KA30" s="72">
        <v>0</v>
      </c>
      <c r="KB30" s="73">
        <v>0</v>
      </c>
      <c r="KC30" s="70">
        <v>19</v>
      </c>
      <c r="KD30" s="71">
        <v>24</v>
      </c>
      <c r="KE30" s="72">
        <v>43</v>
      </c>
      <c r="KF30" s="244"/>
      <c r="KG30" s="71">
        <v>17</v>
      </c>
      <c r="KH30" s="71">
        <v>13</v>
      </c>
      <c r="KI30" s="71">
        <v>18</v>
      </c>
      <c r="KJ30" s="71">
        <v>8</v>
      </c>
      <c r="KK30" s="71">
        <v>4</v>
      </c>
      <c r="KL30" s="72">
        <v>60</v>
      </c>
      <c r="KM30" s="73">
        <v>103</v>
      </c>
    </row>
    <row r="31" spans="2:299" ht="21" customHeight="1" x14ac:dyDescent="0.2">
      <c r="B31" s="126" t="s">
        <v>28</v>
      </c>
      <c r="C31" s="315">
        <v>2</v>
      </c>
      <c r="D31" s="82">
        <v>1</v>
      </c>
      <c r="E31" s="83">
        <v>3</v>
      </c>
      <c r="F31" s="241"/>
      <c r="G31" s="82">
        <v>9</v>
      </c>
      <c r="H31" s="82">
        <v>5</v>
      </c>
      <c r="I31" s="82">
        <v>3</v>
      </c>
      <c r="J31" s="82">
        <v>1</v>
      </c>
      <c r="K31" s="82">
        <v>4</v>
      </c>
      <c r="L31" s="84">
        <v>22</v>
      </c>
      <c r="M31" s="85">
        <v>25</v>
      </c>
      <c r="N31" s="70">
        <v>0</v>
      </c>
      <c r="O31" s="71">
        <v>0</v>
      </c>
      <c r="P31" s="72">
        <v>0</v>
      </c>
      <c r="Q31" s="244"/>
      <c r="R31" s="71">
        <v>0</v>
      </c>
      <c r="S31" s="71">
        <v>0</v>
      </c>
      <c r="T31" s="71">
        <v>1</v>
      </c>
      <c r="U31" s="71">
        <v>0</v>
      </c>
      <c r="V31" s="71">
        <v>0</v>
      </c>
      <c r="W31" s="72">
        <v>1</v>
      </c>
      <c r="X31" s="73">
        <v>1</v>
      </c>
      <c r="Y31" s="70">
        <v>0</v>
      </c>
      <c r="Z31" s="71">
        <v>1</v>
      </c>
      <c r="AA31" s="72">
        <v>1</v>
      </c>
      <c r="AB31" s="244"/>
      <c r="AC31" s="71">
        <v>1</v>
      </c>
      <c r="AD31" s="71">
        <v>1</v>
      </c>
      <c r="AE31" s="71">
        <v>0</v>
      </c>
      <c r="AF31" s="71">
        <v>0</v>
      </c>
      <c r="AG31" s="71">
        <v>0</v>
      </c>
      <c r="AH31" s="72">
        <v>2</v>
      </c>
      <c r="AI31" s="73">
        <v>3</v>
      </c>
      <c r="AJ31" s="70">
        <v>0</v>
      </c>
      <c r="AK31" s="71">
        <v>0</v>
      </c>
      <c r="AL31" s="72">
        <v>0</v>
      </c>
      <c r="AM31" s="244"/>
      <c r="AN31" s="71">
        <v>0</v>
      </c>
      <c r="AO31" s="71">
        <v>2</v>
      </c>
      <c r="AP31" s="71">
        <v>0</v>
      </c>
      <c r="AQ31" s="71">
        <v>0</v>
      </c>
      <c r="AR31" s="71">
        <v>0</v>
      </c>
      <c r="AS31" s="72">
        <v>2</v>
      </c>
      <c r="AT31" s="73">
        <v>2</v>
      </c>
      <c r="AU31" s="70">
        <v>1</v>
      </c>
      <c r="AV31" s="71">
        <v>0</v>
      </c>
      <c r="AW31" s="72">
        <v>1</v>
      </c>
      <c r="AX31" s="244"/>
      <c r="AY31" s="71">
        <v>2</v>
      </c>
      <c r="AZ31" s="71">
        <v>1</v>
      </c>
      <c r="BA31" s="71">
        <v>0</v>
      </c>
      <c r="BB31" s="71">
        <v>0</v>
      </c>
      <c r="BC31" s="71">
        <v>2</v>
      </c>
      <c r="BD31" s="72">
        <v>5</v>
      </c>
      <c r="BE31" s="73">
        <v>6</v>
      </c>
      <c r="BF31" s="70">
        <v>1</v>
      </c>
      <c r="BG31" s="71">
        <v>0</v>
      </c>
      <c r="BH31" s="72">
        <v>1</v>
      </c>
      <c r="BI31" s="244"/>
      <c r="BJ31" s="71">
        <v>2</v>
      </c>
      <c r="BK31" s="71">
        <v>0</v>
      </c>
      <c r="BL31" s="71">
        <v>0</v>
      </c>
      <c r="BM31" s="71">
        <v>1</v>
      </c>
      <c r="BN31" s="71">
        <v>0</v>
      </c>
      <c r="BO31" s="72">
        <v>3</v>
      </c>
      <c r="BP31" s="73">
        <v>4</v>
      </c>
      <c r="BQ31" s="70">
        <v>0</v>
      </c>
      <c r="BR31" s="71">
        <v>0</v>
      </c>
      <c r="BS31" s="72">
        <v>0</v>
      </c>
      <c r="BT31" s="244"/>
      <c r="BU31" s="71">
        <v>4</v>
      </c>
      <c r="BV31" s="71">
        <v>1</v>
      </c>
      <c r="BW31" s="71">
        <v>2</v>
      </c>
      <c r="BX31" s="71">
        <v>0</v>
      </c>
      <c r="BY31" s="71">
        <v>2</v>
      </c>
      <c r="BZ31" s="72">
        <v>9</v>
      </c>
      <c r="CA31" s="73">
        <v>9</v>
      </c>
      <c r="CB31" s="70">
        <v>0</v>
      </c>
      <c r="CC31" s="71">
        <v>0</v>
      </c>
      <c r="CD31" s="72">
        <v>0</v>
      </c>
      <c r="CE31" s="244"/>
      <c r="CF31" s="71">
        <v>0</v>
      </c>
      <c r="CG31" s="71">
        <v>0</v>
      </c>
      <c r="CH31" s="71">
        <v>0</v>
      </c>
      <c r="CI31" s="71">
        <v>0</v>
      </c>
      <c r="CJ31" s="71">
        <v>0</v>
      </c>
      <c r="CK31" s="72">
        <v>0</v>
      </c>
      <c r="CL31" s="73">
        <v>0</v>
      </c>
      <c r="CM31" s="70">
        <v>2</v>
      </c>
      <c r="CN31" s="71">
        <v>1</v>
      </c>
      <c r="CO31" s="72">
        <v>3</v>
      </c>
      <c r="CP31" s="244"/>
      <c r="CQ31" s="71">
        <v>9</v>
      </c>
      <c r="CR31" s="71">
        <v>5</v>
      </c>
      <c r="CS31" s="71">
        <v>3</v>
      </c>
      <c r="CT31" s="71">
        <v>1</v>
      </c>
      <c r="CU31" s="71">
        <v>4</v>
      </c>
      <c r="CV31" s="72">
        <v>22</v>
      </c>
      <c r="CW31" s="73">
        <v>25</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2</v>
      </c>
      <c r="GT31" s="82">
        <v>1</v>
      </c>
      <c r="GU31" s="83">
        <v>3</v>
      </c>
      <c r="GV31" s="241"/>
      <c r="GW31" s="82">
        <v>9</v>
      </c>
      <c r="GX31" s="82">
        <v>6</v>
      </c>
      <c r="GY31" s="82">
        <v>4</v>
      </c>
      <c r="GZ31" s="82">
        <v>3</v>
      </c>
      <c r="HA31" s="82">
        <v>4</v>
      </c>
      <c r="HB31" s="84">
        <v>26</v>
      </c>
      <c r="HC31" s="85">
        <v>29</v>
      </c>
      <c r="HD31" s="70">
        <v>0</v>
      </c>
      <c r="HE31" s="71">
        <v>0</v>
      </c>
      <c r="HF31" s="72">
        <v>0</v>
      </c>
      <c r="HG31" s="244"/>
      <c r="HH31" s="71">
        <v>0</v>
      </c>
      <c r="HI31" s="71">
        <v>0</v>
      </c>
      <c r="HJ31" s="71">
        <v>1</v>
      </c>
      <c r="HK31" s="71">
        <v>0</v>
      </c>
      <c r="HL31" s="71">
        <v>0</v>
      </c>
      <c r="HM31" s="72">
        <v>1</v>
      </c>
      <c r="HN31" s="73">
        <v>1</v>
      </c>
      <c r="HO31" s="70">
        <v>0</v>
      </c>
      <c r="HP31" s="71">
        <v>1</v>
      </c>
      <c r="HQ31" s="72">
        <v>1</v>
      </c>
      <c r="HR31" s="244"/>
      <c r="HS31" s="71">
        <v>1</v>
      </c>
      <c r="HT31" s="71">
        <v>1</v>
      </c>
      <c r="HU31" s="71">
        <v>1</v>
      </c>
      <c r="HV31" s="71">
        <v>0</v>
      </c>
      <c r="HW31" s="71">
        <v>0</v>
      </c>
      <c r="HX31" s="72">
        <v>3</v>
      </c>
      <c r="HY31" s="73">
        <v>4</v>
      </c>
      <c r="HZ31" s="70">
        <v>0</v>
      </c>
      <c r="IA31" s="71">
        <v>0</v>
      </c>
      <c r="IB31" s="72">
        <v>0</v>
      </c>
      <c r="IC31" s="244"/>
      <c r="ID31" s="71">
        <v>0</v>
      </c>
      <c r="IE31" s="71">
        <v>2</v>
      </c>
      <c r="IF31" s="71">
        <v>0</v>
      </c>
      <c r="IG31" s="71">
        <v>0</v>
      </c>
      <c r="IH31" s="71">
        <v>0</v>
      </c>
      <c r="II31" s="72">
        <v>2</v>
      </c>
      <c r="IJ31" s="73">
        <v>2</v>
      </c>
      <c r="IK31" s="70">
        <v>1</v>
      </c>
      <c r="IL31" s="71">
        <v>0</v>
      </c>
      <c r="IM31" s="72">
        <v>1</v>
      </c>
      <c r="IN31" s="244"/>
      <c r="IO31" s="71">
        <v>2</v>
      </c>
      <c r="IP31" s="71">
        <v>2</v>
      </c>
      <c r="IQ31" s="71">
        <v>0</v>
      </c>
      <c r="IR31" s="71">
        <v>0</v>
      </c>
      <c r="IS31" s="71">
        <v>2</v>
      </c>
      <c r="IT31" s="72">
        <v>6</v>
      </c>
      <c r="IU31" s="73">
        <v>7</v>
      </c>
      <c r="IV31" s="70">
        <v>1</v>
      </c>
      <c r="IW31" s="71">
        <v>0</v>
      </c>
      <c r="IX31" s="72">
        <v>1</v>
      </c>
      <c r="IY31" s="244"/>
      <c r="IZ31" s="71">
        <v>2</v>
      </c>
      <c r="JA31" s="71">
        <v>0</v>
      </c>
      <c r="JB31" s="71">
        <v>0</v>
      </c>
      <c r="JC31" s="71">
        <v>3</v>
      </c>
      <c r="JD31" s="71">
        <v>0</v>
      </c>
      <c r="JE31" s="72">
        <v>5</v>
      </c>
      <c r="JF31" s="73">
        <v>6</v>
      </c>
      <c r="JG31" s="70">
        <v>0</v>
      </c>
      <c r="JH31" s="71">
        <v>0</v>
      </c>
      <c r="JI31" s="72">
        <v>0</v>
      </c>
      <c r="JJ31" s="244"/>
      <c r="JK31" s="71">
        <v>4</v>
      </c>
      <c r="JL31" s="71">
        <v>1</v>
      </c>
      <c r="JM31" s="71">
        <v>2</v>
      </c>
      <c r="JN31" s="71">
        <v>0</v>
      </c>
      <c r="JO31" s="71">
        <v>2</v>
      </c>
      <c r="JP31" s="72">
        <v>9</v>
      </c>
      <c r="JQ31" s="73">
        <v>9</v>
      </c>
      <c r="JR31" s="70">
        <v>0</v>
      </c>
      <c r="JS31" s="71">
        <v>0</v>
      </c>
      <c r="JT31" s="72">
        <v>0</v>
      </c>
      <c r="JU31" s="244"/>
      <c r="JV31" s="71">
        <v>0</v>
      </c>
      <c r="JW31" s="71">
        <v>0</v>
      </c>
      <c r="JX31" s="71">
        <v>0</v>
      </c>
      <c r="JY31" s="71">
        <v>0</v>
      </c>
      <c r="JZ31" s="71">
        <v>0</v>
      </c>
      <c r="KA31" s="72">
        <v>0</v>
      </c>
      <c r="KB31" s="73">
        <v>0</v>
      </c>
      <c r="KC31" s="70">
        <v>2</v>
      </c>
      <c r="KD31" s="71">
        <v>1</v>
      </c>
      <c r="KE31" s="72">
        <v>3</v>
      </c>
      <c r="KF31" s="244"/>
      <c r="KG31" s="71">
        <v>9</v>
      </c>
      <c r="KH31" s="71">
        <v>6</v>
      </c>
      <c r="KI31" s="71">
        <v>4</v>
      </c>
      <c r="KJ31" s="71">
        <v>3</v>
      </c>
      <c r="KK31" s="71">
        <v>4</v>
      </c>
      <c r="KL31" s="72">
        <v>26</v>
      </c>
      <c r="KM31" s="73">
        <v>29</v>
      </c>
    </row>
    <row r="32" spans="2:299" ht="21" customHeight="1" x14ac:dyDescent="0.2">
      <c r="B32" s="126" t="s">
        <v>29</v>
      </c>
      <c r="C32" s="315">
        <v>3</v>
      </c>
      <c r="D32" s="82">
        <v>2</v>
      </c>
      <c r="E32" s="83">
        <v>5</v>
      </c>
      <c r="F32" s="241"/>
      <c r="G32" s="82">
        <v>4</v>
      </c>
      <c r="H32" s="82">
        <v>2</v>
      </c>
      <c r="I32" s="82">
        <v>6</v>
      </c>
      <c r="J32" s="82">
        <v>3</v>
      </c>
      <c r="K32" s="82">
        <v>1</v>
      </c>
      <c r="L32" s="84">
        <v>16</v>
      </c>
      <c r="M32" s="85">
        <v>21</v>
      </c>
      <c r="N32" s="70">
        <v>0</v>
      </c>
      <c r="O32" s="71">
        <v>0</v>
      </c>
      <c r="P32" s="72">
        <v>0</v>
      </c>
      <c r="Q32" s="244"/>
      <c r="R32" s="71">
        <v>0</v>
      </c>
      <c r="S32" s="71">
        <v>0</v>
      </c>
      <c r="T32" s="71">
        <v>1</v>
      </c>
      <c r="U32" s="71">
        <v>0</v>
      </c>
      <c r="V32" s="71">
        <v>0</v>
      </c>
      <c r="W32" s="72">
        <v>1</v>
      </c>
      <c r="X32" s="73">
        <v>1</v>
      </c>
      <c r="Y32" s="70">
        <v>0</v>
      </c>
      <c r="Z32" s="71">
        <v>0</v>
      </c>
      <c r="AA32" s="72">
        <v>0</v>
      </c>
      <c r="AB32" s="244"/>
      <c r="AC32" s="71">
        <v>1</v>
      </c>
      <c r="AD32" s="71">
        <v>0</v>
      </c>
      <c r="AE32" s="71">
        <v>0</v>
      </c>
      <c r="AF32" s="71">
        <v>1</v>
      </c>
      <c r="AG32" s="71">
        <v>1</v>
      </c>
      <c r="AH32" s="72">
        <v>3</v>
      </c>
      <c r="AI32" s="73">
        <v>3</v>
      </c>
      <c r="AJ32" s="70">
        <v>1</v>
      </c>
      <c r="AK32" s="71">
        <v>1</v>
      </c>
      <c r="AL32" s="72">
        <v>2</v>
      </c>
      <c r="AM32" s="244"/>
      <c r="AN32" s="71">
        <v>0</v>
      </c>
      <c r="AO32" s="71">
        <v>0</v>
      </c>
      <c r="AP32" s="71">
        <v>0</v>
      </c>
      <c r="AQ32" s="71">
        <v>0</v>
      </c>
      <c r="AR32" s="71">
        <v>0</v>
      </c>
      <c r="AS32" s="72">
        <v>0</v>
      </c>
      <c r="AT32" s="73">
        <v>2</v>
      </c>
      <c r="AU32" s="70">
        <v>1</v>
      </c>
      <c r="AV32" s="71">
        <v>0</v>
      </c>
      <c r="AW32" s="72">
        <v>1</v>
      </c>
      <c r="AX32" s="244"/>
      <c r="AY32" s="71">
        <v>0</v>
      </c>
      <c r="AZ32" s="71">
        <v>1</v>
      </c>
      <c r="BA32" s="71">
        <v>3</v>
      </c>
      <c r="BB32" s="71">
        <v>1</v>
      </c>
      <c r="BC32" s="71">
        <v>0</v>
      </c>
      <c r="BD32" s="72">
        <v>5</v>
      </c>
      <c r="BE32" s="73">
        <v>6</v>
      </c>
      <c r="BF32" s="70">
        <v>1</v>
      </c>
      <c r="BG32" s="71">
        <v>1</v>
      </c>
      <c r="BH32" s="72">
        <v>2</v>
      </c>
      <c r="BI32" s="244"/>
      <c r="BJ32" s="71">
        <v>2</v>
      </c>
      <c r="BK32" s="71">
        <v>0</v>
      </c>
      <c r="BL32" s="71">
        <v>1</v>
      </c>
      <c r="BM32" s="71">
        <v>0</v>
      </c>
      <c r="BN32" s="71">
        <v>0</v>
      </c>
      <c r="BO32" s="72">
        <v>3</v>
      </c>
      <c r="BP32" s="73">
        <v>5</v>
      </c>
      <c r="BQ32" s="70">
        <v>0</v>
      </c>
      <c r="BR32" s="71">
        <v>0</v>
      </c>
      <c r="BS32" s="72">
        <v>0</v>
      </c>
      <c r="BT32" s="244"/>
      <c r="BU32" s="71">
        <v>1</v>
      </c>
      <c r="BV32" s="71">
        <v>1</v>
      </c>
      <c r="BW32" s="71">
        <v>1</v>
      </c>
      <c r="BX32" s="71">
        <v>1</v>
      </c>
      <c r="BY32" s="71">
        <v>0</v>
      </c>
      <c r="BZ32" s="72">
        <v>4</v>
      </c>
      <c r="CA32" s="73">
        <v>4</v>
      </c>
      <c r="CB32" s="70">
        <v>0</v>
      </c>
      <c r="CC32" s="71">
        <v>0</v>
      </c>
      <c r="CD32" s="72">
        <v>0</v>
      </c>
      <c r="CE32" s="244"/>
      <c r="CF32" s="71">
        <v>0</v>
      </c>
      <c r="CG32" s="71">
        <v>0</v>
      </c>
      <c r="CH32" s="71">
        <v>0</v>
      </c>
      <c r="CI32" s="71">
        <v>0</v>
      </c>
      <c r="CJ32" s="71">
        <v>0</v>
      </c>
      <c r="CK32" s="72">
        <v>0</v>
      </c>
      <c r="CL32" s="73">
        <v>0</v>
      </c>
      <c r="CM32" s="70">
        <v>3</v>
      </c>
      <c r="CN32" s="71">
        <v>2</v>
      </c>
      <c r="CO32" s="72">
        <v>5</v>
      </c>
      <c r="CP32" s="244"/>
      <c r="CQ32" s="71">
        <v>4</v>
      </c>
      <c r="CR32" s="71">
        <v>2</v>
      </c>
      <c r="CS32" s="71">
        <v>6</v>
      </c>
      <c r="CT32" s="71">
        <v>3</v>
      </c>
      <c r="CU32" s="71">
        <v>1</v>
      </c>
      <c r="CV32" s="72">
        <v>16</v>
      </c>
      <c r="CW32" s="73">
        <v>21</v>
      </c>
      <c r="CX32" s="123">
        <v>2</v>
      </c>
      <c r="CY32" s="82">
        <v>1</v>
      </c>
      <c r="CZ32" s="83">
        <v>3</v>
      </c>
      <c r="DA32" s="241"/>
      <c r="DB32" s="82">
        <v>5</v>
      </c>
      <c r="DC32" s="82">
        <v>0</v>
      </c>
      <c r="DD32" s="82">
        <v>2</v>
      </c>
      <c r="DE32" s="82">
        <v>3</v>
      </c>
      <c r="DF32" s="82">
        <v>0</v>
      </c>
      <c r="DG32" s="84">
        <v>10</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2</v>
      </c>
      <c r="EF32" s="71">
        <v>0</v>
      </c>
      <c r="EG32" s="72">
        <v>2</v>
      </c>
      <c r="EH32" s="244"/>
      <c r="EI32" s="71">
        <v>0</v>
      </c>
      <c r="EJ32" s="71">
        <v>0</v>
      </c>
      <c r="EK32" s="71">
        <v>0</v>
      </c>
      <c r="EL32" s="71">
        <v>1</v>
      </c>
      <c r="EM32" s="71">
        <v>0</v>
      </c>
      <c r="EN32" s="72">
        <v>1</v>
      </c>
      <c r="EO32" s="73">
        <v>3</v>
      </c>
      <c r="EP32" s="70">
        <v>0</v>
      </c>
      <c r="EQ32" s="71">
        <v>0</v>
      </c>
      <c r="ER32" s="72">
        <v>0</v>
      </c>
      <c r="ES32" s="244"/>
      <c r="ET32" s="71">
        <v>3</v>
      </c>
      <c r="EU32" s="71">
        <v>0</v>
      </c>
      <c r="EV32" s="71">
        <v>1</v>
      </c>
      <c r="EW32" s="71">
        <v>0</v>
      </c>
      <c r="EX32" s="71">
        <v>0</v>
      </c>
      <c r="EY32" s="72">
        <v>4</v>
      </c>
      <c r="EZ32" s="73">
        <v>4</v>
      </c>
      <c r="FA32" s="70">
        <v>0</v>
      </c>
      <c r="FB32" s="71">
        <v>0</v>
      </c>
      <c r="FC32" s="72">
        <v>0</v>
      </c>
      <c r="FD32" s="244"/>
      <c r="FE32" s="71">
        <v>1</v>
      </c>
      <c r="FF32" s="71">
        <v>0</v>
      </c>
      <c r="FG32" s="71">
        <v>0</v>
      </c>
      <c r="FH32" s="71">
        <v>1</v>
      </c>
      <c r="FI32" s="71">
        <v>0</v>
      </c>
      <c r="FJ32" s="72">
        <v>2</v>
      </c>
      <c r="FK32" s="73">
        <v>2</v>
      </c>
      <c r="FL32" s="70">
        <v>0</v>
      </c>
      <c r="FM32" s="71">
        <v>1</v>
      </c>
      <c r="FN32" s="72">
        <v>1</v>
      </c>
      <c r="FO32" s="244"/>
      <c r="FP32" s="71">
        <v>1</v>
      </c>
      <c r="FQ32" s="71">
        <v>0</v>
      </c>
      <c r="FR32" s="71">
        <v>1</v>
      </c>
      <c r="FS32" s="71">
        <v>1</v>
      </c>
      <c r="FT32" s="71">
        <v>0</v>
      </c>
      <c r="FU32" s="72">
        <v>3</v>
      </c>
      <c r="FV32" s="73">
        <v>4</v>
      </c>
      <c r="FW32" s="70">
        <v>0</v>
      </c>
      <c r="FX32" s="71">
        <v>0</v>
      </c>
      <c r="FY32" s="72">
        <v>0</v>
      </c>
      <c r="FZ32" s="244"/>
      <c r="GA32" s="71">
        <v>0</v>
      </c>
      <c r="GB32" s="71">
        <v>0</v>
      </c>
      <c r="GC32" s="71">
        <v>0</v>
      </c>
      <c r="GD32" s="71">
        <v>0</v>
      </c>
      <c r="GE32" s="71">
        <v>0</v>
      </c>
      <c r="GF32" s="72">
        <v>0</v>
      </c>
      <c r="GG32" s="73">
        <v>0</v>
      </c>
      <c r="GH32" s="70">
        <v>2</v>
      </c>
      <c r="GI32" s="71">
        <v>1</v>
      </c>
      <c r="GJ32" s="72">
        <v>3</v>
      </c>
      <c r="GK32" s="244"/>
      <c r="GL32" s="71">
        <v>5</v>
      </c>
      <c r="GM32" s="71">
        <v>0</v>
      </c>
      <c r="GN32" s="71">
        <v>2</v>
      </c>
      <c r="GO32" s="71">
        <v>3</v>
      </c>
      <c r="GP32" s="71">
        <v>0</v>
      </c>
      <c r="GQ32" s="72">
        <v>10</v>
      </c>
      <c r="GR32" s="73">
        <v>13</v>
      </c>
      <c r="GS32" s="123">
        <v>5</v>
      </c>
      <c r="GT32" s="82">
        <v>3</v>
      </c>
      <c r="GU32" s="83">
        <v>8</v>
      </c>
      <c r="GV32" s="241"/>
      <c r="GW32" s="82">
        <v>9</v>
      </c>
      <c r="GX32" s="82">
        <v>2</v>
      </c>
      <c r="GY32" s="82">
        <v>8</v>
      </c>
      <c r="GZ32" s="82">
        <v>6</v>
      </c>
      <c r="HA32" s="82">
        <v>1</v>
      </c>
      <c r="HB32" s="84">
        <v>26</v>
      </c>
      <c r="HC32" s="85">
        <v>34</v>
      </c>
      <c r="HD32" s="70">
        <v>0</v>
      </c>
      <c r="HE32" s="71">
        <v>0</v>
      </c>
      <c r="HF32" s="72">
        <v>0</v>
      </c>
      <c r="HG32" s="244"/>
      <c r="HH32" s="71">
        <v>0</v>
      </c>
      <c r="HI32" s="71">
        <v>0</v>
      </c>
      <c r="HJ32" s="71">
        <v>1</v>
      </c>
      <c r="HK32" s="71">
        <v>0</v>
      </c>
      <c r="HL32" s="71">
        <v>0</v>
      </c>
      <c r="HM32" s="72">
        <v>1</v>
      </c>
      <c r="HN32" s="73">
        <v>1</v>
      </c>
      <c r="HO32" s="70">
        <v>0</v>
      </c>
      <c r="HP32" s="71">
        <v>0</v>
      </c>
      <c r="HQ32" s="72">
        <v>0</v>
      </c>
      <c r="HR32" s="244"/>
      <c r="HS32" s="71">
        <v>1</v>
      </c>
      <c r="HT32" s="71">
        <v>0</v>
      </c>
      <c r="HU32" s="71">
        <v>0</v>
      </c>
      <c r="HV32" s="71">
        <v>1</v>
      </c>
      <c r="HW32" s="71">
        <v>1</v>
      </c>
      <c r="HX32" s="72">
        <v>3</v>
      </c>
      <c r="HY32" s="73">
        <v>3</v>
      </c>
      <c r="HZ32" s="70">
        <v>3</v>
      </c>
      <c r="IA32" s="71">
        <v>1</v>
      </c>
      <c r="IB32" s="72">
        <v>4</v>
      </c>
      <c r="IC32" s="244"/>
      <c r="ID32" s="71">
        <v>0</v>
      </c>
      <c r="IE32" s="71">
        <v>0</v>
      </c>
      <c r="IF32" s="71">
        <v>0</v>
      </c>
      <c r="IG32" s="71">
        <v>1</v>
      </c>
      <c r="IH32" s="71">
        <v>0</v>
      </c>
      <c r="II32" s="72">
        <v>1</v>
      </c>
      <c r="IJ32" s="73">
        <v>5</v>
      </c>
      <c r="IK32" s="70">
        <v>1</v>
      </c>
      <c r="IL32" s="71">
        <v>0</v>
      </c>
      <c r="IM32" s="72">
        <v>1</v>
      </c>
      <c r="IN32" s="244"/>
      <c r="IO32" s="71">
        <v>3</v>
      </c>
      <c r="IP32" s="71">
        <v>1</v>
      </c>
      <c r="IQ32" s="71">
        <v>4</v>
      </c>
      <c r="IR32" s="71">
        <v>1</v>
      </c>
      <c r="IS32" s="71">
        <v>0</v>
      </c>
      <c r="IT32" s="72">
        <v>9</v>
      </c>
      <c r="IU32" s="73">
        <v>10</v>
      </c>
      <c r="IV32" s="70">
        <v>1</v>
      </c>
      <c r="IW32" s="71">
        <v>1</v>
      </c>
      <c r="IX32" s="72">
        <v>2</v>
      </c>
      <c r="IY32" s="244"/>
      <c r="IZ32" s="71">
        <v>3</v>
      </c>
      <c r="JA32" s="71">
        <v>0</v>
      </c>
      <c r="JB32" s="71">
        <v>1</v>
      </c>
      <c r="JC32" s="71">
        <v>1</v>
      </c>
      <c r="JD32" s="71">
        <v>0</v>
      </c>
      <c r="JE32" s="72">
        <v>5</v>
      </c>
      <c r="JF32" s="73">
        <v>7</v>
      </c>
      <c r="JG32" s="70">
        <v>0</v>
      </c>
      <c r="JH32" s="71">
        <v>1</v>
      </c>
      <c r="JI32" s="72">
        <v>1</v>
      </c>
      <c r="JJ32" s="244"/>
      <c r="JK32" s="71">
        <v>2</v>
      </c>
      <c r="JL32" s="71">
        <v>1</v>
      </c>
      <c r="JM32" s="71">
        <v>2</v>
      </c>
      <c r="JN32" s="71">
        <v>2</v>
      </c>
      <c r="JO32" s="71">
        <v>0</v>
      </c>
      <c r="JP32" s="72">
        <v>7</v>
      </c>
      <c r="JQ32" s="73">
        <v>8</v>
      </c>
      <c r="JR32" s="70">
        <v>0</v>
      </c>
      <c r="JS32" s="71">
        <v>0</v>
      </c>
      <c r="JT32" s="72">
        <v>0</v>
      </c>
      <c r="JU32" s="244"/>
      <c r="JV32" s="71">
        <v>0</v>
      </c>
      <c r="JW32" s="71">
        <v>0</v>
      </c>
      <c r="JX32" s="71">
        <v>0</v>
      </c>
      <c r="JY32" s="71">
        <v>0</v>
      </c>
      <c r="JZ32" s="71">
        <v>0</v>
      </c>
      <c r="KA32" s="72">
        <v>0</v>
      </c>
      <c r="KB32" s="73">
        <v>0</v>
      </c>
      <c r="KC32" s="70">
        <v>5</v>
      </c>
      <c r="KD32" s="71">
        <v>3</v>
      </c>
      <c r="KE32" s="72">
        <v>8</v>
      </c>
      <c r="KF32" s="244"/>
      <c r="KG32" s="71">
        <v>9</v>
      </c>
      <c r="KH32" s="71">
        <v>2</v>
      </c>
      <c r="KI32" s="71">
        <v>8</v>
      </c>
      <c r="KJ32" s="71">
        <v>6</v>
      </c>
      <c r="KK32" s="71">
        <v>1</v>
      </c>
      <c r="KL32" s="72">
        <v>26</v>
      </c>
      <c r="KM32" s="73">
        <v>34</v>
      </c>
    </row>
    <row r="33" spans="2:299" ht="21" customHeight="1" x14ac:dyDescent="0.2">
      <c r="B33" s="126" t="s">
        <v>30</v>
      </c>
      <c r="C33" s="315">
        <v>4</v>
      </c>
      <c r="D33" s="82">
        <v>1</v>
      </c>
      <c r="E33" s="83">
        <v>5</v>
      </c>
      <c r="F33" s="241"/>
      <c r="G33" s="82">
        <v>6</v>
      </c>
      <c r="H33" s="82">
        <v>4</v>
      </c>
      <c r="I33" s="82">
        <v>2</v>
      </c>
      <c r="J33" s="82">
        <v>3</v>
      </c>
      <c r="K33" s="82">
        <v>1</v>
      </c>
      <c r="L33" s="84">
        <v>16</v>
      </c>
      <c r="M33" s="85">
        <v>21</v>
      </c>
      <c r="N33" s="70">
        <v>0</v>
      </c>
      <c r="O33" s="71">
        <v>0</v>
      </c>
      <c r="P33" s="72">
        <v>0</v>
      </c>
      <c r="Q33" s="244"/>
      <c r="R33" s="71">
        <v>0</v>
      </c>
      <c r="S33" s="71">
        <v>0</v>
      </c>
      <c r="T33" s="71">
        <v>0</v>
      </c>
      <c r="U33" s="71">
        <v>0</v>
      </c>
      <c r="V33" s="71">
        <v>0</v>
      </c>
      <c r="W33" s="72">
        <v>0</v>
      </c>
      <c r="X33" s="73">
        <v>0</v>
      </c>
      <c r="Y33" s="70">
        <v>1</v>
      </c>
      <c r="Z33" s="71">
        <v>0</v>
      </c>
      <c r="AA33" s="72">
        <v>1</v>
      </c>
      <c r="AB33" s="244"/>
      <c r="AC33" s="71">
        <v>1</v>
      </c>
      <c r="AD33" s="71">
        <v>0</v>
      </c>
      <c r="AE33" s="71">
        <v>0</v>
      </c>
      <c r="AF33" s="71">
        <v>1</v>
      </c>
      <c r="AG33" s="71">
        <v>0</v>
      </c>
      <c r="AH33" s="72">
        <v>2</v>
      </c>
      <c r="AI33" s="73">
        <v>3</v>
      </c>
      <c r="AJ33" s="70">
        <v>0</v>
      </c>
      <c r="AK33" s="71">
        <v>0</v>
      </c>
      <c r="AL33" s="72">
        <v>0</v>
      </c>
      <c r="AM33" s="244"/>
      <c r="AN33" s="71">
        <v>0</v>
      </c>
      <c r="AO33" s="71">
        <v>1</v>
      </c>
      <c r="AP33" s="71">
        <v>0</v>
      </c>
      <c r="AQ33" s="71">
        <v>0</v>
      </c>
      <c r="AR33" s="71">
        <v>0</v>
      </c>
      <c r="AS33" s="72">
        <v>1</v>
      </c>
      <c r="AT33" s="73">
        <v>1</v>
      </c>
      <c r="AU33" s="70">
        <v>1</v>
      </c>
      <c r="AV33" s="71">
        <v>1</v>
      </c>
      <c r="AW33" s="72">
        <v>2</v>
      </c>
      <c r="AX33" s="244"/>
      <c r="AY33" s="71">
        <v>1</v>
      </c>
      <c r="AZ33" s="71">
        <v>1</v>
      </c>
      <c r="BA33" s="71">
        <v>0</v>
      </c>
      <c r="BB33" s="71">
        <v>0</v>
      </c>
      <c r="BC33" s="71">
        <v>0</v>
      </c>
      <c r="BD33" s="72">
        <v>2</v>
      </c>
      <c r="BE33" s="73">
        <v>4</v>
      </c>
      <c r="BF33" s="70">
        <v>1</v>
      </c>
      <c r="BG33" s="71">
        <v>0</v>
      </c>
      <c r="BH33" s="72">
        <v>1</v>
      </c>
      <c r="BI33" s="244"/>
      <c r="BJ33" s="71">
        <v>1</v>
      </c>
      <c r="BK33" s="71">
        <v>2</v>
      </c>
      <c r="BL33" s="71">
        <v>1</v>
      </c>
      <c r="BM33" s="71">
        <v>1</v>
      </c>
      <c r="BN33" s="71">
        <v>1</v>
      </c>
      <c r="BO33" s="72">
        <v>6</v>
      </c>
      <c r="BP33" s="73">
        <v>7</v>
      </c>
      <c r="BQ33" s="70">
        <v>1</v>
      </c>
      <c r="BR33" s="71">
        <v>0</v>
      </c>
      <c r="BS33" s="72">
        <v>1</v>
      </c>
      <c r="BT33" s="244"/>
      <c r="BU33" s="71">
        <v>3</v>
      </c>
      <c r="BV33" s="71">
        <v>0</v>
      </c>
      <c r="BW33" s="71">
        <v>1</v>
      </c>
      <c r="BX33" s="71">
        <v>1</v>
      </c>
      <c r="BY33" s="71">
        <v>0</v>
      </c>
      <c r="BZ33" s="72">
        <v>5</v>
      </c>
      <c r="CA33" s="73">
        <v>6</v>
      </c>
      <c r="CB33" s="70">
        <v>0</v>
      </c>
      <c r="CC33" s="71">
        <v>0</v>
      </c>
      <c r="CD33" s="72">
        <v>0</v>
      </c>
      <c r="CE33" s="244"/>
      <c r="CF33" s="71">
        <v>0</v>
      </c>
      <c r="CG33" s="71">
        <v>0</v>
      </c>
      <c r="CH33" s="71">
        <v>0</v>
      </c>
      <c r="CI33" s="71">
        <v>0</v>
      </c>
      <c r="CJ33" s="71">
        <v>0</v>
      </c>
      <c r="CK33" s="72">
        <v>0</v>
      </c>
      <c r="CL33" s="73">
        <v>0</v>
      </c>
      <c r="CM33" s="70">
        <v>4</v>
      </c>
      <c r="CN33" s="71">
        <v>1</v>
      </c>
      <c r="CO33" s="72">
        <v>5</v>
      </c>
      <c r="CP33" s="244"/>
      <c r="CQ33" s="71">
        <v>6</v>
      </c>
      <c r="CR33" s="71">
        <v>4</v>
      </c>
      <c r="CS33" s="71">
        <v>2</v>
      </c>
      <c r="CT33" s="71">
        <v>3</v>
      </c>
      <c r="CU33" s="71">
        <v>1</v>
      </c>
      <c r="CV33" s="72">
        <v>16</v>
      </c>
      <c r="CW33" s="73">
        <v>21</v>
      </c>
      <c r="CX33" s="123">
        <v>2</v>
      </c>
      <c r="CY33" s="82">
        <v>1</v>
      </c>
      <c r="CZ33" s="83">
        <v>3</v>
      </c>
      <c r="DA33" s="241"/>
      <c r="DB33" s="82">
        <v>4</v>
      </c>
      <c r="DC33" s="82">
        <v>1</v>
      </c>
      <c r="DD33" s="82">
        <v>1</v>
      </c>
      <c r="DE33" s="82">
        <v>3</v>
      </c>
      <c r="DF33" s="82">
        <v>0</v>
      </c>
      <c r="DG33" s="84">
        <v>9</v>
      </c>
      <c r="DH33" s="85">
        <v>12</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0</v>
      </c>
      <c r="EK33" s="71">
        <v>0</v>
      </c>
      <c r="EL33" s="71">
        <v>1</v>
      </c>
      <c r="EM33" s="71">
        <v>0</v>
      </c>
      <c r="EN33" s="72">
        <v>1</v>
      </c>
      <c r="EO33" s="73">
        <v>1</v>
      </c>
      <c r="EP33" s="70">
        <v>1</v>
      </c>
      <c r="EQ33" s="71">
        <v>1</v>
      </c>
      <c r="ER33" s="72">
        <v>2</v>
      </c>
      <c r="ES33" s="244"/>
      <c r="ET33" s="71">
        <v>0</v>
      </c>
      <c r="EU33" s="71">
        <v>0</v>
      </c>
      <c r="EV33" s="71">
        <v>0</v>
      </c>
      <c r="EW33" s="71">
        <v>0</v>
      </c>
      <c r="EX33" s="71">
        <v>0</v>
      </c>
      <c r="EY33" s="72">
        <v>0</v>
      </c>
      <c r="EZ33" s="73">
        <v>2</v>
      </c>
      <c r="FA33" s="70">
        <v>0</v>
      </c>
      <c r="FB33" s="71">
        <v>0</v>
      </c>
      <c r="FC33" s="72">
        <v>0</v>
      </c>
      <c r="FD33" s="244"/>
      <c r="FE33" s="71">
        <v>2</v>
      </c>
      <c r="FF33" s="71">
        <v>0</v>
      </c>
      <c r="FG33" s="71">
        <v>0</v>
      </c>
      <c r="FH33" s="71">
        <v>1</v>
      </c>
      <c r="FI33" s="71">
        <v>0</v>
      </c>
      <c r="FJ33" s="72">
        <v>3</v>
      </c>
      <c r="FK33" s="73">
        <v>3</v>
      </c>
      <c r="FL33" s="70">
        <v>1</v>
      </c>
      <c r="FM33" s="71">
        <v>0</v>
      </c>
      <c r="FN33" s="72">
        <v>1</v>
      </c>
      <c r="FO33" s="244"/>
      <c r="FP33" s="71">
        <v>2</v>
      </c>
      <c r="FQ33" s="71">
        <v>1</v>
      </c>
      <c r="FR33" s="71">
        <v>1</v>
      </c>
      <c r="FS33" s="71">
        <v>1</v>
      </c>
      <c r="FT33" s="71">
        <v>0</v>
      </c>
      <c r="FU33" s="72">
        <v>5</v>
      </c>
      <c r="FV33" s="73">
        <v>6</v>
      </c>
      <c r="FW33" s="70">
        <v>0</v>
      </c>
      <c r="FX33" s="71">
        <v>0</v>
      </c>
      <c r="FY33" s="72">
        <v>0</v>
      </c>
      <c r="FZ33" s="244"/>
      <c r="GA33" s="71">
        <v>0</v>
      </c>
      <c r="GB33" s="71">
        <v>0</v>
      </c>
      <c r="GC33" s="71">
        <v>0</v>
      </c>
      <c r="GD33" s="71">
        <v>0</v>
      </c>
      <c r="GE33" s="71">
        <v>0</v>
      </c>
      <c r="GF33" s="72">
        <v>0</v>
      </c>
      <c r="GG33" s="73">
        <v>0</v>
      </c>
      <c r="GH33" s="70">
        <v>2</v>
      </c>
      <c r="GI33" s="71">
        <v>1</v>
      </c>
      <c r="GJ33" s="72">
        <v>3</v>
      </c>
      <c r="GK33" s="244"/>
      <c r="GL33" s="71">
        <v>4</v>
      </c>
      <c r="GM33" s="71">
        <v>1</v>
      </c>
      <c r="GN33" s="71">
        <v>1</v>
      </c>
      <c r="GO33" s="71">
        <v>3</v>
      </c>
      <c r="GP33" s="71">
        <v>0</v>
      </c>
      <c r="GQ33" s="72">
        <v>9</v>
      </c>
      <c r="GR33" s="73">
        <v>12</v>
      </c>
      <c r="GS33" s="123">
        <v>6</v>
      </c>
      <c r="GT33" s="82">
        <v>2</v>
      </c>
      <c r="GU33" s="83">
        <v>8</v>
      </c>
      <c r="GV33" s="241"/>
      <c r="GW33" s="82">
        <v>10</v>
      </c>
      <c r="GX33" s="82">
        <v>5</v>
      </c>
      <c r="GY33" s="82">
        <v>3</v>
      </c>
      <c r="GZ33" s="82">
        <v>6</v>
      </c>
      <c r="HA33" s="82">
        <v>1</v>
      </c>
      <c r="HB33" s="84">
        <v>25</v>
      </c>
      <c r="HC33" s="85">
        <v>33</v>
      </c>
      <c r="HD33" s="70">
        <v>0</v>
      </c>
      <c r="HE33" s="71">
        <v>0</v>
      </c>
      <c r="HF33" s="72">
        <v>0</v>
      </c>
      <c r="HG33" s="244"/>
      <c r="HH33" s="71">
        <v>0</v>
      </c>
      <c r="HI33" s="71">
        <v>0</v>
      </c>
      <c r="HJ33" s="71">
        <v>0</v>
      </c>
      <c r="HK33" s="71">
        <v>0</v>
      </c>
      <c r="HL33" s="71">
        <v>0</v>
      </c>
      <c r="HM33" s="72">
        <v>0</v>
      </c>
      <c r="HN33" s="73">
        <v>0</v>
      </c>
      <c r="HO33" s="70">
        <v>1</v>
      </c>
      <c r="HP33" s="71">
        <v>0</v>
      </c>
      <c r="HQ33" s="72">
        <v>1</v>
      </c>
      <c r="HR33" s="244"/>
      <c r="HS33" s="71">
        <v>1</v>
      </c>
      <c r="HT33" s="71">
        <v>0</v>
      </c>
      <c r="HU33" s="71">
        <v>0</v>
      </c>
      <c r="HV33" s="71">
        <v>1</v>
      </c>
      <c r="HW33" s="71">
        <v>0</v>
      </c>
      <c r="HX33" s="72">
        <v>2</v>
      </c>
      <c r="HY33" s="73">
        <v>3</v>
      </c>
      <c r="HZ33" s="70">
        <v>0</v>
      </c>
      <c r="IA33" s="71">
        <v>0</v>
      </c>
      <c r="IB33" s="72">
        <v>0</v>
      </c>
      <c r="IC33" s="244"/>
      <c r="ID33" s="71">
        <v>0</v>
      </c>
      <c r="IE33" s="71">
        <v>1</v>
      </c>
      <c r="IF33" s="71">
        <v>0</v>
      </c>
      <c r="IG33" s="71">
        <v>1</v>
      </c>
      <c r="IH33" s="71">
        <v>0</v>
      </c>
      <c r="II33" s="72">
        <v>2</v>
      </c>
      <c r="IJ33" s="73">
        <v>2</v>
      </c>
      <c r="IK33" s="70">
        <v>2</v>
      </c>
      <c r="IL33" s="71">
        <v>2</v>
      </c>
      <c r="IM33" s="72">
        <v>4</v>
      </c>
      <c r="IN33" s="244"/>
      <c r="IO33" s="71">
        <v>1</v>
      </c>
      <c r="IP33" s="71">
        <v>1</v>
      </c>
      <c r="IQ33" s="71">
        <v>0</v>
      </c>
      <c r="IR33" s="71">
        <v>0</v>
      </c>
      <c r="IS33" s="71">
        <v>0</v>
      </c>
      <c r="IT33" s="72">
        <v>2</v>
      </c>
      <c r="IU33" s="73">
        <v>6</v>
      </c>
      <c r="IV33" s="70">
        <v>1</v>
      </c>
      <c r="IW33" s="71">
        <v>0</v>
      </c>
      <c r="IX33" s="72">
        <v>1</v>
      </c>
      <c r="IY33" s="244"/>
      <c r="IZ33" s="71">
        <v>3</v>
      </c>
      <c r="JA33" s="71">
        <v>2</v>
      </c>
      <c r="JB33" s="71">
        <v>1</v>
      </c>
      <c r="JC33" s="71">
        <v>2</v>
      </c>
      <c r="JD33" s="71">
        <v>1</v>
      </c>
      <c r="JE33" s="72">
        <v>9</v>
      </c>
      <c r="JF33" s="73">
        <v>10</v>
      </c>
      <c r="JG33" s="70">
        <v>2</v>
      </c>
      <c r="JH33" s="71">
        <v>0</v>
      </c>
      <c r="JI33" s="72">
        <v>2</v>
      </c>
      <c r="JJ33" s="244"/>
      <c r="JK33" s="71">
        <v>5</v>
      </c>
      <c r="JL33" s="71">
        <v>1</v>
      </c>
      <c r="JM33" s="71">
        <v>2</v>
      </c>
      <c r="JN33" s="71">
        <v>2</v>
      </c>
      <c r="JO33" s="71">
        <v>0</v>
      </c>
      <c r="JP33" s="72">
        <v>10</v>
      </c>
      <c r="JQ33" s="73">
        <v>12</v>
      </c>
      <c r="JR33" s="70">
        <v>0</v>
      </c>
      <c r="JS33" s="71">
        <v>0</v>
      </c>
      <c r="JT33" s="72">
        <v>0</v>
      </c>
      <c r="JU33" s="244"/>
      <c r="JV33" s="71">
        <v>0</v>
      </c>
      <c r="JW33" s="71">
        <v>0</v>
      </c>
      <c r="JX33" s="71">
        <v>0</v>
      </c>
      <c r="JY33" s="71">
        <v>0</v>
      </c>
      <c r="JZ33" s="71">
        <v>0</v>
      </c>
      <c r="KA33" s="72">
        <v>0</v>
      </c>
      <c r="KB33" s="73">
        <v>0</v>
      </c>
      <c r="KC33" s="70">
        <v>6</v>
      </c>
      <c r="KD33" s="71">
        <v>2</v>
      </c>
      <c r="KE33" s="72">
        <v>8</v>
      </c>
      <c r="KF33" s="244"/>
      <c r="KG33" s="71">
        <v>10</v>
      </c>
      <c r="KH33" s="71">
        <v>5</v>
      </c>
      <c r="KI33" s="71">
        <v>3</v>
      </c>
      <c r="KJ33" s="71">
        <v>6</v>
      </c>
      <c r="KK33" s="71">
        <v>1</v>
      </c>
      <c r="KL33" s="72">
        <v>25</v>
      </c>
      <c r="KM33" s="73">
        <v>33</v>
      </c>
    </row>
    <row r="34" spans="2:299" ht="21" customHeight="1" x14ac:dyDescent="0.2">
      <c r="B34" s="126" t="s">
        <v>31</v>
      </c>
      <c r="C34" s="315">
        <v>2</v>
      </c>
      <c r="D34" s="82">
        <v>3</v>
      </c>
      <c r="E34" s="83">
        <v>5</v>
      </c>
      <c r="F34" s="241"/>
      <c r="G34" s="82">
        <v>7</v>
      </c>
      <c r="H34" s="82">
        <v>4</v>
      </c>
      <c r="I34" s="82">
        <v>3</v>
      </c>
      <c r="J34" s="82">
        <v>3</v>
      </c>
      <c r="K34" s="82">
        <v>3</v>
      </c>
      <c r="L34" s="84">
        <v>20</v>
      </c>
      <c r="M34" s="85">
        <v>25</v>
      </c>
      <c r="N34" s="70">
        <v>0</v>
      </c>
      <c r="O34" s="71">
        <v>0</v>
      </c>
      <c r="P34" s="72">
        <v>0</v>
      </c>
      <c r="Q34" s="244"/>
      <c r="R34" s="71">
        <v>1</v>
      </c>
      <c r="S34" s="71">
        <v>1</v>
      </c>
      <c r="T34" s="71">
        <v>0</v>
      </c>
      <c r="U34" s="71">
        <v>0</v>
      </c>
      <c r="V34" s="71">
        <v>0</v>
      </c>
      <c r="W34" s="72">
        <v>2</v>
      </c>
      <c r="X34" s="73">
        <v>2</v>
      </c>
      <c r="Y34" s="70">
        <v>0</v>
      </c>
      <c r="Z34" s="71">
        <v>0</v>
      </c>
      <c r="AA34" s="72">
        <v>0</v>
      </c>
      <c r="AB34" s="244"/>
      <c r="AC34" s="71">
        <v>0</v>
      </c>
      <c r="AD34" s="71">
        <v>0</v>
      </c>
      <c r="AE34" s="71">
        <v>2</v>
      </c>
      <c r="AF34" s="71">
        <v>0</v>
      </c>
      <c r="AG34" s="71">
        <v>1</v>
      </c>
      <c r="AH34" s="72">
        <v>3</v>
      </c>
      <c r="AI34" s="73">
        <v>3</v>
      </c>
      <c r="AJ34" s="70">
        <v>0</v>
      </c>
      <c r="AK34" s="71">
        <v>0</v>
      </c>
      <c r="AL34" s="72">
        <v>0</v>
      </c>
      <c r="AM34" s="244"/>
      <c r="AN34" s="71">
        <v>0</v>
      </c>
      <c r="AO34" s="71">
        <v>0</v>
      </c>
      <c r="AP34" s="71">
        <v>0</v>
      </c>
      <c r="AQ34" s="71">
        <v>1</v>
      </c>
      <c r="AR34" s="71">
        <v>0</v>
      </c>
      <c r="AS34" s="72">
        <v>1</v>
      </c>
      <c r="AT34" s="73">
        <v>1</v>
      </c>
      <c r="AU34" s="70">
        <v>0</v>
      </c>
      <c r="AV34" s="71">
        <v>2</v>
      </c>
      <c r="AW34" s="72">
        <v>2</v>
      </c>
      <c r="AX34" s="244"/>
      <c r="AY34" s="71">
        <v>2</v>
      </c>
      <c r="AZ34" s="71">
        <v>1</v>
      </c>
      <c r="BA34" s="71">
        <v>0</v>
      </c>
      <c r="BB34" s="71">
        <v>0</v>
      </c>
      <c r="BC34" s="71">
        <v>1</v>
      </c>
      <c r="BD34" s="72">
        <v>4</v>
      </c>
      <c r="BE34" s="73">
        <v>6</v>
      </c>
      <c r="BF34" s="70">
        <v>2</v>
      </c>
      <c r="BG34" s="71">
        <v>1</v>
      </c>
      <c r="BH34" s="72">
        <v>3</v>
      </c>
      <c r="BI34" s="244"/>
      <c r="BJ34" s="71">
        <v>1</v>
      </c>
      <c r="BK34" s="71">
        <v>1</v>
      </c>
      <c r="BL34" s="71">
        <v>0</v>
      </c>
      <c r="BM34" s="71">
        <v>0</v>
      </c>
      <c r="BN34" s="71">
        <v>0</v>
      </c>
      <c r="BO34" s="72">
        <v>2</v>
      </c>
      <c r="BP34" s="73">
        <v>5</v>
      </c>
      <c r="BQ34" s="70">
        <v>0</v>
      </c>
      <c r="BR34" s="71">
        <v>0</v>
      </c>
      <c r="BS34" s="72">
        <v>0</v>
      </c>
      <c r="BT34" s="244"/>
      <c r="BU34" s="71">
        <v>3</v>
      </c>
      <c r="BV34" s="71">
        <v>1</v>
      </c>
      <c r="BW34" s="71">
        <v>1</v>
      </c>
      <c r="BX34" s="71">
        <v>2</v>
      </c>
      <c r="BY34" s="71">
        <v>1</v>
      </c>
      <c r="BZ34" s="72">
        <v>8</v>
      </c>
      <c r="CA34" s="73">
        <v>8</v>
      </c>
      <c r="CB34" s="70">
        <v>0</v>
      </c>
      <c r="CC34" s="71">
        <v>0</v>
      </c>
      <c r="CD34" s="72">
        <v>0</v>
      </c>
      <c r="CE34" s="244"/>
      <c r="CF34" s="71">
        <v>0</v>
      </c>
      <c r="CG34" s="71">
        <v>0</v>
      </c>
      <c r="CH34" s="71">
        <v>0</v>
      </c>
      <c r="CI34" s="71">
        <v>0</v>
      </c>
      <c r="CJ34" s="71">
        <v>0</v>
      </c>
      <c r="CK34" s="72">
        <v>0</v>
      </c>
      <c r="CL34" s="73">
        <v>0</v>
      </c>
      <c r="CM34" s="70">
        <v>2</v>
      </c>
      <c r="CN34" s="71">
        <v>3</v>
      </c>
      <c r="CO34" s="72">
        <v>5</v>
      </c>
      <c r="CP34" s="244"/>
      <c r="CQ34" s="71">
        <v>7</v>
      </c>
      <c r="CR34" s="71">
        <v>4</v>
      </c>
      <c r="CS34" s="71">
        <v>3</v>
      </c>
      <c r="CT34" s="71">
        <v>3</v>
      </c>
      <c r="CU34" s="71">
        <v>3</v>
      </c>
      <c r="CV34" s="72">
        <v>20</v>
      </c>
      <c r="CW34" s="73">
        <v>25</v>
      </c>
      <c r="CX34" s="123">
        <v>0</v>
      </c>
      <c r="CY34" s="82">
        <v>1</v>
      </c>
      <c r="CZ34" s="83">
        <v>1</v>
      </c>
      <c r="DA34" s="241"/>
      <c r="DB34" s="82">
        <v>1</v>
      </c>
      <c r="DC34" s="82">
        <v>0</v>
      </c>
      <c r="DD34" s="82">
        <v>3</v>
      </c>
      <c r="DE34" s="82">
        <v>0</v>
      </c>
      <c r="DF34" s="82">
        <v>2</v>
      </c>
      <c r="DG34" s="84">
        <v>6</v>
      </c>
      <c r="DH34" s="85">
        <v>7</v>
      </c>
      <c r="DI34" s="70">
        <v>0</v>
      </c>
      <c r="DJ34" s="71">
        <v>0</v>
      </c>
      <c r="DK34" s="72">
        <v>0</v>
      </c>
      <c r="DL34" s="244"/>
      <c r="DM34" s="71">
        <v>0</v>
      </c>
      <c r="DN34" s="71">
        <v>0</v>
      </c>
      <c r="DO34" s="71">
        <v>0</v>
      </c>
      <c r="DP34" s="71">
        <v>0</v>
      </c>
      <c r="DQ34" s="71">
        <v>0</v>
      </c>
      <c r="DR34" s="72">
        <v>0</v>
      </c>
      <c r="DS34" s="73">
        <v>0</v>
      </c>
      <c r="DT34" s="70">
        <v>0</v>
      </c>
      <c r="DU34" s="71">
        <v>1</v>
      </c>
      <c r="DV34" s="72">
        <v>1</v>
      </c>
      <c r="DW34" s="244"/>
      <c r="DX34" s="71">
        <v>0</v>
      </c>
      <c r="DY34" s="71">
        <v>0</v>
      </c>
      <c r="DZ34" s="71">
        <v>0</v>
      </c>
      <c r="EA34" s="71">
        <v>0</v>
      </c>
      <c r="EB34" s="71">
        <v>0</v>
      </c>
      <c r="EC34" s="72">
        <v>0</v>
      </c>
      <c r="ED34" s="73">
        <v>1</v>
      </c>
      <c r="EE34" s="70">
        <v>0</v>
      </c>
      <c r="EF34" s="71">
        <v>0</v>
      </c>
      <c r="EG34" s="72">
        <v>0</v>
      </c>
      <c r="EH34" s="244"/>
      <c r="EI34" s="71">
        <v>0</v>
      </c>
      <c r="EJ34" s="71">
        <v>0</v>
      </c>
      <c r="EK34" s="71">
        <v>2</v>
      </c>
      <c r="EL34" s="71">
        <v>0</v>
      </c>
      <c r="EM34" s="71">
        <v>0</v>
      </c>
      <c r="EN34" s="72">
        <v>2</v>
      </c>
      <c r="EO34" s="73">
        <v>2</v>
      </c>
      <c r="EP34" s="70">
        <v>0</v>
      </c>
      <c r="EQ34" s="71">
        <v>0</v>
      </c>
      <c r="ER34" s="72">
        <v>0</v>
      </c>
      <c r="ES34" s="244"/>
      <c r="ET34" s="71">
        <v>1</v>
      </c>
      <c r="EU34" s="71">
        <v>0</v>
      </c>
      <c r="EV34" s="71">
        <v>0</v>
      </c>
      <c r="EW34" s="71">
        <v>0</v>
      </c>
      <c r="EX34" s="71">
        <v>0</v>
      </c>
      <c r="EY34" s="72">
        <v>1</v>
      </c>
      <c r="EZ34" s="73">
        <v>1</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1</v>
      </c>
      <c r="FS34" s="71">
        <v>0</v>
      </c>
      <c r="FT34" s="71">
        <v>2</v>
      </c>
      <c r="FU34" s="72">
        <v>3</v>
      </c>
      <c r="FV34" s="73">
        <v>3</v>
      </c>
      <c r="FW34" s="70">
        <v>0</v>
      </c>
      <c r="FX34" s="71">
        <v>0</v>
      </c>
      <c r="FY34" s="72">
        <v>0</v>
      </c>
      <c r="FZ34" s="244"/>
      <c r="GA34" s="71">
        <v>0</v>
      </c>
      <c r="GB34" s="71">
        <v>0</v>
      </c>
      <c r="GC34" s="71">
        <v>0</v>
      </c>
      <c r="GD34" s="71">
        <v>0</v>
      </c>
      <c r="GE34" s="71">
        <v>0</v>
      </c>
      <c r="GF34" s="72">
        <v>0</v>
      </c>
      <c r="GG34" s="73">
        <v>0</v>
      </c>
      <c r="GH34" s="70">
        <v>0</v>
      </c>
      <c r="GI34" s="71">
        <v>1</v>
      </c>
      <c r="GJ34" s="72">
        <v>1</v>
      </c>
      <c r="GK34" s="244"/>
      <c r="GL34" s="71">
        <v>1</v>
      </c>
      <c r="GM34" s="71">
        <v>0</v>
      </c>
      <c r="GN34" s="71">
        <v>3</v>
      </c>
      <c r="GO34" s="71">
        <v>0</v>
      </c>
      <c r="GP34" s="71">
        <v>2</v>
      </c>
      <c r="GQ34" s="72">
        <v>6</v>
      </c>
      <c r="GR34" s="73">
        <v>7</v>
      </c>
      <c r="GS34" s="123">
        <v>2</v>
      </c>
      <c r="GT34" s="82">
        <v>4</v>
      </c>
      <c r="GU34" s="83">
        <v>6</v>
      </c>
      <c r="GV34" s="241"/>
      <c r="GW34" s="82">
        <v>8</v>
      </c>
      <c r="GX34" s="82">
        <v>4</v>
      </c>
      <c r="GY34" s="82">
        <v>6</v>
      </c>
      <c r="GZ34" s="82">
        <v>3</v>
      </c>
      <c r="HA34" s="82">
        <v>5</v>
      </c>
      <c r="HB34" s="84">
        <v>26</v>
      </c>
      <c r="HC34" s="85">
        <v>32</v>
      </c>
      <c r="HD34" s="70">
        <v>0</v>
      </c>
      <c r="HE34" s="71">
        <v>0</v>
      </c>
      <c r="HF34" s="72">
        <v>0</v>
      </c>
      <c r="HG34" s="244"/>
      <c r="HH34" s="71">
        <v>1</v>
      </c>
      <c r="HI34" s="71">
        <v>1</v>
      </c>
      <c r="HJ34" s="71">
        <v>0</v>
      </c>
      <c r="HK34" s="71">
        <v>0</v>
      </c>
      <c r="HL34" s="71">
        <v>0</v>
      </c>
      <c r="HM34" s="72">
        <v>2</v>
      </c>
      <c r="HN34" s="73">
        <v>2</v>
      </c>
      <c r="HO34" s="70">
        <v>0</v>
      </c>
      <c r="HP34" s="71">
        <v>1</v>
      </c>
      <c r="HQ34" s="72">
        <v>1</v>
      </c>
      <c r="HR34" s="244"/>
      <c r="HS34" s="71">
        <v>0</v>
      </c>
      <c r="HT34" s="71">
        <v>0</v>
      </c>
      <c r="HU34" s="71">
        <v>2</v>
      </c>
      <c r="HV34" s="71">
        <v>0</v>
      </c>
      <c r="HW34" s="71">
        <v>1</v>
      </c>
      <c r="HX34" s="72">
        <v>3</v>
      </c>
      <c r="HY34" s="73">
        <v>4</v>
      </c>
      <c r="HZ34" s="70">
        <v>0</v>
      </c>
      <c r="IA34" s="71">
        <v>0</v>
      </c>
      <c r="IB34" s="72">
        <v>0</v>
      </c>
      <c r="IC34" s="244"/>
      <c r="ID34" s="71">
        <v>0</v>
      </c>
      <c r="IE34" s="71">
        <v>0</v>
      </c>
      <c r="IF34" s="71">
        <v>2</v>
      </c>
      <c r="IG34" s="71">
        <v>1</v>
      </c>
      <c r="IH34" s="71">
        <v>0</v>
      </c>
      <c r="II34" s="72">
        <v>3</v>
      </c>
      <c r="IJ34" s="73">
        <v>3</v>
      </c>
      <c r="IK34" s="70">
        <v>0</v>
      </c>
      <c r="IL34" s="71">
        <v>2</v>
      </c>
      <c r="IM34" s="72">
        <v>2</v>
      </c>
      <c r="IN34" s="244"/>
      <c r="IO34" s="71">
        <v>3</v>
      </c>
      <c r="IP34" s="71">
        <v>1</v>
      </c>
      <c r="IQ34" s="71">
        <v>0</v>
      </c>
      <c r="IR34" s="71">
        <v>0</v>
      </c>
      <c r="IS34" s="71">
        <v>1</v>
      </c>
      <c r="IT34" s="72">
        <v>5</v>
      </c>
      <c r="IU34" s="73">
        <v>7</v>
      </c>
      <c r="IV34" s="70">
        <v>2</v>
      </c>
      <c r="IW34" s="71">
        <v>1</v>
      </c>
      <c r="IX34" s="72">
        <v>3</v>
      </c>
      <c r="IY34" s="244"/>
      <c r="IZ34" s="71">
        <v>1</v>
      </c>
      <c r="JA34" s="71">
        <v>1</v>
      </c>
      <c r="JB34" s="71">
        <v>0</v>
      </c>
      <c r="JC34" s="71">
        <v>0</v>
      </c>
      <c r="JD34" s="71">
        <v>0</v>
      </c>
      <c r="JE34" s="72">
        <v>2</v>
      </c>
      <c r="JF34" s="73">
        <v>5</v>
      </c>
      <c r="JG34" s="70">
        <v>0</v>
      </c>
      <c r="JH34" s="71">
        <v>0</v>
      </c>
      <c r="JI34" s="72">
        <v>0</v>
      </c>
      <c r="JJ34" s="244"/>
      <c r="JK34" s="71">
        <v>3</v>
      </c>
      <c r="JL34" s="71">
        <v>1</v>
      </c>
      <c r="JM34" s="71">
        <v>2</v>
      </c>
      <c r="JN34" s="71">
        <v>2</v>
      </c>
      <c r="JO34" s="71">
        <v>3</v>
      </c>
      <c r="JP34" s="72">
        <v>11</v>
      </c>
      <c r="JQ34" s="73">
        <v>11</v>
      </c>
      <c r="JR34" s="70">
        <v>0</v>
      </c>
      <c r="JS34" s="71">
        <v>0</v>
      </c>
      <c r="JT34" s="72">
        <v>0</v>
      </c>
      <c r="JU34" s="244"/>
      <c r="JV34" s="71">
        <v>0</v>
      </c>
      <c r="JW34" s="71">
        <v>0</v>
      </c>
      <c r="JX34" s="71">
        <v>0</v>
      </c>
      <c r="JY34" s="71">
        <v>0</v>
      </c>
      <c r="JZ34" s="71">
        <v>0</v>
      </c>
      <c r="KA34" s="72">
        <v>0</v>
      </c>
      <c r="KB34" s="73">
        <v>0</v>
      </c>
      <c r="KC34" s="70">
        <v>2</v>
      </c>
      <c r="KD34" s="71">
        <v>4</v>
      </c>
      <c r="KE34" s="72">
        <v>6</v>
      </c>
      <c r="KF34" s="244"/>
      <c r="KG34" s="71">
        <v>8</v>
      </c>
      <c r="KH34" s="71">
        <v>4</v>
      </c>
      <c r="KI34" s="71">
        <v>6</v>
      </c>
      <c r="KJ34" s="71">
        <v>3</v>
      </c>
      <c r="KK34" s="71">
        <v>5</v>
      </c>
      <c r="KL34" s="72">
        <v>26</v>
      </c>
      <c r="KM34" s="73">
        <v>32</v>
      </c>
    </row>
    <row r="35" spans="2:299" ht="21" customHeight="1" x14ac:dyDescent="0.2">
      <c r="B35" s="126" t="s">
        <v>32</v>
      </c>
      <c r="C35" s="315">
        <v>5</v>
      </c>
      <c r="D35" s="82">
        <v>1</v>
      </c>
      <c r="E35" s="83">
        <v>6</v>
      </c>
      <c r="F35" s="241"/>
      <c r="G35" s="82">
        <v>8</v>
      </c>
      <c r="H35" s="82">
        <v>5</v>
      </c>
      <c r="I35" s="82">
        <v>2</v>
      </c>
      <c r="J35" s="82">
        <v>5</v>
      </c>
      <c r="K35" s="82">
        <v>4</v>
      </c>
      <c r="L35" s="84">
        <v>24</v>
      </c>
      <c r="M35" s="85">
        <v>30</v>
      </c>
      <c r="N35" s="70">
        <v>1</v>
      </c>
      <c r="O35" s="71">
        <v>0</v>
      </c>
      <c r="P35" s="72">
        <v>1</v>
      </c>
      <c r="Q35" s="244"/>
      <c r="R35" s="71">
        <v>0</v>
      </c>
      <c r="S35" s="71">
        <v>0</v>
      </c>
      <c r="T35" s="71">
        <v>0</v>
      </c>
      <c r="U35" s="71">
        <v>0</v>
      </c>
      <c r="V35" s="71">
        <v>0</v>
      </c>
      <c r="W35" s="72">
        <v>0</v>
      </c>
      <c r="X35" s="73">
        <v>1</v>
      </c>
      <c r="Y35" s="70">
        <v>2</v>
      </c>
      <c r="Z35" s="71">
        <v>0</v>
      </c>
      <c r="AA35" s="72">
        <v>2</v>
      </c>
      <c r="AB35" s="244"/>
      <c r="AC35" s="71">
        <v>0</v>
      </c>
      <c r="AD35" s="71">
        <v>0</v>
      </c>
      <c r="AE35" s="71">
        <v>0</v>
      </c>
      <c r="AF35" s="71">
        <v>1</v>
      </c>
      <c r="AG35" s="71">
        <v>0</v>
      </c>
      <c r="AH35" s="72">
        <v>1</v>
      </c>
      <c r="AI35" s="73">
        <v>3</v>
      </c>
      <c r="AJ35" s="70">
        <v>1</v>
      </c>
      <c r="AK35" s="71">
        <v>0</v>
      </c>
      <c r="AL35" s="72">
        <v>1</v>
      </c>
      <c r="AM35" s="244"/>
      <c r="AN35" s="71">
        <v>1</v>
      </c>
      <c r="AO35" s="71">
        <v>1</v>
      </c>
      <c r="AP35" s="71">
        <v>0</v>
      </c>
      <c r="AQ35" s="71">
        <v>0</v>
      </c>
      <c r="AR35" s="71">
        <v>2</v>
      </c>
      <c r="AS35" s="72">
        <v>4</v>
      </c>
      <c r="AT35" s="73">
        <v>5</v>
      </c>
      <c r="AU35" s="70">
        <v>0</v>
      </c>
      <c r="AV35" s="71">
        <v>1</v>
      </c>
      <c r="AW35" s="72">
        <v>1</v>
      </c>
      <c r="AX35" s="244"/>
      <c r="AY35" s="71">
        <v>3</v>
      </c>
      <c r="AZ35" s="71">
        <v>0</v>
      </c>
      <c r="BA35" s="71">
        <v>0</v>
      </c>
      <c r="BB35" s="71">
        <v>1</v>
      </c>
      <c r="BC35" s="71">
        <v>1</v>
      </c>
      <c r="BD35" s="72">
        <v>5</v>
      </c>
      <c r="BE35" s="73">
        <v>6</v>
      </c>
      <c r="BF35" s="70">
        <v>1</v>
      </c>
      <c r="BG35" s="71">
        <v>0</v>
      </c>
      <c r="BH35" s="72">
        <v>1</v>
      </c>
      <c r="BI35" s="244"/>
      <c r="BJ35" s="71">
        <v>2</v>
      </c>
      <c r="BK35" s="71">
        <v>2</v>
      </c>
      <c r="BL35" s="71">
        <v>1</v>
      </c>
      <c r="BM35" s="71">
        <v>2</v>
      </c>
      <c r="BN35" s="71">
        <v>0</v>
      </c>
      <c r="BO35" s="72">
        <v>7</v>
      </c>
      <c r="BP35" s="73">
        <v>8</v>
      </c>
      <c r="BQ35" s="70">
        <v>0</v>
      </c>
      <c r="BR35" s="71">
        <v>0</v>
      </c>
      <c r="BS35" s="72">
        <v>0</v>
      </c>
      <c r="BT35" s="244"/>
      <c r="BU35" s="71">
        <v>2</v>
      </c>
      <c r="BV35" s="71">
        <v>2</v>
      </c>
      <c r="BW35" s="71">
        <v>1</v>
      </c>
      <c r="BX35" s="71">
        <v>1</v>
      </c>
      <c r="BY35" s="71">
        <v>1</v>
      </c>
      <c r="BZ35" s="72">
        <v>7</v>
      </c>
      <c r="CA35" s="73">
        <v>7</v>
      </c>
      <c r="CB35" s="70">
        <v>0</v>
      </c>
      <c r="CC35" s="71">
        <v>0</v>
      </c>
      <c r="CD35" s="72">
        <v>0</v>
      </c>
      <c r="CE35" s="244"/>
      <c r="CF35" s="71">
        <v>0</v>
      </c>
      <c r="CG35" s="71">
        <v>0</v>
      </c>
      <c r="CH35" s="71">
        <v>0</v>
      </c>
      <c r="CI35" s="71">
        <v>0</v>
      </c>
      <c r="CJ35" s="71">
        <v>0</v>
      </c>
      <c r="CK35" s="72">
        <v>0</v>
      </c>
      <c r="CL35" s="73">
        <v>0</v>
      </c>
      <c r="CM35" s="70">
        <v>5</v>
      </c>
      <c r="CN35" s="71">
        <v>1</v>
      </c>
      <c r="CO35" s="72">
        <v>6</v>
      </c>
      <c r="CP35" s="244"/>
      <c r="CQ35" s="71">
        <v>8</v>
      </c>
      <c r="CR35" s="71">
        <v>5</v>
      </c>
      <c r="CS35" s="71">
        <v>2</v>
      </c>
      <c r="CT35" s="71">
        <v>5</v>
      </c>
      <c r="CU35" s="71">
        <v>4</v>
      </c>
      <c r="CV35" s="72">
        <v>24</v>
      </c>
      <c r="CW35" s="73">
        <v>30</v>
      </c>
      <c r="CX35" s="123">
        <v>0</v>
      </c>
      <c r="CY35" s="82">
        <v>1</v>
      </c>
      <c r="CZ35" s="83">
        <v>1</v>
      </c>
      <c r="DA35" s="241"/>
      <c r="DB35" s="82">
        <v>2</v>
      </c>
      <c r="DC35" s="82">
        <v>3</v>
      </c>
      <c r="DD35" s="82">
        <v>2</v>
      </c>
      <c r="DE35" s="82">
        <v>2</v>
      </c>
      <c r="DF35" s="82">
        <v>0</v>
      </c>
      <c r="DG35" s="84">
        <v>9</v>
      </c>
      <c r="DH35" s="85">
        <v>10</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1</v>
      </c>
      <c r="EG35" s="72">
        <v>1</v>
      </c>
      <c r="EH35" s="244"/>
      <c r="EI35" s="71">
        <v>0</v>
      </c>
      <c r="EJ35" s="71">
        <v>0</v>
      </c>
      <c r="EK35" s="71">
        <v>0</v>
      </c>
      <c r="EL35" s="71">
        <v>0</v>
      </c>
      <c r="EM35" s="71">
        <v>0</v>
      </c>
      <c r="EN35" s="72">
        <v>0</v>
      </c>
      <c r="EO35" s="73">
        <v>1</v>
      </c>
      <c r="EP35" s="70">
        <v>0</v>
      </c>
      <c r="EQ35" s="71">
        <v>0</v>
      </c>
      <c r="ER35" s="72">
        <v>0</v>
      </c>
      <c r="ES35" s="244"/>
      <c r="ET35" s="71">
        <v>1</v>
      </c>
      <c r="EU35" s="71">
        <v>0</v>
      </c>
      <c r="EV35" s="71">
        <v>0</v>
      </c>
      <c r="EW35" s="71">
        <v>0</v>
      </c>
      <c r="EX35" s="71">
        <v>0</v>
      </c>
      <c r="EY35" s="72">
        <v>1</v>
      </c>
      <c r="EZ35" s="73">
        <v>1</v>
      </c>
      <c r="FA35" s="70">
        <v>0</v>
      </c>
      <c r="FB35" s="71">
        <v>0</v>
      </c>
      <c r="FC35" s="72">
        <v>0</v>
      </c>
      <c r="FD35" s="244"/>
      <c r="FE35" s="71">
        <v>0</v>
      </c>
      <c r="FF35" s="71">
        <v>1</v>
      </c>
      <c r="FG35" s="71">
        <v>1</v>
      </c>
      <c r="FH35" s="71">
        <v>0</v>
      </c>
      <c r="FI35" s="71">
        <v>0</v>
      </c>
      <c r="FJ35" s="72">
        <v>2</v>
      </c>
      <c r="FK35" s="73">
        <v>2</v>
      </c>
      <c r="FL35" s="70">
        <v>0</v>
      </c>
      <c r="FM35" s="71">
        <v>0</v>
      </c>
      <c r="FN35" s="72">
        <v>0</v>
      </c>
      <c r="FO35" s="244"/>
      <c r="FP35" s="71">
        <v>1</v>
      </c>
      <c r="FQ35" s="71">
        <v>2</v>
      </c>
      <c r="FR35" s="71">
        <v>1</v>
      </c>
      <c r="FS35" s="71">
        <v>2</v>
      </c>
      <c r="FT35" s="71">
        <v>0</v>
      </c>
      <c r="FU35" s="72">
        <v>6</v>
      </c>
      <c r="FV35" s="73">
        <v>6</v>
      </c>
      <c r="FW35" s="70">
        <v>0</v>
      </c>
      <c r="FX35" s="71">
        <v>0</v>
      </c>
      <c r="FY35" s="72">
        <v>0</v>
      </c>
      <c r="FZ35" s="244"/>
      <c r="GA35" s="71">
        <v>0</v>
      </c>
      <c r="GB35" s="71">
        <v>0</v>
      </c>
      <c r="GC35" s="71">
        <v>0</v>
      </c>
      <c r="GD35" s="71">
        <v>0</v>
      </c>
      <c r="GE35" s="71">
        <v>0</v>
      </c>
      <c r="GF35" s="72">
        <v>0</v>
      </c>
      <c r="GG35" s="73">
        <v>0</v>
      </c>
      <c r="GH35" s="70">
        <v>0</v>
      </c>
      <c r="GI35" s="71">
        <v>1</v>
      </c>
      <c r="GJ35" s="72">
        <v>1</v>
      </c>
      <c r="GK35" s="244"/>
      <c r="GL35" s="71">
        <v>2</v>
      </c>
      <c r="GM35" s="71">
        <v>3</v>
      </c>
      <c r="GN35" s="71">
        <v>2</v>
      </c>
      <c r="GO35" s="71">
        <v>2</v>
      </c>
      <c r="GP35" s="71">
        <v>0</v>
      </c>
      <c r="GQ35" s="72">
        <v>9</v>
      </c>
      <c r="GR35" s="73">
        <v>10</v>
      </c>
      <c r="GS35" s="123">
        <v>5</v>
      </c>
      <c r="GT35" s="82">
        <v>2</v>
      </c>
      <c r="GU35" s="83">
        <v>7</v>
      </c>
      <c r="GV35" s="241"/>
      <c r="GW35" s="82">
        <v>10</v>
      </c>
      <c r="GX35" s="82">
        <v>8</v>
      </c>
      <c r="GY35" s="82">
        <v>4</v>
      </c>
      <c r="GZ35" s="82">
        <v>7</v>
      </c>
      <c r="HA35" s="82">
        <v>4</v>
      </c>
      <c r="HB35" s="84">
        <v>33</v>
      </c>
      <c r="HC35" s="85">
        <v>40</v>
      </c>
      <c r="HD35" s="70">
        <v>1</v>
      </c>
      <c r="HE35" s="71">
        <v>0</v>
      </c>
      <c r="HF35" s="72">
        <v>1</v>
      </c>
      <c r="HG35" s="244"/>
      <c r="HH35" s="71">
        <v>0</v>
      </c>
      <c r="HI35" s="71">
        <v>0</v>
      </c>
      <c r="HJ35" s="71">
        <v>0</v>
      </c>
      <c r="HK35" s="71">
        <v>0</v>
      </c>
      <c r="HL35" s="71">
        <v>0</v>
      </c>
      <c r="HM35" s="72">
        <v>0</v>
      </c>
      <c r="HN35" s="73">
        <v>1</v>
      </c>
      <c r="HO35" s="70">
        <v>2</v>
      </c>
      <c r="HP35" s="71">
        <v>0</v>
      </c>
      <c r="HQ35" s="72">
        <v>2</v>
      </c>
      <c r="HR35" s="244"/>
      <c r="HS35" s="71">
        <v>0</v>
      </c>
      <c r="HT35" s="71">
        <v>0</v>
      </c>
      <c r="HU35" s="71">
        <v>0</v>
      </c>
      <c r="HV35" s="71">
        <v>1</v>
      </c>
      <c r="HW35" s="71">
        <v>0</v>
      </c>
      <c r="HX35" s="72">
        <v>1</v>
      </c>
      <c r="HY35" s="73">
        <v>3</v>
      </c>
      <c r="HZ35" s="70">
        <v>1</v>
      </c>
      <c r="IA35" s="71">
        <v>1</v>
      </c>
      <c r="IB35" s="72">
        <v>2</v>
      </c>
      <c r="IC35" s="244"/>
      <c r="ID35" s="71">
        <v>1</v>
      </c>
      <c r="IE35" s="71">
        <v>1</v>
      </c>
      <c r="IF35" s="71">
        <v>0</v>
      </c>
      <c r="IG35" s="71">
        <v>0</v>
      </c>
      <c r="IH35" s="71">
        <v>2</v>
      </c>
      <c r="II35" s="72">
        <v>4</v>
      </c>
      <c r="IJ35" s="73">
        <v>6</v>
      </c>
      <c r="IK35" s="70">
        <v>0</v>
      </c>
      <c r="IL35" s="71">
        <v>1</v>
      </c>
      <c r="IM35" s="72">
        <v>1</v>
      </c>
      <c r="IN35" s="244"/>
      <c r="IO35" s="71">
        <v>4</v>
      </c>
      <c r="IP35" s="71">
        <v>0</v>
      </c>
      <c r="IQ35" s="71">
        <v>0</v>
      </c>
      <c r="IR35" s="71">
        <v>1</v>
      </c>
      <c r="IS35" s="71">
        <v>1</v>
      </c>
      <c r="IT35" s="72">
        <v>6</v>
      </c>
      <c r="IU35" s="73">
        <v>7</v>
      </c>
      <c r="IV35" s="70">
        <v>1</v>
      </c>
      <c r="IW35" s="71">
        <v>0</v>
      </c>
      <c r="IX35" s="72">
        <v>1</v>
      </c>
      <c r="IY35" s="244"/>
      <c r="IZ35" s="71">
        <v>2</v>
      </c>
      <c r="JA35" s="71">
        <v>3</v>
      </c>
      <c r="JB35" s="71">
        <v>2</v>
      </c>
      <c r="JC35" s="71">
        <v>2</v>
      </c>
      <c r="JD35" s="71">
        <v>0</v>
      </c>
      <c r="JE35" s="72">
        <v>9</v>
      </c>
      <c r="JF35" s="73">
        <v>10</v>
      </c>
      <c r="JG35" s="70">
        <v>0</v>
      </c>
      <c r="JH35" s="71">
        <v>0</v>
      </c>
      <c r="JI35" s="72">
        <v>0</v>
      </c>
      <c r="JJ35" s="244"/>
      <c r="JK35" s="71">
        <v>3</v>
      </c>
      <c r="JL35" s="71">
        <v>4</v>
      </c>
      <c r="JM35" s="71">
        <v>2</v>
      </c>
      <c r="JN35" s="71">
        <v>3</v>
      </c>
      <c r="JO35" s="71">
        <v>1</v>
      </c>
      <c r="JP35" s="72">
        <v>13</v>
      </c>
      <c r="JQ35" s="73">
        <v>13</v>
      </c>
      <c r="JR35" s="70">
        <v>0</v>
      </c>
      <c r="JS35" s="71">
        <v>0</v>
      </c>
      <c r="JT35" s="72">
        <v>0</v>
      </c>
      <c r="JU35" s="244"/>
      <c r="JV35" s="71">
        <v>0</v>
      </c>
      <c r="JW35" s="71">
        <v>0</v>
      </c>
      <c r="JX35" s="71">
        <v>0</v>
      </c>
      <c r="JY35" s="71">
        <v>0</v>
      </c>
      <c r="JZ35" s="71">
        <v>0</v>
      </c>
      <c r="KA35" s="72">
        <v>0</v>
      </c>
      <c r="KB35" s="73">
        <v>0</v>
      </c>
      <c r="KC35" s="70">
        <v>5</v>
      </c>
      <c r="KD35" s="71">
        <v>2</v>
      </c>
      <c r="KE35" s="72">
        <v>7</v>
      </c>
      <c r="KF35" s="244"/>
      <c r="KG35" s="71">
        <v>10</v>
      </c>
      <c r="KH35" s="71">
        <v>8</v>
      </c>
      <c r="KI35" s="71">
        <v>4</v>
      </c>
      <c r="KJ35" s="71">
        <v>7</v>
      </c>
      <c r="KK35" s="71">
        <v>4</v>
      </c>
      <c r="KL35" s="72">
        <v>33</v>
      </c>
      <c r="KM35" s="73">
        <v>40</v>
      </c>
    </row>
    <row r="36" spans="2:299" ht="21" customHeight="1" x14ac:dyDescent="0.2">
      <c r="B36" s="126" t="s">
        <v>33</v>
      </c>
      <c r="C36" s="315">
        <v>3</v>
      </c>
      <c r="D36" s="82">
        <v>1</v>
      </c>
      <c r="E36" s="83">
        <v>4</v>
      </c>
      <c r="F36" s="241"/>
      <c r="G36" s="82">
        <v>9</v>
      </c>
      <c r="H36" s="82">
        <v>1</v>
      </c>
      <c r="I36" s="82">
        <v>2</v>
      </c>
      <c r="J36" s="82">
        <v>2</v>
      </c>
      <c r="K36" s="82">
        <v>4</v>
      </c>
      <c r="L36" s="84">
        <v>18</v>
      </c>
      <c r="M36" s="85">
        <v>22</v>
      </c>
      <c r="N36" s="70">
        <v>0</v>
      </c>
      <c r="O36" s="71">
        <v>0</v>
      </c>
      <c r="P36" s="72">
        <v>0</v>
      </c>
      <c r="Q36" s="244"/>
      <c r="R36" s="71">
        <v>1</v>
      </c>
      <c r="S36" s="71">
        <v>0</v>
      </c>
      <c r="T36" s="71">
        <v>0</v>
      </c>
      <c r="U36" s="71">
        <v>0</v>
      </c>
      <c r="V36" s="71">
        <v>0</v>
      </c>
      <c r="W36" s="72">
        <v>1</v>
      </c>
      <c r="X36" s="73">
        <v>1</v>
      </c>
      <c r="Y36" s="70">
        <v>0</v>
      </c>
      <c r="Z36" s="71">
        <v>0</v>
      </c>
      <c r="AA36" s="72">
        <v>0</v>
      </c>
      <c r="AB36" s="244"/>
      <c r="AC36" s="71">
        <v>1</v>
      </c>
      <c r="AD36" s="71">
        <v>0</v>
      </c>
      <c r="AE36" s="71">
        <v>0</v>
      </c>
      <c r="AF36" s="71">
        <v>1</v>
      </c>
      <c r="AG36" s="71">
        <v>2</v>
      </c>
      <c r="AH36" s="72">
        <v>4</v>
      </c>
      <c r="AI36" s="73">
        <v>4</v>
      </c>
      <c r="AJ36" s="70">
        <v>0</v>
      </c>
      <c r="AK36" s="71">
        <v>0</v>
      </c>
      <c r="AL36" s="72">
        <v>0</v>
      </c>
      <c r="AM36" s="244"/>
      <c r="AN36" s="71">
        <v>2</v>
      </c>
      <c r="AO36" s="71">
        <v>0</v>
      </c>
      <c r="AP36" s="71">
        <v>0</v>
      </c>
      <c r="AQ36" s="71">
        <v>0</v>
      </c>
      <c r="AR36" s="71">
        <v>1</v>
      </c>
      <c r="AS36" s="72">
        <v>3</v>
      </c>
      <c r="AT36" s="73">
        <v>3</v>
      </c>
      <c r="AU36" s="70">
        <v>0</v>
      </c>
      <c r="AV36" s="71">
        <v>0</v>
      </c>
      <c r="AW36" s="72">
        <v>0</v>
      </c>
      <c r="AX36" s="244"/>
      <c r="AY36" s="71">
        <v>0</v>
      </c>
      <c r="AZ36" s="71">
        <v>1</v>
      </c>
      <c r="BA36" s="71">
        <v>0</v>
      </c>
      <c r="BB36" s="71">
        <v>1</v>
      </c>
      <c r="BC36" s="71">
        <v>0</v>
      </c>
      <c r="BD36" s="72">
        <v>2</v>
      </c>
      <c r="BE36" s="73">
        <v>2</v>
      </c>
      <c r="BF36" s="70">
        <v>1</v>
      </c>
      <c r="BG36" s="71">
        <v>0</v>
      </c>
      <c r="BH36" s="72">
        <v>1</v>
      </c>
      <c r="BI36" s="244"/>
      <c r="BJ36" s="71">
        <v>1</v>
      </c>
      <c r="BK36" s="71">
        <v>0</v>
      </c>
      <c r="BL36" s="71">
        <v>1</v>
      </c>
      <c r="BM36" s="71">
        <v>0</v>
      </c>
      <c r="BN36" s="71">
        <v>1</v>
      </c>
      <c r="BO36" s="72">
        <v>3</v>
      </c>
      <c r="BP36" s="73">
        <v>4</v>
      </c>
      <c r="BQ36" s="70">
        <v>2</v>
      </c>
      <c r="BR36" s="71">
        <v>1</v>
      </c>
      <c r="BS36" s="72">
        <v>3</v>
      </c>
      <c r="BT36" s="244"/>
      <c r="BU36" s="71">
        <v>4</v>
      </c>
      <c r="BV36" s="71">
        <v>0</v>
      </c>
      <c r="BW36" s="71">
        <v>1</v>
      </c>
      <c r="BX36" s="71">
        <v>0</v>
      </c>
      <c r="BY36" s="71">
        <v>0</v>
      </c>
      <c r="BZ36" s="72">
        <v>5</v>
      </c>
      <c r="CA36" s="73">
        <v>8</v>
      </c>
      <c r="CB36" s="70">
        <v>0</v>
      </c>
      <c r="CC36" s="71">
        <v>0</v>
      </c>
      <c r="CD36" s="72">
        <v>0</v>
      </c>
      <c r="CE36" s="244"/>
      <c r="CF36" s="71">
        <v>0</v>
      </c>
      <c r="CG36" s="71">
        <v>0</v>
      </c>
      <c r="CH36" s="71">
        <v>0</v>
      </c>
      <c r="CI36" s="71">
        <v>0</v>
      </c>
      <c r="CJ36" s="71">
        <v>0</v>
      </c>
      <c r="CK36" s="72">
        <v>0</v>
      </c>
      <c r="CL36" s="73">
        <v>0</v>
      </c>
      <c r="CM36" s="70">
        <v>3</v>
      </c>
      <c r="CN36" s="71">
        <v>1</v>
      </c>
      <c r="CO36" s="72">
        <v>4</v>
      </c>
      <c r="CP36" s="244"/>
      <c r="CQ36" s="71">
        <v>9</v>
      </c>
      <c r="CR36" s="71">
        <v>1</v>
      </c>
      <c r="CS36" s="71">
        <v>2</v>
      </c>
      <c r="CT36" s="71">
        <v>2</v>
      </c>
      <c r="CU36" s="71">
        <v>4</v>
      </c>
      <c r="CV36" s="72">
        <v>18</v>
      </c>
      <c r="CW36" s="73">
        <v>22</v>
      </c>
      <c r="CX36" s="123">
        <v>4</v>
      </c>
      <c r="CY36" s="82">
        <v>4</v>
      </c>
      <c r="CZ36" s="83">
        <v>8</v>
      </c>
      <c r="DA36" s="241"/>
      <c r="DB36" s="82">
        <v>2</v>
      </c>
      <c r="DC36" s="82">
        <v>1</v>
      </c>
      <c r="DD36" s="82">
        <v>3</v>
      </c>
      <c r="DE36" s="82">
        <v>4</v>
      </c>
      <c r="DF36" s="82">
        <v>1</v>
      </c>
      <c r="DG36" s="84">
        <v>11</v>
      </c>
      <c r="DH36" s="85">
        <v>19</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0</v>
      </c>
      <c r="DZ36" s="71">
        <v>1</v>
      </c>
      <c r="EA36" s="71">
        <v>0</v>
      </c>
      <c r="EB36" s="71">
        <v>0</v>
      </c>
      <c r="EC36" s="72">
        <v>1</v>
      </c>
      <c r="ED36" s="73">
        <v>1</v>
      </c>
      <c r="EE36" s="70">
        <v>0</v>
      </c>
      <c r="EF36" s="71">
        <v>2</v>
      </c>
      <c r="EG36" s="72">
        <v>2</v>
      </c>
      <c r="EH36" s="244"/>
      <c r="EI36" s="71">
        <v>0</v>
      </c>
      <c r="EJ36" s="71">
        <v>1</v>
      </c>
      <c r="EK36" s="71">
        <v>0</v>
      </c>
      <c r="EL36" s="71">
        <v>2</v>
      </c>
      <c r="EM36" s="71">
        <v>0</v>
      </c>
      <c r="EN36" s="72">
        <v>3</v>
      </c>
      <c r="EO36" s="73">
        <v>5</v>
      </c>
      <c r="EP36" s="70">
        <v>2</v>
      </c>
      <c r="EQ36" s="71">
        <v>0</v>
      </c>
      <c r="ER36" s="72">
        <v>2</v>
      </c>
      <c r="ES36" s="244"/>
      <c r="ET36" s="71">
        <v>0</v>
      </c>
      <c r="EU36" s="71">
        <v>0</v>
      </c>
      <c r="EV36" s="71">
        <v>0</v>
      </c>
      <c r="EW36" s="71">
        <v>0</v>
      </c>
      <c r="EX36" s="71">
        <v>0</v>
      </c>
      <c r="EY36" s="72">
        <v>0</v>
      </c>
      <c r="EZ36" s="73">
        <v>2</v>
      </c>
      <c r="FA36" s="70">
        <v>1</v>
      </c>
      <c r="FB36" s="71">
        <v>1</v>
      </c>
      <c r="FC36" s="72">
        <v>2</v>
      </c>
      <c r="FD36" s="244"/>
      <c r="FE36" s="71">
        <v>2</v>
      </c>
      <c r="FF36" s="71">
        <v>0</v>
      </c>
      <c r="FG36" s="71">
        <v>0</v>
      </c>
      <c r="FH36" s="71">
        <v>1</v>
      </c>
      <c r="FI36" s="71">
        <v>1</v>
      </c>
      <c r="FJ36" s="72">
        <v>4</v>
      </c>
      <c r="FK36" s="73">
        <v>6</v>
      </c>
      <c r="FL36" s="70">
        <v>1</v>
      </c>
      <c r="FM36" s="71">
        <v>1</v>
      </c>
      <c r="FN36" s="72">
        <v>2</v>
      </c>
      <c r="FO36" s="244"/>
      <c r="FP36" s="71">
        <v>0</v>
      </c>
      <c r="FQ36" s="71">
        <v>0</v>
      </c>
      <c r="FR36" s="71">
        <v>2</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4</v>
      </c>
      <c r="GI36" s="71">
        <v>4</v>
      </c>
      <c r="GJ36" s="72">
        <v>8</v>
      </c>
      <c r="GK36" s="244"/>
      <c r="GL36" s="71">
        <v>2</v>
      </c>
      <c r="GM36" s="71">
        <v>1</v>
      </c>
      <c r="GN36" s="71">
        <v>3</v>
      </c>
      <c r="GO36" s="71">
        <v>4</v>
      </c>
      <c r="GP36" s="71">
        <v>1</v>
      </c>
      <c r="GQ36" s="72">
        <v>11</v>
      </c>
      <c r="GR36" s="73">
        <v>19</v>
      </c>
      <c r="GS36" s="123">
        <v>7</v>
      </c>
      <c r="GT36" s="82">
        <v>5</v>
      </c>
      <c r="GU36" s="83">
        <v>12</v>
      </c>
      <c r="GV36" s="241"/>
      <c r="GW36" s="82">
        <v>11</v>
      </c>
      <c r="GX36" s="82">
        <v>2</v>
      </c>
      <c r="GY36" s="82">
        <v>5</v>
      </c>
      <c r="GZ36" s="82">
        <v>6</v>
      </c>
      <c r="HA36" s="82">
        <v>5</v>
      </c>
      <c r="HB36" s="84">
        <v>29</v>
      </c>
      <c r="HC36" s="85">
        <v>41</v>
      </c>
      <c r="HD36" s="70">
        <v>0</v>
      </c>
      <c r="HE36" s="71">
        <v>0</v>
      </c>
      <c r="HF36" s="72">
        <v>0</v>
      </c>
      <c r="HG36" s="244"/>
      <c r="HH36" s="71">
        <v>1</v>
      </c>
      <c r="HI36" s="71">
        <v>0</v>
      </c>
      <c r="HJ36" s="71">
        <v>0</v>
      </c>
      <c r="HK36" s="71">
        <v>0</v>
      </c>
      <c r="HL36" s="71">
        <v>0</v>
      </c>
      <c r="HM36" s="72">
        <v>1</v>
      </c>
      <c r="HN36" s="73">
        <v>1</v>
      </c>
      <c r="HO36" s="70">
        <v>0</v>
      </c>
      <c r="HP36" s="71">
        <v>0</v>
      </c>
      <c r="HQ36" s="72">
        <v>0</v>
      </c>
      <c r="HR36" s="244"/>
      <c r="HS36" s="71">
        <v>1</v>
      </c>
      <c r="HT36" s="71">
        <v>0</v>
      </c>
      <c r="HU36" s="71">
        <v>1</v>
      </c>
      <c r="HV36" s="71">
        <v>1</v>
      </c>
      <c r="HW36" s="71">
        <v>2</v>
      </c>
      <c r="HX36" s="72">
        <v>5</v>
      </c>
      <c r="HY36" s="73">
        <v>5</v>
      </c>
      <c r="HZ36" s="70">
        <v>0</v>
      </c>
      <c r="IA36" s="71">
        <v>2</v>
      </c>
      <c r="IB36" s="72">
        <v>2</v>
      </c>
      <c r="IC36" s="244"/>
      <c r="ID36" s="71">
        <v>2</v>
      </c>
      <c r="IE36" s="71">
        <v>1</v>
      </c>
      <c r="IF36" s="71">
        <v>0</v>
      </c>
      <c r="IG36" s="71">
        <v>2</v>
      </c>
      <c r="IH36" s="71">
        <v>1</v>
      </c>
      <c r="II36" s="72">
        <v>6</v>
      </c>
      <c r="IJ36" s="73">
        <v>8</v>
      </c>
      <c r="IK36" s="70">
        <v>2</v>
      </c>
      <c r="IL36" s="71">
        <v>0</v>
      </c>
      <c r="IM36" s="72">
        <v>2</v>
      </c>
      <c r="IN36" s="244"/>
      <c r="IO36" s="71">
        <v>0</v>
      </c>
      <c r="IP36" s="71">
        <v>1</v>
      </c>
      <c r="IQ36" s="71">
        <v>0</v>
      </c>
      <c r="IR36" s="71">
        <v>1</v>
      </c>
      <c r="IS36" s="71">
        <v>0</v>
      </c>
      <c r="IT36" s="72">
        <v>2</v>
      </c>
      <c r="IU36" s="73">
        <v>4</v>
      </c>
      <c r="IV36" s="70">
        <v>2</v>
      </c>
      <c r="IW36" s="71">
        <v>1</v>
      </c>
      <c r="IX36" s="72">
        <v>3</v>
      </c>
      <c r="IY36" s="244"/>
      <c r="IZ36" s="71">
        <v>3</v>
      </c>
      <c r="JA36" s="71">
        <v>0</v>
      </c>
      <c r="JB36" s="71">
        <v>1</v>
      </c>
      <c r="JC36" s="71">
        <v>1</v>
      </c>
      <c r="JD36" s="71">
        <v>2</v>
      </c>
      <c r="JE36" s="72">
        <v>7</v>
      </c>
      <c r="JF36" s="73">
        <v>10</v>
      </c>
      <c r="JG36" s="70">
        <v>3</v>
      </c>
      <c r="JH36" s="71">
        <v>2</v>
      </c>
      <c r="JI36" s="72">
        <v>5</v>
      </c>
      <c r="JJ36" s="244"/>
      <c r="JK36" s="71">
        <v>4</v>
      </c>
      <c r="JL36" s="71">
        <v>0</v>
      </c>
      <c r="JM36" s="71">
        <v>3</v>
      </c>
      <c r="JN36" s="71">
        <v>1</v>
      </c>
      <c r="JO36" s="71">
        <v>0</v>
      </c>
      <c r="JP36" s="72">
        <v>8</v>
      </c>
      <c r="JQ36" s="73">
        <v>13</v>
      </c>
      <c r="JR36" s="70">
        <v>0</v>
      </c>
      <c r="JS36" s="71">
        <v>0</v>
      </c>
      <c r="JT36" s="72">
        <v>0</v>
      </c>
      <c r="JU36" s="244"/>
      <c r="JV36" s="71">
        <v>0</v>
      </c>
      <c r="JW36" s="71">
        <v>0</v>
      </c>
      <c r="JX36" s="71">
        <v>0</v>
      </c>
      <c r="JY36" s="71">
        <v>0</v>
      </c>
      <c r="JZ36" s="71">
        <v>0</v>
      </c>
      <c r="KA36" s="72">
        <v>0</v>
      </c>
      <c r="KB36" s="73">
        <v>0</v>
      </c>
      <c r="KC36" s="70">
        <v>7</v>
      </c>
      <c r="KD36" s="71">
        <v>5</v>
      </c>
      <c r="KE36" s="72">
        <v>12</v>
      </c>
      <c r="KF36" s="244"/>
      <c r="KG36" s="71">
        <v>11</v>
      </c>
      <c r="KH36" s="71">
        <v>2</v>
      </c>
      <c r="KI36" s="71">
        <v>5</v>
      </c>
      <c r="KJ36" s="71">
        <v>6</v>
      </c>
      <c r="KK36" s="71">
        <v>5</v>
      </c>
      <c r="KL36" s="72">
        <v>29</v>
      </c>
      <c r="KM36" s="73">
        <v>41</v>
      </c>
    </row>
    <row r="37" spans="2:299" ht="21" customHeight="1" x14ac:dyDescent="0.2">
      <c r="B37" s="126" t="s">
        <v>34</v>
      </c>
      <c r="C37" s="315">
        <v>1</v>
      </c>
      <c r="D37" s="82">
        <v>1</v>
      </c>
      <c r="E37" s="83">
        <v>2</v>
      </c>
      <c r="F37" s="241"/>
      <c r="G37" s="82">
        <v>2</v>
      </c>
      <c r="H37" s="82">
        <v>5</v>
      </c>
      <c r="I37" s="82">
        <v>0</v>
      </c>
      <c r="J37" s="82">
        <v>0</v>
      </c>
      <c r="K37" s="82">
        <v>1</v>
      </c>
      <c r="L37" s="84">
        <v>8</v>
      </c>
      <c r="M37" s="85">
        <v>10</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1</v>
      </c>
      <c r="AL37" s="72">
        <v>1</v>
      </c>
      <c r="AM37" s="244"/>
      <c r="AN37" s="71">
        <v>0</v>
      </c>
      <c r="AO37" s="71">
        <v>1</v>
      </c>
      <c r="AP37" s="71">
        <v>0</v>
      </c>
      <c r="AQ37" s="71">
        <v>0</v>
      </c>
      <c r="AR37" s="71">
        <v>0</v>
      </c>
      <c r="AS37" s="72">
        <v>1</v>
      </c>
      <c r="AT37" s="73">
        <v>2</v>
      </c>
      <c r="AU37" s="70">
        <v>1</v>
      </c>
      <c r="AV37" s="71">
        <v>0</v>
      </c>
      <c r="AW37" s="72">
        <v>1</v>
      </c>
      <c r="AX37" s="244"/>
      <c r="AY37" s="71">
        <v>1</v>
      </c>
      <c r="AZ37" s="71">
        <v>0</v>
      </c>
      <c r="BA37" s="71">
        <v>0</v>
      </c>
      <c r="BB37" s="71">
        <v>0</v>
      </c>
      <c r="BC37" s="71">
        <v>0</v>
      </c>
      <c r="BD37" s="72">
        <v>1</v>
      </c>
      <c r="BE37" s="73">
        <v>2</v>
      </c>
      <c r="BF37" s="70">
        <v>0</v>
      </c>
      <c r="BG37" s="71">
        <v>0</v>
      </c>
      <c r="BH37" s="72">
        <v>0</v>
      </c>
      <c r="BI37" s="244"/>
      <c r="BJ37" s="71">
        <v>0</v>
      </c>
      <c r="BK37" s="71">
        <v>1</v>
      </c>
      <c r="BL37" s="71">
        <v>0</v>
      </c>
      <c r="BM37" s="71">
        <v>0</v>
      </c>
      <c r="BN37" s="71">
        <v>0</v>
      </c>
      <c r="BO37" s="72">
        <v>1</v>
      </c>
      <c r="BP37" s="73">
        <v>1</v>
      </c>
      <c r="BQ37" s="70">
        <v>0</v>
      </c>
      <c r="BR37" s="71">
        <v>0</v>
      </c>
      <c r="BS37" s="72">
        <v>0</v>
      </c>
      <c r="BT37" s="244"/>
      <c r="BU37" s="71">
        <v>1</v>
      </c>
      <c r="BV37" s="71">
        <v>2</v>
      </c>
      <c r="BW37" s="71">
        <v>0</v>
      </c>
      <c r="BX37" s="71">
        <v>0</v>
      </c>
      <c r="BY37" s="71">
        <v>1</v>
      </c>
      <c r="BZ37" s="72">
        <v>4</v>
      </c>
      <c r="CA37" s="73">
        <v>4</v>
      </c>
      <c r="CB37" s="70">
        <v>0</v>
      </c>
      <c r="CC37" s="71">
        <v>0</v>
      </c>
      <c r="CD37" s="72">
        <v>0</v>
      </c>
      <c r="CE37" s="244"/>
      <c r="CF37" s="71">
        <v>0</v>
      </c>
      <c r="CG37" s="71">
        <v>0</v>
      </c>
      <c r="CH37" s="71">
        <v>0</v>
      </c>
      <c r="CI37" s="71">
        <v>0</v>
      </c>
      <c r="CJ37" s="71">
        <v>0</v>
      </c>
      <c r="CK37" s="72">
        <v>0</v>
      </c>
      <c r="CL37" s="73">
        <v>0</v>
      </c>
      <c r="CM37" s="70">
        <v>1</v>
      </c>
      <c r="CN37" s="71">
        <v>1</v>
      </c>
      <c r="CO37" s="72">
        <v>2</v>
      </c>
      <c r="CP37" s="244"/>
      <c r="CQ37" s="71">
        <v>2</v>
      </c>
      <c r="CR37" s="71">
        <v>5</v>
      </c>
      <c r="CS37" s="71">
        <v>0</v>
      </c>
      <c r="CT37" s="71">
        <v>0</v>
      </c>
      <c r="CU37" s="71">
        <v>1</v>
      </c>
      <c r="CV37" s="72">
        <v>8</v>
      </c>
      <c r="CW37" s="73">
        <v>10</v>
      </c>
      <c r="CX37" s="123">
        <v>0</v>
      </c>
      <c r="CY37" s="82">
        <v>0</v>
      </c>
      <c r="CZ37" s="83">
        <v>0</v>
      </c>
      <c r="DA37" s="241"/>
      <c r="DB37" s="82">
        <v>1</v>
      </c>
      <c r="DC37" s="82">
        <v>0</v>
      </c>
      <c r="DD37" s="82">
        <v>1</v>
      </c>
      <c r="DE37" s="82">
        <v>1</v>
      </c>
      <c r="DF37" s="82">
        <v>0</v>
      </c>
      <c r="DG37" s="84">
        <v>3</v>
      </c>
      <c r="DH37" s="85">
        <v>3</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0</v>
      </c>
      <c r="EQ37" s="71">
        <v>0</v>
      </c>
      <c r="ER37" s="72">
        <v>0</v>
      </c>
      <c r="ES37" s="244"/>
      <c r="ET37" s="71">
        <v>0</v>
      </c>
      <c r="EU37" s="71">
        <v>0</v>
      </c>
      <c r="EV37" s="71">
        <v>0</v>
      </c>
      <c r="EW37" s="71">
        <v>1</v>
      </c>
      <c r="EX37" s="71">
        <v>0</v>
      </c>
      <c r="EY37" s="72">
        <v>1</v>
      </c>
      <c r="EZ37" s="73">
        <v>1</v>
      </c>
      <c r="FA37" s="70">
        <v>0</v>
      </c>
      <c r="FB37" s="71">
        <v>0</v>
      </c>
      <c r="FC37" s="72">
        <v>0</v>
      </c>
      <c r="FD37" s="244"/>
      <c r="FE37" s="71">
        <v>1</v>
      </c>
      <c r="FF37" s="71">
        <v>0</v>
      </c>
      <c r="FG37" s="71">
        <v>0</v>
      </c>
      <c r="FH37" s="71">
        <v>0</v>
      </c>
      <c r="FI37" s="71">
        <v>0</v>
      </c>
      <c r="FJ37" s="72">
        <v>1</v>
      </c>
      <c r="FK37" s="73">
        <v>1</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0</v>
      </c>
      <c r="GI37" s="71">
        <v>0</v>
      </c>
      <c r="GJ37" s="72">
        <v>0</v>
      </c>
      <c r="GK37" s="244"/>
      <c r="GL37" s="71">
        <v>1</v>
      </c>
      <c r="GM37" s="71">
        <v>0</v>
      </c>
      <c r="GN37" s="71">
        <v>1</v>
      </c>
      <c r="GO37" s="71">
        <v>1</v>
      </c>
      <c r="GP37" s="71">
        <v>0</v>
      </c>
      <c r="GQ37" s="72">
        <v>3</v>
      </c>
      <c r="GR37" s="73">
        <v>3</v>
      </c>
      <c r="GS37" s="123">
        <v>1</v>
      </c>
      <c r="GT37" s="82">
        <v>1</v>
      </c>
      <c r="GU37" s="83">
        <v>2</v>
      </c>
      <c r="GV37" s="241"/>
      <c r="GW37" s="82">
        <v>3</v>
      </c>
      <c r="GX37" s="82">
        <v>5</v>
      </c>
      <c r="GY37" s="82">
        <v>1</v>
      </c>
      <c r="GZ37" s="82">
        <v>1</v>
      </c>
      <c r="HA37" s="82">
        <v>1</v>
      </c>
      <c r="HB37" s="84">
        <v>11</v>
      </c>
      <c r="HC37" s="85">
        <v>13</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1</v>
      </c>
      <c r="IF37" s="71">
        <v>1</v>
      </c>
      <c r="IG37" s="71">
        <v>0</v>
      </c>
      <c r="IH37" s="71">
        <v>0</v>
      </c>
      <c r="II37" s="72">
        <v>2</v>
      </c>
      <c r="IJ37" s="73">
        <v>3</v>
      </c>
      <c r="IK37" s="70">
        <v>1</v>
      </c>
      <c r="IL37" s="71">
        <v>0</v>
      </c>
      <c r="IM37" s="72">
        <v>1</v>
      </c>
      <c r="IN37" s="244"/>
      <c r="IO37" s="71">
        <v>1</v>
      </c>
      <c r="IP37" s="71">
        <v>0</v>
      </c>
      <c r="IQ37" s="71">
        <v>0</v>
      </c>
      <c r="IR37" s="71">
        <v>1</v>
      </c>
      <c r="IS37" s="71">
        <v>0</v>
      </c>
      <c r="IT37" s="72">
        <v>2</v>
      </c>
      <c r="IU37" s="73">
        <v>3</v>
      </c>
      <c r="IV37" s="70">
        <v>0</v>
      </c>
      <c r="IW37" s="71">
        <v>0</v>
      </c>
      <c r="IX37" s="72">
        <v>0</v>
      </c>
      <c r="IY37" s="244"/>
      <c r="IZ37" s="71">
        <v>1</v>
      </c>
      <c r="JA37" s="71">
        <v>1</v>
      </c>
      <c r="JB37" s="71">
        <v>0</v>
      </c>
      <c r="JC37" s="71">
        <v>0</v>
      </c>
      <c r="JD37" s="71">
        <v>0</v>
      </c>
      <c r="JE37" s="72">
        <v>2</v>
      </c>
      <c r="JF37" s="73">
        <v>2</v>
      </c>
      <c r="JG37" s="70">
        <v>0</v>
      </c>
      <c r="JH37" s="71">
        <v>0</v>
      </c>
      <c r="JI37" s="72">
        <v>0</v>
      </c>
      <c r="JJ37" s="244"/>
      <c r="JK37" s="71">
        <v>1</v>
      </c>
      <c r="JL37" s="71">
        <v>2</v>
      </c>
      <c r="JM37" s="71">
        <v>0</v>
      </c>
      <c r="JN37" s="71">
        <v>0</v>
      </c>
      <c r="JO37" s="71">
        <v>1</v>
      </c>
      <c r="JP37" s="72">
        <v>4</v>
      </c>
      <c r="JQ37" s="73">
        <v>4</v>
      </c>
      <c r="JR37" s="70">
        <v>0</v>
      </c>
      <c r="JS37" s="71">
        <v>0</v>
      </c>
      <c r="JT37" s="72">
        <v>0</v>
      </c>
      <c r="JU37" s="244"/>
      <c r="JV37" s="71">
        <v>0</v>
      </c>
      <c r="JW37" s="71">
        <v>0</v>
      </c>
      <c r="JX37" s="71">
        <v>0</v>
      </c>
      <c r="JY37" s="71">
        <v>0</v>
      </c>
      <c r="JZ37" s="71">
        <v>0</v>
      </c>
      <c r="KA37" s="72">
        <v>0</v>
      </c>
      <c r="KB37" s="73">
        <v>0</v>
      </c>
      <c r="KC37" s="70">
        <v>1</v>
      </c>
      <c r="KD37" s="71">
        <v>1</v>
      </c>
      <c r="KE37" s="72">
        <v>2</v>
      </c>
      <c r="KF37" s="244"/>
      <c r="KG37" s="71">
        <v>3</v>
      </c>
      <c r="KH37" s="71">
        <v>5</v>
      </c>
      <c r="KI37" s="71">
        <v>1</v>
      </c>
      <c r="KJ37" s="71">
        <v>1</v>
      </c>
      <c r="KK37" s="71">
        <v>1</v>
      </c>
      <c r="KL37" s="72">
        <v>11</v>
      </c>
      <c r="KM37" s="73">
        <v>13</v>
      </c>
    </row>
    <row r="38" spans="2:299" ht="21" customHeight="1" x14ac:dyDescent="0.2">
      <c r="B38" s="126" t="s">
        <v>35</v>
      </c>
      <c r="C38" s="315">
        <v>6</v>
      </c>
      <c r="D38" s="82">
        <v>9</v>
      </c>
      <c r="E38" s="83">
        <v>15</v>
      </c>
      <c r="F38" s="241"/>
      <c r="G38" s="82">
        <v>13</v>
      </c>
      <c r="H38" s="82">
        <v>7</v>
      </c>
      <c r="I38" s="82">
        <v>4</v>
      </c>
      <c r="J38" s="82">
        <v>5</v>
      </c>
      <c r="K38" s="82">
        <v>1</v>
      </c>
      <c r="L38" s="84">
        <v>30</v>
      </c>
      <c r="M38" s="85">
        <v>45</v>
      </c>
      <c r="N38" s="70">
        <v>0</v>
      </c>
      <c r="O38" s="71">
        <v>0</v>
      </c>
      <c r="P38" s="72">
        <v>0</v>
      </c>
      <c r="Q38" s="244"/>
      <c r="R38" s="71">
        <v>1</v>
      </c>
      <c r="S38" s="71">
        <v>0</v>
      </c>
      <c r="T38" s="71">
        <v>0</v>
      </c>
      <c r="U38" s="71">
        <v>0</v>
      </c>
      <c r="V38" s="71">
        <v>0</v>
      </c>
      <c r="W38" s="72">
        <v>1</v>
      </c>
      <c r="X38" s="73">
        <v>1</v>
      </c>
      <c r="Y38" s="70">
        <v>0</v>
      </c>
      <c r="Z38" s="71">
        <v>0</v>
      </c>
      <c r="AA38" s="72">
        <v>0</v>
      </c>
      <c r="AB38" s="244"/>
      <c r="AC38" s="71">
        <v>2</v>
      </c>
      <c r="AD38" s="71">
        <v>0</v>
      </c>
      <c r="AE38" s="71">
        <v>0</v>
      </c>
      <c r="AF38" s="71">
        <v>0</v>
      </c>
      <c r="AG38" s="71">
        <v>0</v>
      </c>
      <c r="AH38" s="72">
        <v>2</v>
      </c>
      <c r="AI38" s="73">
        <v>2</v>
      </c>
      <c r="AJ38" s="70">
        <v>1</v>
      </c>
      <c r="AK38" s="71">
        <v>2</v>
      </c>
      <c r="AL38" s="72">
        <v>3</v>
      </c>
      <c r="AM38" s="244"/>
      <c r="AN38" s="71">
        <v>2</v>
      </c>
      <c r="AO38" s="71">
        <v>1</v>
      </c>
      <c r="AP38" s="71">
        <v>2</v>
      </c>
      <c r="AQ38" s="71">
        <v>2</v>
      </c>
      <c r="AR38" s="71">
        <v>0</v>
      </c>
      <c r="AS38" s="72">
        <v>7</v>
      </c>
      <c r="AT38" s="73">
        <v>10</v>
      </c>
      <c r="AU38" s="70">
        <v>1</v>
      </c>
      <c r="AV38" s="71">
        <v>2</v>
      </c>
      <c r="AW38" s="72">
        <v>3</v>
      </c>
      <c r="AX38" s="244"/>
      <c r="AY38" s="71">
        <v>2</v>
      </c>
      <c r="AZ38" s="71">
        <v>2</v>
      </c>
      <c r="BA38" s="71">
        <v>0</v>
      </c>
      <c r="BB38" s="71">
        <v>0</v>
      </c>
      <c r="BC38" s="71">
        <v>0</v>
      </c>
      <c r="BD38" s="72">
        <v>4</v>
      </c>
      <c r="BE38" s="73">
        <v>7</v>
      </c>
      <c r="BF38" s="70">
        <v>0</v>
      </c>
      <c r="BG38" s="71">
        <v>5</v>
      </c>
      <c r="BH38" s="72">
        <v>5</v>
      </c>
      <c r="BI38" s="244"/>
      <c r="BJ38" s="71">
        <v>3</v>
      </c>
      <c r="BK38" s="71">
        <v>1</v>
      </c>
      <c r="BL38" s="71">
        <v>1</v>
      </c>
      <c r="BM38" s="71">
        <v>1</v>
      </c>
      <c r="BN38" s="71">
        <v>1</v>
      </c>
      <c r="BO38" s="72">
        <v>7</v>
      </c>
      <c r="BP38" s="73">
        <v>12</v>
      </c>
      <c r="BQ38" s="70">
        <v>4</v>
      </c>
      <c r="BR38" s="71">
        <v>0</v>
      </c>
      <c r="BS38" s="72">
        <v>4</v>
      </c>
      <c r="BT38" s="244"/>
      <c r="BU38" s="71">
        <v>3</v>
      </c>
      <c r="BV38" s="71">
        <v>3</v>
      </c>
      <c r="BW38" s="71">
        <v>1</v>
      </c>
      <c r="BX38" s="71">
        <v>2</v>
      </c>
      <c r="BY38" s="71">
        <v>0</v>
      </c>
      <c r="BZ38" s="72">
        <v>9</v>
      </c>
      <c r="CA38" s="73">
        <v>13</v>
      </c>
      <c r="CB38" s="70">
        <v>0</v>
      </c>
      <c r="CC38" s="71">
        <v>0</v>
      </c>
      <c r="CD38" s="72">
        <v>0</v>
      </c>
      <c r="CE38" s="244"/>
      <c r="CF38" s="71">
        <v>0</v>
      </c>
      <c r="CG38" s="71">
        <v>0</v>
      </c>
      <c r="CH38" s="71">
        <v>0</v>
      </c>
      <c r="CI38" s="71">
        <v>0</v>
      </c>
      <c r="CJ38" s="71">
        <v>0</v>
      </c>
      <c r="CK38" s="72">
        <v>0</v>
      </c>
      <c r="CL38" s="73">
        <v>0</v>
      </c>
      <c r="CM38" s="70">
        <v>6</v>
      </c>
      <c r="CN38" s="71">
        <v>9</v>
      </c>
      <c r="CO38" s="72">
        <v>15</v>
      </c>
      <c r="CP38" s="244"/>
      <c r="CQ38" s="71">
        <v>13</v>
      </c>
      <c r="CR38" s="71">
        <v>7</v>
      </c>
      <c r="CS38" s="71">
        <v>4</v>
      </c>
      <c r="CT38" s="71">
        <v>5</v>
      </c>
      <c r="CU38" s="71">
        <v>1</v>
      </c>
      <c r="CV38" s="72">
        <v>30</v>
      </c>
      <c r="CW38" s="73">
        <v>45</v>
      </c>
      <c r="CX38" s="123">
        <v>2</v>
      </c>
      <c r="CY38" s="82">
        <v>1</v>
      </c>
      <c r="CZ38" s="83">
        <v>3</v>
      </c>
      <c r="DA38" s="241"/>
      <c r="DB38" s="82">
        <v>5</v>
      </c>
      <c r="DC38" s="82">
        <v>4</v>
      </c>
      <c r="DD38" s="82">
        <v>2</v>
      </c>
      <c r="DE38" s="82">
        <v>8</v>
      </c>
      <c r="DF38" s="82">
        <v>0</v>
      </c>
      <c r="DG38" s="84">
        <v>19</v>
      </c>
      <c r="DH38" s="85">
        <v>22</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1</v>
      </c>
      <c r="DZ38" s="71">
        <v>1</v>
      </c>
      <c r="EA38" s="71">
        <v>0</v>
      </c>
      <c r="EB38" s="71">
        <v>0</v>
      </c>
      <c r="EC38" s="72">
        <v>2</v>
      </c>
      <c r="ED38" s="73">
        <v>2</v>
      </c>
      <c r="EE38" s="70">
        <v>0</v>
      </c>
      <c r="EF38" s="71">
        <v>0</v>
      </c>
      <c r="EG38" s="72">
        <v>0</v>
      </c>
      <c r="EH38" s="244"/>
      <c r="EI38" s="71">
        <v>1</v>
      </c>
      <c r="EJ38" s="71">
        <v>0</v>
      </c>
      <c r="EK38" s="71">
        <v>0</v>
      </c>
      <c r="EL38" s="71">
        <v>0</v>
      </c>
      <c r="EM38" s="71">
        <v>0</v>
      </c>
      <c r="EN38" s="72">
        <v>1</v>
      </c>
      <c r="EO38" s="73">
        <v>1</v>
      </c>
      <c r="EP38" s="70">
        <v>1</v>
      </c>
      <c r="EQ38" s="71">
        <v>0</v>
      </c>
      <c r="ER38" s="72">
        <v>1</v>
      </c>
      <c r="ES38" s="244"/>
      <c r="ET38" s="71">
        <v>2</v>
      </c>
      <c r="EU38" s="71">
        <v>1</v>
      </c>
      <c r="EV38" s="71">
        <v>0</v>
      </c>
      <c r="EW38" s="71">
        <v>2</v>
      </c>
      <c r="EX38" s="71">
        <v>0</v>
      </c>
      <c r="EY38" s="72">
        <v>5</v>
      </c>
      <c r="EZ38" s="73">
        <v>6</v>
      </c>
      <c r="FA38" s="70">
        <v>1</v>
      </c>
      <c r="FB38" s="71">
        <v>0</v>
      </c>
      <c r="FC38" s="72">
        <v>1</v>
      </c>
      <c r="FD38" s="244"/>
      <c r="FE38" s="71">
        <v>2</v>
      </c>
      <c r="FF38" s="71">
        <v>2</v>
      </c>
      <c r="FG38" s="71">
        <v>0</v>
      </c>
      <c r="FH38" s="71">
        <v>1</v>
      </c>
      <c r="FI38" s="71">
        <v>0</v>
      </c>
      <c r="FJ38" s="72">
        <v>5</v>
      </c>
      <c r="FK38" s="73">
        <v>6</v>
      </c>
      <c r="FL38" s="70">
        <v>0</v>
      </c>
      <c r="FM38" s="71">
        <v>1</v>
      </c>
      <c r="FN38" s="72">
        <v>1</v>
      </c>
      <c r="FO38" s="244"/>
      <c r="FP38" s="71">
        <v>0</v>
      </c>
      <c r="FQ38" s="71">
        <v>0</v>
      </c>
      <c r="FR38" s="71">
        <v>1</v>
      </c>
      <c r="FS38" s="71">
        <v>5</v>
      </c>
      <c r="FT38" s="71">
        <v>0</v>
      </c>
      <c r="FU38" s="72">
        <v>6</v>
      </c>
      <c r="FV38" s="73">
        <v>7</v>
      </c>
      <c r="FW38" s="70">
        <v>0</v>
      </c>
      <c r="FX38" s="71">
        <v>0</v>
      </c>
      <c r="FY38" s="72">
        <v>0</v>
      </c>
      <c r="FZ38" s="244"/>
      <c r="GA38" s="71">
        <v>0</v>
      </c>
      <c r="GB38" s="71">
        <v>0</v>
      </c>
      <c r="GC38" s="71">
        <v>0</v>
      </c>
      <c r="GD38" s="71">
        <v>0</v>
      </c>
      <c r="GE38" s="71">
        <v>0</v>
      </c>
      <c r="GF38" s="72">
        <v>0</v>
      </c>
      <c r="GG38" s="73">
        <v>0</v>
      </c>
      <c r="GH38" s="70">
        <v>2</v>
      </c>
      <c r="GI38" s="71">
        <v>1</v>
      </c>
      <c r="GJ38" s="72">
        <v>3</v>
      </c>
      <c r="GK38" s="244"/>
      <c r="GL38" s="71">
        <v>5</v>
      </c>
      <c r="GM38" s="71">
        <v>4</v>
      </c>
      <c r="GN38" s="71">
        <v>2</v>
      </c>
      <c r="GO38" s="71">
        <v>8</v>
      </c>
      <c r="GP38" s="71">
        <v>0</v>
      </c>
      <c r="GQ38" s="72">
        <v>19</v>
      </c>
      <c r="GR38" s="73">
        <v>22</v>
      </c>
      <c r="GS38" s="123">
        <v>8</v>
      </c>
      <c r="GT38" s="82">
        <v>10</v>
      </c>
      <c r="GU38" s="83">
        <v>18</v>
      </c>
      <c r="GV38" s="241"/>
      <c r="GW38" s="82">
        <v>18</v>
      </c>
      <c r="GX38" s="82">
        <v>11</v>
      </c>
      <c r="GY38" s="82">
        <v>6</v>
      </c>
      <c r="GZ38" s="82">
        <v>13</v>
      </c>
      <c r="HA38" s="82">
        <v>1</v>
      </c>
      <c r="HB38" s="84">
        <v>49</v>
      </c>
      <c r="HC38" s="85">
        <v>67</v>
      </c>
      <c r="HD38" s="70">
        <v>0</v>
      </c>
      <c r="HE38" s="71">
        <v>0</v>
      </c>
      <c r="HF38" s="72">
        <v>0</v>
      </c>
      <c r="HG38" s="244"/>
      <c r="HH38" s="71">
        <v>1</v>
      </c>
      <c r="HI38" s="71">
        <v>0</v>
      </c>
      <c r="HJ38" s="71">
        <v>0</v>
      </c>
      <c r="HK38" s="71">
        <v>0</v>
      </c>
      <c r="HL38" s="71">
        <v>0</v>
      </c>
      <c r="HM38" s="72">
        <v>1</v>
      </c>
      <c r="HN38" s="73">
        <v>1</v>
      </c>
      <c r="HO38" s="70">
        <v>0</v>
      </c>
      <c r="HP38" s="71">
        <v>0</v>
      </c>
      <c r="HQ38" s="72">
        <v>0</v>
      </c>
      <c r="HR38" s="244"/>
      <c r="HS38" s="71">
        <v>2</v>
      </c>
      <c r="HT38" s="71">
        <v>1</v>
      </c>
      <c r="HU38" s="71">
        <v>1</v>
      </c>
      <c r="HV38" s="71">
        <v>0</v>
      </c>
      <c r="HW38" s="71">
        <v>0</v>
      </c>
      <c r="HX38" s="72">
        <v>4</v>
      </c>
      <c r="HY38" s="73">
        <v>4</v>
      </c>
      <c r="HZ38" s="70">
        <v>1</v>
      </c>
      <c r="IA38" s="71">
        <v>2</v>
      </c>
      <c r="IB38" s="72">
        <v>3</v>
      </c>
      <c r="IC38" s="244"/>
      <c r="ID38" s="71">
        <v>3</v>
      </c>
      <c r="IE38" s="71">
        <v>1</v>
      </c>
      <c r="IF38" s="71">
        <v>2</v>
      </c>
      <c r="IG38" s="71">
        <v>2</v>
      </c>
      <c r="IH38" s="71">
        <v>0</v>
      </c>
      <c r="II38" s="72">
        <v>8</v>
      </c>
      <c r="IJ38" s="73">
        <v>11</v>
      </c>
      <c r="IK38" s="70">
        <v>2</v>
      </c>
      <c r="IL38" s="71">
        <v>2</v>
      </c>
      <c r="IM38" s="72">
        <v>4</v>
      </c>
      <c r="IN38" s="244"/>
      <c r="IO38" s="71">
        <v>4</v>
      </c>
      <c r="IP38" s="71">
        <v>3</v>
      </c>
      <c r="IQ38" s="71">
        <v>0</v>
      </c>
      <c r="IR38" s="71">
        <v>2</v>
      </c>
      <c r="IS38" s="71">
        <v>0</v>
      </c>
      <c r="IT38" s="72">
        <v>9</v>
      </c>
      <c r="IU38" s="73">
        <v>13</v>
      </c>
      <c r="IV38" s="70">
        <v>1</v>
      </c>
      <c r="IW38" s="71">
        <v>5</v>
      </c>
      <c r="IX38" s="72">
        <v>6</v>
      </c>
      <c r="IY38" s="244"/>
      <c r="IZ38" s="71">
        <v>5</v>
      </c>
      <c r="JA38" s="71">
        <v>3</v>
      </c>
      <c r="JB38" s="71">
        <v>1</v>
      </c>
      <c r="JC38" s="71">
        <v>2</v>
      </c>
      <c r="JD38" s="71">
        <v>1</v>
      </c>
      <c r="JE38" s="72">
        <v>12</v>
      </c>
      <c r="JF38" s="73">
        <v>18</v>
      </c>
      <c r="JG38" s="70">
        <v>4</v>
      </c>
      <c r="JH38" s="71">
        <v>1</v>
      </c>
      <c r="JI38" s="72">
        <v>5</v>
      </c>
      <c r="JJ38" s="244"/>
      <c r="JK38" s="71">
        <v>3</v>
      </c>
      <c r="JL38" s="71">
        <v>3</v>
      </c>
      <c r="JM38" s="71">
        <v>2</v>
      </c>
      <c r="JN38" s="71">
        <v>7</v>
      </c>
      <c r="JO38" s="71">
        <v>0</v>
      </c>
      <c r="JP38" s="72">
        <v>15</v>
      </c>
      <c r="JQ38" s="73">
        <v>20</v>
      </c>
      <c r="JR38" s="70">
        <v>0</v>
      </c>
      <c r="JS38" s="71">
        <v>0</v>
      </c>
      <c r="JT38" s="72">
        <v>0</v>
      </c>
      <c r="JU38" s="244"/>
      <c r="JV38" s="71">
        <v>0</v>
      </c>
      <c r="JW38" s="71">
        <v>0</v>
      </c>
      <c r="JX38" s="71">
        <v>0</v>
      </c>
      <c r="JY38" s="71">
        <v>0</v>
      </c>
      <c r="JZ38" s="71">
        <v>0</v>
      </c>
      <c r="KA38" s="72">
        <v>0</v>
      </c>
      <c r="KB38" s="73">
        <v>0</v>
      </c>
      <c r="KC38" s="70">
        <v>8</v>
      </c>
      <c r="KD38" s="71">
        <v>10</v>
      </c>
      <c r="KE38" s="72">
        <v>18</v>
      </c>
      <c r="KF38" s="244"/>
      <c r="KG38" s="71">
        <v>18</v>
      </c>
      <c r="KH38" s="71">
        <v>11</v>
      </c>
      <c r="KI38" s="71">
        <v>6</v>
      </c>
      <c r="KJ38" s="71">
        <v>13</v>
      </c>
      <c r="KK38" s="71">
        <v>1</v>
      </c>
      <c r="KL38" s="72">
        <v>49</v>
      </c>
      <c r="KM38" s="73">
        <v>67</v>
      </c>
    </row>
    <row r="39" spans="2:299" ht="21" customHeight="1" x14ac:dyDescent="0.2">
      <c r="B39" s="126" t="s">
        <v>36</v>
      </c>
      <c r="C39" s="315">
        <v>3</v>
      </c>
      <c r="D39" s="82">
        <v>8</v>
      </c>
      <c r="E39" s="83">
        <v>11</v>
      </c>
      <c r="F39" s="241"/>
      <c r="G39" s="82">
        <v>7</v>
      </c>
      <c r="H39" s="82">
        <v>4</v>
      </c>
      <c r="I39" s="82">
        <v>3</v>
      </c>
      <c r="J39" s="82">
        <v>4</v>
      </c>
      <c r="K39" s="82">
        <v>2</v>
      </c>
      <c r="L39" s="84">
        <v>20</v>
      </c>
      <c r="M39" s="85">
        <v>31</v>
      </c>
      <c r="N39" s="70">
        <v>0</v>
      </c>
      <c r="O39" s="71">
        <v>0</v>
      </c>
      <c r="P39" s="72">
        <v>0</v>
      </c>
      <c r="Q39" s="244"/>
      <c r="R39" s="71">
        <v>0</v>
      </c>
      <c r="S39" s="71">
        <v>0</v>
      </c>
      <c r="T39" s="71">
        <v>0</v>
      </c>
      <c r="U39" s="71">
        <v>0</v>
      </c>
      <c r="V39" s="71">
        <v>0</v>
      </c>
      <c r="W39" s="72">
        <v>0</v>
      </c>
      <c r="X39" s="73">
        <v>0</v>
      </c>
      <c r="Y39" s="70">
        <v>0</v>
      </c>
      <c r="Z39" s="71">
        <v>0</v>
      </c>
      <c r="AA39" s="72">
        <v>0</v>
      </c>
      <c r="AB39" s="244"/>
      <c r="AC39" s="71">
        <v>0</v>
      </c>
      <c r="AD39" s="71">
        <v>1</v>
      </c>
      <c r="AE39" s="71">
        <v>0</v>
      </c>
      <c r="AF39" s="71">
        <v>0</v>
      </c>
      <c r="AG39" s="71">
        <v>0</v>
      </c>
      <c r="AH39" s="72">
        <v>1</v>
      </c>
      <c r="AI39" s="73">
        <v>1</v>
      </c>
      <c r="AJ39" s="70">
        <v>2</v>
      </c>
      <c r="AK39" s="71">
        <v>0</v>
      </c>
      <c r="AL39" s="72">
        <v>2</v>
      </c>
      <c r="AM39" s="244"/>
      <c r="AN39" s="71">
        <v>2</v>
      </c>
      <c r="AO39" s="71">
        <v>0</v>
      </c>
      <c r="AP39" s="71">
        <v>0</v>
      </c>
      <c r="AQ39" s="71">
        <v>0</v>
      </c>
      <c r="AR39" s="71">
        <v>1</v>
      </c>
      <c r="AS39" s="72">
        <v>3</v>
      </c>
      <c r="AT39" s="73">
        <v>5</v>
      </c>
      <c r="AU39" s="70">
        <v>0</v>
      </c>
      <c r="AV39" s="71">
        <v>5</v>
      </c>
      <c r="AW39" s="72">
        <v>5</v>
      </c>
      <c r="AX39" s="244"/>
      <c r="AY39" s="71">
        <v>2</v>
      </c>
      <c r="AZ39" s="71">
        <v>2</v>
      </c>
      <c r="BA39" s="71">
        <v>1</v>
      </c>
      <c r="BB39" s="71">
        <v>0</v>
      </c>
      <c r="BC39" s="71">
        <v>1</v>
      </c>
      <c r="BD39" s="72">
        <v>6</v>
      </c>
      <c r="BE39" s="73">
        <v>11</v>
      </c>
      <c r="BF39" s="70">
        <v>0</v>
      </c>
      <c r="BG39" s="71">
        <v>3</v>
      </c>
      <c r="BH39" s="72">
        <v>3</v>
      </c>
      <c r="BI39" s="244"/>
      <c r="BJ39" s="71">
        <v>0</v>
      </c>
      <c r="BK39" s="71">
        <v>0</v>
      </c>
      <c r="BL39" s="71">
        <v>0</v>
      </c>
      <c r="BM39" s="71">
        <v>3</v>
      </c>
      <c r="BN39" s="71">
        <v>0</v>
      </c>
      <c r="BO39" s="72">
        <v>3</v>
      </c>
      <c r="BP39" s="73">
        <v>6</v>
      </c>
      <c r="BQ39" s="70">
        <v>1</v>
      </c>
      <c r="BR39" s="71">
        <v>0</v>
      </c>
      <c r="BS39" s="72">
        <v>1</v>
      </c>
      <c r="BT39" s="244"/>
      <c r="BU39" s="71">
        <v>3</v>
      </c>
      <c r="BV39" s="71">
        <v>1</v>
      </c>
      <c r="BW39" s="71">
        <v>2</v>
      </c>
      <c r="BX39" s="71">
        <v>1</v>
      </c>
      <c r="BY39" s="71">
        <v>0</v>
      </c>
      <c r="BZ39" s="72">
        <v>7</v>
      </c>
      <c r="CA39" s="73">
        <v>8</v>
      </c>
      <c r="CB39" s="70">
        <v>0</v>
      </c>
      <c r="CC39" s="71">
        <v>0</v>
      </c>
      <c r="CD39" s="72">
        <v>0</v>
      </c>
      <c r="CE39" s="244"/>
      <c r="CF39" s="71">
        <v>0</v>
      </c>
      <c r="CG39" s="71">
        <v>0</v>
      </c>
      <c r="CH39" s="71">
        <v>0</v>
      </c>
      <c r="CI39" s="71">
        <v>0</v>
      </c>
      <c r="CJ39" s="71">
        <v>0</v>
      </c>
      <c r="CK39" s="72">
        <v>0</v>
      </c>
      <c r="CL39" s="73">
        <v>0</v>
      </c>
      <c r="CM39" s="70">
        <v>3</v>
      </c>
      <c r="CN39" s="71">
        <v>8</v>
      </c>
      <c r="CO39" s="72">
        <v>11</v>
      </c>
      <c r="CP39" s="244"/>
      <c r="CQ39" s="71">
        <v>7</v>
      </c>
      <c r="CR39" s="71">
        <v>4</v>
      </c>
      <c r="CS39" s="71">
        <v>3</v>
      </c>
      <c r="CT39" s="71">
        <v>4</v>
      </c>
      <c r="CU39" s="71">
        <v>2</v>
      </c>
      <c r="CV39" s="72">
        <v>20</v>
      </c>
      <c r="CW39" s="73">
        <v>31</v>
      </c>
      <c r="CX39" s="123">
        <v>3</v>
      </c>
      <c r="CY39" s="82">
        <v>4</v>
      </c>
      <c r="CZ39" s="83">
        <v>7</v>
      </c>
      <c r="DA39" s="241"/>
      <c r="DB39" s="82">
        <v>7</v>
      </c>
      <c r="DC39" s="82">
        <v>2</v>
      </c>
      <c r="DD39" s="82">
        <v>4</v>
      </c>
      <c r="DE39" s="82">
        <v>5</v>
      </c>
      <c r="DF39" s="82">
        <v>2</v>
      </c>
      <c r="DG39" s="84">
        <v>20</v>
      </c>
      <c r="DH39" s="85">
        <v>27</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2</v>
      </c>
      <c r="EG39" s="72">
        <v>2</v>
      </c>
      <c r="EH39" s="244"/>
      <c r="EI39" s="71">
        <v>1</v>
      </c>
      <c r="EJ39" s="71">
        <v>0</v>
      </c>
      <c r="EK39" s="71">
        <v>0</v>
      </c>
      <c r="EL39" s="71">
        <v>0</v>
      </c>
      <c r="EM39" s="71">
        <v>0</v>
      </c>
      <c r="EN39" s="72">
        <v>1</v>
      </c>
      <c r="EO39" s="73">
        <v>3</v>
      </c>
      <c r="EP39" s="70">
        <v>1</v>
      </c>
      <c r="EQ39" s="71">
        <v>1</v>
      </c>
      <c r="ER39" s="72">
        <v>2</v>
      </c>
      <c r="ES39" s="244"/>
      <c r="ET39" s="71">
        <v>2</v>
      </c>
      <c r="EU39" s="71">
        <v>0</v>
      </c>
      <c r="EV39" s="71">
        <v>1</v>
      </c>
      <c r="EW39" s="71">
        <v>0</v>
      </c>
      <c r="EX39" s="71">
        <v>0</v>
      </c>
      <c r="EY39" s="72">
        <v>3</v>
      </c>
      <c r="EZ39" s="73">
        <v>5</v>
      </c>
      <c r="FA39" s="70">
        <v>1</v>
      </c>
      <c r="FB39" s="71">
        <v>1</v>
      </c>
      <c r="FC39" s="72">
        <v>2</v>
      </c>
      <c r="FD39" s="244"/>
      <c r="FE39" s="71">
        <v>2</v>
      </c>
      <c r="FF39" s="71">
        <v>1</v>
      </c>
      <c r="FG39" s="71">
        <v>1</v>
      </c>
      <c r="FH39" s="71">
        <v>4</v>
      </c>
      <c r="FI39" s="71">
        <v>0</v>
      </c>
      <c r="FJ39" s="72">
        <v>8</v>
      </c>
      <c r="FK39" s="73">
        <v>10</v>
      </c>
      <c r="FL39" s="70">
        <v>1</v>
      </c>
      <c r="FM39" s="71">
        <v>0</v>
      </c>
      <c r="FN39" s="72">
        <v>1</v>
      </c>
      <c r="FO39" s="244"/>
      <c r="FP39" s="71">
        <v>2</v>
      </c>
      <c r="FQ39" s="71">
        <v>1</v>
      </c>
      <c r="FR39" s="71">
        <v>2</v>
      </c>
      <c r="FS39" s="71">
        <v>1</v>
      </c>
      <c r="FT39" s="71">
        <v>2</v>
      </c>
      <c r="FU39" s="72">
        <v>8</v>
      </c>
      <c r="FV39" s="73">
        <v>9</v>
      </c>
      <c r="FW39" s="70">
        <v>0</v>
      </c>
      <c r="FX39" s="71">
        <v>0</v>
      </c>
      <c r="FY39" s="72">
        <v>0</v>
      </c>
      <c r="FZ39" s="244"/>
      <c r="GA39" s="71">
        <v>0</v>
      </c>
      <c r="GB39" s="71">
        <v>0</v>
      </c>
      <c r="GC39" s="71">
        <v>0</v>
      </c>
      <c r="GD39" s="71">
        <v>0</v>
      </c>
      <c r="GE39" s="71">
        <v>0</v>
      </c>
      <c r="GF39" s="72">
        <v>0</v>
      </c>
      <c r="GG39" s="73">
        <v>0</v>
      </c>
      <c r="GH39" s="70">
        <v>3</v>
      </c>
      <c r="GI39" s="71">
        <v>4</v>
      </c>
      <c r="GJ39" s="72">
        <v>7</v>
      </c>
      <c r="GK39" s="244"/>
      <c r="GL39" s="71">
        <v>7</v>
      </c>
      <c r="GM39" s="71">
        <v>2</v>
      </c>
      <c r="GN39" s="71">
        <v>4</v>
      </c>
      <c r="GO39" s="71">
        <v>5</v>
      </c>
      <c r="GP39" s="71">
        <v>2</v>
      </c>
      <c r="GQ39" s="72">
        <v>20</v>
      </c>
      <c r="GR39" s="73">
        <v>27</v>
      </c>
      <c r="GS39" s="123">
        <v>6</v>
      </c>
      <c r="GT39" s="82">
        <v>12</v>
      </c>
      <c r="GU39" s="83">
        <v>18</v>
      </c>
      <c r="GV39" s="241"/>
      <c r="GW39" s="82">
        <v>14</v>
      </c>
      <c r="GX39" s="82">
        <v>6</v>
      </c>
      <c r="GY39" s="82">
        <v>7</v>
      </c>
      <c r="GZ39" s="82">
        <v>9</v>
      </c>
      <c r="HA39" s="82">
        <v>4</v>
      </c>
      <c r="HB39" s="84">
        <v>40</v>
      </c>
      <c r="HC39" s="85">
        <v>58</v>
      </c>
      <c r="HD39" s="70">
        <v>0</v>
      </c>
      <c r="HE39" s="71">
        <v>0</v>
      </c>
      <c r="HF39" s="72">
        <v>0</v>
      </c>
      <c r="HG39" s="244"/>
      <c r="HH39" s="71">
        <v>0</v>
      </c>
      <c r="HI39" s="71">
        <v>0</v>
      </c>
      <c r="HJ39" s="71">
        <v>0</v>
      </c>
      <c r="HK39" s="71">
        <v>0</v>
      </c>
      <c r="HL39" s="71">
        <v>0</v>
      </c>
      <c r="HM39" s="72">
        <v>0</v>
      </c>
      <c r="HN39" s="73">
        <v>0</v>
      </c>
      <c r="HO39" s="70">
        <v>0</v>
      </c>
      <c r="HP39" s="71">
        <v>0</v>
      </c>
      <c r="HQ39" s="72">
        <v>0</v>
      </c>
      <c r="HR39" s="244"/>
      <c r="HS39" s="71">
        <v>0</v>
      </c>
      <c r="HT39" s="71">
        <v>1</v>
      </c>
      <c r="HU39" s="71">
        <v>0</v>
      </c>
      <c r="HV39" s="71">
        <v>0</v>
      </c>
      <c r="HW39" s="71">
        <v>0</v>
      </c>
      <c r="HX39" s="72">
        <v>1</v>
      </c>
      <c r="HY39" s="73">
        <v>1</v>
      </c>
      <c r="HZ39" s="70">
        <v>2</v>
      </c>
      <c r="IA39" s="71">
        <v>2</v>
      </c>
      <c r="IB39" s="72">
        <v>4</v>
      </c>
      <c r="IC39" s="244"/>
      <c r="ID39" s="71">
        <v>3</v>
      </c>
      <c r="IE39" s="71">
        <v>0</v>
      </c>
      <c r="IF39" s="71">
        <v>0</v>
      </c>
      <c r="IG39" s="71">
        <v>0</v>
      </c>
      <c r="IH39" s="71">
        <v>1</v>
      </c>
      <c r="II39" s="72">
        <v>4</v>
      </c>
      <c r="IJ39" s="73">
        <v>8</v>
      </c>
      <c r="IK39" s="70">
        <v>1</v>
      </c>
      <c r="IL39" s="71">
        <v>6</v>
      </c>
      <c r="IM39" s="72">
        <v>7</v>
      </c>
      <c r="IN39" s="244"/>
      <c r="IO39" s="71">
        <v>4</v>
      </c>
      <c r="IP39" s="71">
        <v>2</v>
      </c>
      <c r="IQ39" s="71">
        <v>2</v>
      </c>
      <c r="IR39" s="71">
        <v>0</v>
      </c>
      <c r="IS39" s="71">
        <v>1</v>
      </c>
      <c r="IT39" s="72">
        <v>9</v>
      </c>
      <c r="IU39" s="73">
        <v>16</v>
      </c>
      <c r="IV39" s="70">
        <v>1</v>
      </c>
      <c r="IW39" s="71">
        <v>4</v>
      </c>
      <c r="IX39" s="72">
        <v>5</v>
      </c>
      <c r="IY39" s="244"/>
      <c r="IZ39" s="71">
        <v>2</v>
      </c>
      <c r="JA39" s="71">
        <v>1</v>
      </c>
      <c r="JB39" s="71">
        <v>1</v>
      </c>
      <c r="JC39" s="71">
        <v>7</v>
      </c>
      <c r="JD39" s="71">
        <v>0</v>
      </c>
      <c r="JE39" s="72">
        <v>11</v>
      </c>
      <c r="JF39" s="73">
        <v>16</v>
      </c>
      <c r="JG39" s="70">
        <v>2</v>
      </c>
      <c r="JH39" s="71">
        <v>0</v>
      </c>
      <c r="JI39" s="72">
        <v>2</v>
      </c>
      <c r="JJ39" s="244"/>
      <c r="JK39" s="71">
        <v>5</v>
      </c>
      <c r="JL39" s="71">
        <v>2</v>
      </c>
      <c r="JM39" s="71">
        <v>4</v>
      </c>
      <c r="JN39" s="71">
        <v>2</v>
      </c>
      <c r="JO39" s="71">
        <v>2</v>
      </c>
      <c r="JP39" s="72">
        <v>15</v>
      </c>
      <c r="JQ39" s="73">
        <v>17</v>
      </c>
      <c r="JR39" s="70">
        <v>0</v>
      </c>
      <c r="JS39" s="71">
        <v>0</v>
      </c>
      <c r="JT39" s="72">
        <v>0</v>
      </c>
      <c r="JU39" s="244"/>
      <c r="JV39" s="71">
        <v>0</v>
      </c>
      <c r="JW39" s="71">
        <v>0</v>
      </c>
      <c r="JX39" s="71">
        <v>0</v>
      </c>
      <c r="JY39" s="71">
        <v>0</v>
      </c>
      <c r="JZ39" s="71">
        <v>0</v>
      </c>
      <c r="KA39" s="72">
        <v>0</v>
      </c>
      <c r="KB39" s="73">
        <v>0</v>
      </c>
      <c r="KC39" s="70">
        <v>6</v>
      </c>
      <c r="KD39" s="71">
        <v>12</v>
      </c>
      <c r="KE39" s="72">
        <v>18</v>
      </c>
      <c r="KF39" s="244"/>
      <c r="KG39" s="71">
        <v>14</v>
      </c>
      <c r="KH39" s="71">
        <v>6</v>
      </c>
      <c r="KI39" s="71">
        <v>7</v>
      </c>
      <c r="KJ39" s="71">
        <v>9</v>
      </c>
      <c r="KK39" s="71">
        <v>4</v>
      </c>
      <c r="KL39" s="72">
        <v>40</v>
      </c>
      <c r="KM39" s="73">
        <v>58</v>
      </c>
    </row>
    <row r="40" spans="2:299" ht="21" customHeight="1" thickBot="1" x14ac:dyDescent="0.25">
      <c r="B40" s="127" t="s">
        <v>37</v>
      </c>
      <c r="C40" s="316">
        <v>0</v>
      </c>
      <c r="D40" s="87">
        <v>1</v>
      </c>
      <c r="E40" s="88">
        <v>1</v>
      </c>
      <c r="F40" s="242"/>
      <c r="G40" s="87">
        <v>0</v>
      </c>
      <c r="H40" s="87">
        <v>0</v>
      </c>
      <c r="I40" s="87">
        <v>0</v>
      </c>
      <c r="J40" s="87">
        <v>1</v>
      </c>
      <c r="K40" s="87">
        <v>1</v>
      </c>
      <c r="L40" s="89">
        <v>2</v>
      </c>
      <c r="M40" s="90">
        <v>3</v>
      </c>
      <c r="N40" s="74">
        <v>0</v>
      </c>
      <c r="O40" s="75">
        <v>0</v>
      </c>
      <c r="P40" s="76">
        <v>0</v>
      </c>
      <c r="Q40" s="245"/>
      <c r="R40" s="75">
        <v>0</v>
      </c>
      <c r="S40" s="75">
        <v>0</v>
      </c>
      <c r="T40" s="75">
        <v>0</v>
      </c>
      <c r="U40" s="75">
        <v>0</v>
      </c>
      <c r="V40" s="75">
        <v>0</v>
      </c>
      <c r="W40" s="76">
        <v>0</v>
      </c>
      <c r="X40" s="77">
        <v>0</v>
      </c>
      <c r="Y40" s="74">
        <v>0</v>
      </c>
      <c r="Z40" s="75">
        <v>1</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1</v>
      </c>
      <c r="BD40" s="76">
        <v>2</v>
      </c>
      <c r="BE40" s="77">
        <v>2</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0</v>
      </c>
      <c r="CS40" s="75">
        <v>0</v>
      </c>
      <c r="CT40" s="75">
        <v>1</v>
      </c>
      <c r="CU40" s="75">
        <v>1</v>
      </c>
      <c r="CV40" s="76">
        <v>2</v>
      </c>
      <c r="CW40" s="77">
        <v>3</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1</v>
      </c>
      <c r="GU40" s="88">
        <v>1</v>
      </c>
      <c r="GV40" s="242"/>
      <c r="GW40" s="87">
        <v>0</v>
      </c>
      <c r="GX40" s="87">
        <v>0</v>
      </c>
      <c r="GY40" s="87">
        <v>0</v>
      </c>
      <c r="GZ40" s="87">
        <v>1</v>
      </c>
      <c r="HA40" s="87">
        <v>2</v>
      </c>
      <c r="HB40" s="89">
        <v>3</v>
      </c>
      <c r="HC40" s="90">
        <v>4</v>
      </c>
      <c r="HD40" s="74">
        <v>0</v>
      </c>
      <c r="HE40" s="75">
        <v>0</v>
      </c>
      <c r="HF40" s="76">
        <v>0</v>
      </c>
      <c r="HG40" s="245"/>
      <c r="HH40" s="75">
        <v>0</v>
      </c>
      <c r="HI40" s="75">
        <v>0</v>
      </c>
      <c r="HJ40" s="75">
        <v>0</v>
      </c>
      <c r="HK40" s="75">
        <v>0</v>
      </c>
      <c r="HL40" s="75">
        <v>0</v>
      </c>
      <c r="HM40" s="76">
        <v>0</v>
      </c>
      <c r="HN40" s="77">
        <v>0</v>
      </c>
      <c r="HO40" s="74">
        <v>0</v>
      </c>
      <c r="HP40" s="75">
        <v>1</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1</v>
      </c>
      <c r="IT40" s="76">
        <v>2</v>
      </c>
      <c r="IU40" s="77">
        <v>2</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0</v>
      </c>
      <c r="KI40" s="75">
        <v>0</v>
      </c>
      <c r="KJ40" s="75">
        <v>1</v>
      </c>
      <c r="KK40" s="75">
        <v>2</v>
      </c>
      <c r="KL40" s="76">
        <v>3</v>
      </c>
      <c r="KM40" s="77">
        <v>4</v>
      </c>
    </row>
    <row r="41" spans="2:299" ht="32.25" customHeight="1" x14ac:dyDescent="0.2">
      <c r="C41" s="310"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8.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24">
        <f>第１表!F2</f>
        <v>4</v>
      </c>
      <c r="H1" s="524"/>
      <c r="I1" s="248">
        <f>第１表!G2</f>
        <v>11</v>
      </c>
      <c r="J1" s="529">
        <f>IF(I1&lt;3,I1+12-2,I1-2)</f>
        <v>9</v>
      </c>
      <c r="K1" s="529"/>
    </row>
    <row r="2" spans="2:35" ht="24" customHeight="1" thickBot="1" x14ac:dyDescent="0.25">
      <c r="B2" s="291"/>
      <c r="J2" s="24"/>
      <c r="K2" s="24"/>
      <c r="L2" s="24"/>
      <c r="M2" s="24"/>
      <c r="N2" s="24"/>
      <c r="O2" s="24"/>
      <c r="P2" s="25"/>
      <c r="Q2" s="25"/>
      <c r="R2" s="25"/>
    </row>
    <row r="3" spans="2:35" s="44" customFormat="1" ht="21" customHeight="1" thickBot="1" x14ac:dyDescent="0.25">
      <c r="B3" s="54"/>
      <c r="C3" s="526" t="s">
        <v>53</v>
      </c>
      <c r="D3" s="527"/>
      <c r="E3" s="527"/>
      <c r="F3" s="527"/>
      <c r="G3" s="527"/>
      <c r="H3" s="527"/>
      <c r="I3" s="527"/>
      <c r="J3" s="527"/>
      <c r="K3" s="527"/>
      <c r="L3" s="527"/>
      <c r="M3" s="528"/>
      <c r="N3" s="526" t="s">
        <v>54</v>
      </c>
      <c r="O3" s="527"/>
      <c r="P3" s="527"/>
      <c r="Q3" s="527"/>
      <c r="R3" s="527"/>
      <c r="S3" s="527"/>
      <c r="T3" s="527"/>
      <c r="U3" s="527"/>
      <c r="V3" s="527"/>
      <c r="W3" s="527"/>
      <c r="X3" s="528"/>
      <c r="Y3" s="526" t="s">
        <v>55</v>
      </c>
      <c r="Z3" s="527"/>
      <c r="AA3" s="527"/>
      <c r="AB3" s="527"/>
      <c r="AC3" s="527"/>
      <c r="AD3" s="527"/>
      <c r="AE3" s="527"/>
      <c r="AF3" s="527"/>
      <c r="AG3" s="527"/>
      <c r="AH3" s="527"/>
      <c r="AI3" s="528"/>
    </row>
    <row r="4" spans="2:35" s="44" customFormat="1" ht="30"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21" customHeight="1" x14ac:dyDescent="0.2">
      <c r="B5" s="46" t="s">
        <v>4</v>
      </c>
      <c r="C5" s="215">
        <v>16154</v>
      </c>
      <c r="D5" s="216">
        <v>28376</v>
      </c>
      <c r="E5" s="217">
        <v>44530</v>
      </c>
      <c r="F5" s="212">
        <v>0</v>
      </c>
      <c r="G5" s="216">
        <v>59780</v>
      </c>
      <c r="H5" s="216">
        <v>59832</v>
      </c>
      <c r="I5" s="216">
        <v>35060</v>
      </c>
      <c r="J5" s="216">
        <v>27475</v>
      </c>
      <c r="K5" s="216">
        <v>16455</v>
      </c>
      <c r="L5" s="217">
        <v>198602</v>
      </c>
      <c r="M5" s="218">
        <v>243132</v>
      </c>
      <c r="N5" s="219">
        <v>277</v>
      </c>
      <c r="O5" s="216">
        <v>798</v>
      </c>
      <c r="P5" s="217">
        <v>1075</v>
      </c>
      <c r="Q5" s="212">
        <v>0</v>
      </c>
      <c r="R5" s="216">
        <v>1068</v>
      </c>
      <c r="S5" s="216">
        <v>1861</v>
      </c>
      <c r="T5" s="216">
        <v>1010</v>
      </c>
      <c r="U5" s="216">
        <v>813</v>
      </c>
      <c r="V5" s="216">
        <v>722</v>
      </c>
      <c r="W5" s="217">
        <v>5474</v>
      </c>
      <c r="X5" s="218">
        <v>6549</v>
      </c>
      <c r="Y5" s="215">
        <v>16431</v>
      </c>
      <c r="Z5" s="216">
        <v>29174</v>
      </c>
      <c r="AA5" s="217">
        <v>45605</v>
      </c>
      <c r="AB5" s="212">
        <v>0</v>
      </c>
      <c r="AC5" s="216">
        <v>60848</v>
      </c>
      <c r="AD5" s="216">
        <v>61693</v>
      </c>
      <c r="AE5" s="216">
        <v>36070</v>
      </c>
      <c r="AF5" s="216">
        <v>28288</v>
      </c>
      <c r="AG5" s="216">
        <v>17177</v>
      </c>
      <c r="AH5" s="217">
        <v>204076</v>
      </c>
      <c r="AI5" s="218">
        <v>249681</v>
      </c>
    </row>
    <row r="6" spans="2:35" ht="21" customHeight="1" x14ac:dyDescent="0.2">
      <c r="B6" s="49" t="s">
        <v>5</v>
      </c>
      <c r="C6" s="220">
        <v>6026</v>
      </c>
      <c r="D6" s="221">
        <v>12555</v>
      </c>
      <c r="E6" s="222">
        <v>18581</v>
      </c>
      <c r="F6" s="213">
        <v>0</v>
      </c>
      <c r="G6" s="221">
        <v>16126</v>
      </c>
      <c r="H6" s="221">
        <v>22512</v>
      </c>
      <c r="I6" s="221">
        <v>11412</v>
      </c>
      <c r="J6" s="221">
        <v>9200</v>
      </c>
      <c r="K6" s="221">
        <v>5463</v>
      </c>
      <c r="L6" s="222">
        <v>64713</v>
      </c>
      <c r="M6" s="223">
        <v>83294</v>
      </c>
      <c r="N6" s="224">
        <v>105</v>
      </c>
      <c r="O6" s="221">
        <v>329</v>
      </c>
      <c r="P6" s="222">
        <v>434</v>
      </c>
      <c r="Q6" s="213">
        <v>0</v>
      </c>
      <c r="R6" s="221">
        <v>250</v>
      </c>
      <c r="S6" s="221">
        <v>754</v>
      </c>
      <c r="T6" s="221">
        <v>370</v>
      </c>
      <c r="U6" s="221">
        <v>304</v>
      </c>
      <c r="V6" s="221">
        <v>277</v>
      </c>
      <c r="W6" s="222">
        <v>1955</v>
      </c>
      <c r="X6" s="223">
        <v>2389</v>
      </c>
      <c r="Y6" s="220">
        <v>6131</v>
      </c>
      <c r="Z6" s="221">
        <v>12884</v>
      </c>
      <c r="AA6" s="222">
        <v>19015</v>
      </c>
      <c r="AB6" s="213">
        <v>0</v>
      </c>
      <c r="AC6" s="221">
        <v>16376</v>
      </c>
      <c r="AD6" s="221">
        <v>23266</v>
      </c>
      <c r="AE6" s="221">
        <v>11782</v>
      </c>
      <c r="AF6" s="221">
        <v>9504</v>
      </c>
      <c r="AG6" s="221">
        <v>5740</v>
      </c>
      <c r="AH6" s="222">
        <v>66668</v>
      </c>
      <c r="AI6" s="223">
        <v>85683</v>
      </c>
    </row>
    <row r="7" spans="2:35" ht="21" customHeight="1" x14ac:dyDescent="0.2">
      <c r="B7" s="49" t="s">
        <v>6</v>
      </c>
      <c r="C7" s="220">
        <v>2232</v>
      </c>
      <c r="D7" s="221">
        <v>3445</v>
      </c>
      <c r="E7" s="222">
        <v>5677</v>
      </c>
      <c r="F7" s="213">
        <v>0</v>
      </c>
      <c r="G7" s="221">
        <v>10898</v>
      </c>
      <c r="H7" s="221">
        <v>8577</v>
      </c>
      <c r="I7" s="221">
        <v>5788</v>
      </c>
      <c r="J7" s="221">
        <v>4770</v>
      </c>
      <c r="K7" s="221">
        <v>2899</v>
      </c>
      <c r="L7" s="222">
        <v>32932</v>
      </c>
      <c r="M7" s="223">
        <v>38609</v>
      </c>
      <c r="N7" s="224">
        <v>47</v>
      </c>
      <c r="O7" s="221">
        <v>113</v>
      </c>
      <c r="P7" s="222">
        <v>160</v>
      </c>
      <c r="Q7" s="213">
        <v>0</v>
      </c>
      <c r="R7" s="221">
        <v>242</v>
      </c>
      <c r="S7" s="221">
        <v>271</v>
      </c>
      <c r="T7" s="221">
        <v>171</v>
      </c>
      <c r="U7" s="221">
        <v>153</v>
      </c>
      <c r="V7" s="221">
        <v>127</v>
      </c>
      <c r="W7" s="222">
        <v>964</v>
      </c>
      <c r="X7" s="223">
        <v>1124</v>
      </c>
      <c r="Y7" s="220">
        <v>2279</v>
      </c>
      <c r="Z7" s="221">
        <v>3558</v>
      </c>
      <c r="AA7" s="222">
        <v>5837</v>
      </c>
      <c r="AB7" s="213">
        <v>0</v>
      </c>
      <c r="AC7" s="221">
        <v>11140</v>
      </c>
      <c r="AD7" s="221">
        <v>8848</v>
      </c>
      <c r="AE7" s="221">
        <v>5959</v>
      </c>
      <c r="AF7" s="221">
        <v>4923</v>
      </c>
      <c r="AG7" s="221">
        <v>3026</v>
      </c>
      <c r="AH7" s="222">
        <v>33896</v>
      </c>
      <c r="AI7" s="223">
        <v>39733</v>
      </c>
    </row>
    <row r="8" spans="2:35" ht="21" customHeight="1" x14ac:dyDescent="0.2">
      <c r="B8" s="49" t="s">
        <v>14</v>
      </c>
      <c r="C8" s="220">
        <v>1134</v>
      </c>
      <c r="D8" s="221">
        <v>2648</v>
      </c>
      <c r="E8" s="222">
        <v>3782</v>
      </c>
      <c r="F8" s="213">
        <v>0</v>
      </c>
      <c r="G8" s="221">
        <v>4438</v>
      </c>
      <c r="H8" s="221">
        <v>5360</v>
      </c>
      <c r="I8" s="221">
        <v>3322</v>
      </c>
      <c r="J8" s="221">
        <v>2322</v>
      </c>
      <c r="K8" s="221">
        <v>1348</v>
      </c>
      <c r="L8" s="222">
        <v>16790</v>
      </c>
      <c r="M8" s="223">
        <v>20572</v>
      </c>
      <c r="N8" s="224">
        <v>20</v>
      </c>
      <c r="O8" s="221">
        <v>95</v>
      </c>
      <c r="P8" s="222">
        <v>115</v>
      </c>
      <c r="Q8" s="213">
        <v>0</v>
      </c>
      <c r="R8" s="221">
        <v>59</v>
      </c>
      <c r="S8" s="221">
        <v>157</v>
      </c>
      <c r="T8" s="221">
        <v>79</v>
      </c>
      <c r="U8" s="221">
        <v>77</v>
      </c>
      <c r="V8" s="221">
        <v>66</v>
      </c>
      <c r="W8" s="222">
        <v>438</v>
      </c>
      <c r="X8" s="223">
        <v>553</v>
      </c>
      <c r="Y8" s="220">
        <v>1154</v>
      </c>
      <c r="Z8" s="221">
        <v>2743</v>
      </c>
      <c r="AA8" s="222">
        <v>3897</v>
      </c>
      <c r="AB8" s="213">
        <v>0</v>
      </c>
      <c r="AC8" s="221">
        <v>4497</v>
      </c>
      <c r="AD8" s="221">
        <v>5517</v>
      </c>
      <c r="AE8" s="221">
        <v>3401</v>
      </c>
      <c r="AF8" s="221">
        <v>2399</v>
      </c>
      <c r="AG8" s="221">
        <v>1414</v>
      </c>
      <c r="AH8" s="222">
        <v>17228</v>
      </c>
      <c r="AI8" s="223">
        <v>21125</v>
      </c>
    </row>
    <row r="9" spans="2:35" ht="21" customHeight="1" x14ac:dyDescent="0.2">
      <c r="B9" s="49" t="s">
        <v>7</v>
      </c>
      <c r="C9" s="220">
        <v>529</v>
      </c>
      <c r="D9" s="221">
        <v>821</v>
      </c>
      <c r="E9" s="222">
        <v>1350</v>
      </c>
      <c r="F9" s="213">
        <v>0</v>
      </c>
      <c r="G9" s="221">
        <v>4958</v>
      </c>
      <c r="H9" s="221">
        <v>3448</v>
      </c>
      <c r="I9" s="221">
        <v>1999</v>
      </c>
      <c r="J9" s="221">
        <v>1556</v>
      </c>
      <c r="K9" s="221">
        <v>865</v>
      </c>
      <c r="L9" s="222">
        <v>12826</v>
      </c>
      <c r="M9" s="223">
        <v>14176</v>
      </c>
      <c r="N9" s="224">
        <v>10</v>
      </c>
      <c r="O9" s="221">
        <v>11</v>
      </c>
      <c r="P9" s="222">
        <v>21</v>
      </c>
      <c r="Q9" s="213">
        <v>0</v>
      </c>
      <c r="R9" s="221">
        <v>91</v>
      </c>
      <c r="S9" s="221">
        <v>98</v>
      </c>
      <c r="T9" s="221">
        <v>54</v>
      </c>
      <c r="U9" s="221">
        <v>32</v>
      </c>
      <c r="V9" s="221">
        <v>28</v>
      </c>
      <c r="W9" s="222">
        <v>303</v>
      </c>
      <c r="X9" s="223">
        <v>324</v>
      </c>
      <c r="Y9" s="220">
        <v>539</v>
      </c>
      <c r="Z9" s="221">
        <v>832</v>
      </c>
      <c r="AA9" s="222">
        <v>1371</v>
      </c>
      <c r="AB9" s="213">
        <v>0</v>
      </c>
      <c r="AC9" s="221">
        <v>5049</v>
      </c>
      <c r="AD9" s="221">
        <v>3546</v>
      </c>
      <c r="AE9" s="221">
        <v>2053</v>
      </c>
      <c r="AF9" s="221">
        <v>1588</v>
      </c>
      <c r="AG9" s="221">
        <v>893</v>
      </c>
      <c r="AH9" s="222">
        <v>13129</v>
      </c>
      <c r="AI9" s="223">
        <v>14500</v>
      </c>
    </row>
    <row r="10" spans="2:35" ht="21" customHeight="1" x14ac:dyDescent="0.2">
      <c r="B10" s="49" t="s">
        <v>8</v>
      </c>
      <c r="C10" s="220">
        <v>567</v>
      </c>
      <c r="D10" s="221">
        <v>638</v>
      </c>
      <c r="E10" s="222">
        <v>1205</v>
      </c>
      <c r="F10" s="213">
        <v>0</v>
      </c>
      <c r="G10" s="221">
        <v>2018</v>
      </c>
      <c r="H10" s="221">
        <v>2049</v>
      </c>
      <c r="I10" s="221">
        <v>1252</v>
      </c>
      <c r="J10" s="221">
        <v>840</v>
      </c>
      <c r="K10" s="221">
        <v>533</v>
      </c>
      <c r="L10" s="222">
        <v>6692</v>
      </c>
      <c r="M10" s="223">
        <v>7897</v>
      </c>
      <c r="N10" s="224">
        <v>4</v>
      </c>
      <c r="O10" s="221">
        <v>22</v>
      </c>
      <c r="P10" s="222">
        <v>26</v>
      </c>
      <c r="Q10" s="213">
        <v>0</v>
      </c>
      <c r="R10" s="221">
        <v>30</v>
      </c>
      <c r="S10" s="221">
        <v>72</v>
      </c>
      <c r="T10" s="221">
        <v>35</v>
      </c>
      <c r="U10" s="221">
        <v>26</v>
      </c>
      <c r="V10" s="221">
        <v>21</v>
      </c>
      <c r="W10" s="222">
        <v>184</v>
      </c>
      <c r="X10" s="223">
        <v>210</v>
      </c>
      <c r="Y10" s="220">
        <v>571</v>
      </c>
      <c r="Z10" s="221">
        <v>660</v>
      </c>
      <c r="AA10" s="222">
        <v>1231</v>
      </c>
      <c r="AB10" s="213">
        <v>0</v>
      </c>
      <c r="AC10" s="221">
        <v>2048</v>
      </c>
      <c r="AD10" s="221">
        <v>2121</v>
      </c>
      <c r="AE10" s="221">
        <v>1287</v>
      </c>
      <c r="AF10" s="221">
        <v>866</v>
      </c>
      <c r="AG10" s="221">
        <v>554</v>
      </c>
      <c r="AH10" s="222">
        <v>6876</v>
      </c>
      <c r="AI10" s="223">
        <v>8107</v>
      </c>
    </row>
    <row r="11" spans="2:35" ht="21" customHeight="1" x14ac:dyDescent="0.2">
      <c r="B11" s="49" t="s">
        <v>9</v>
      </c>
      <c r="C11" s="220">
        <v>472</v>
      </c>
      <c r="D11" s="221">
        <v>570</v>
      </c>
      <c r="E11" s="222">
        <v>1042</v>
      </c>
      <c r="F11" s="213">
        <v>0</v>
      </c>
      <c r="G11" s="221">
        <v>1948</v>
      </c>
      <c r="H11" s="221">
        <v>1498</v>
      </c>
      <c r="I11" s="221">
        <v>992</v>
      </c>
      <c r="J11" s="221">
        <v>837</v>
      </c>
      <c r="K11" s="221">
        <v>530</v>
      </c>
      <c r="L11" s="222">
        <v>5805</v>
      </c>
      <c r="M11" s="223">
        <v>6847</v>
      </c>
      <c r="N11" s="224">
        <v>2</v>
      </c>
      <c r="O11" s="221">
        <v>14</v>
      </c>
      <c r="P11" s="222">
        <v>16</v>
      </c>
      <c r="Q11" s="213">
        <v>0</v>
      </c>
      <c r="R11" s="221">
        <v>29</v>
      </c>
      <c r="S11" s="221">
        <v>32</v>
      </c>
      <c r="T11" s="221">
        <v>18</v>
      </c>
      <c r="U11" s="221">
        <v>15</v>
      </c>
      <c r="V11" s="221">
        <v>16</v>
      </c>
      <c r="W11" s="222">
        <v>110</v>
      </c>
      <c r="X11" s="223">
        <v>126</v>
      </c>
      <c r="Y11" s="220">
        <v>474</v>
      </c>
      <c r="Z11" s="221">
        <v>584</v>
      </c>
      <c r="AA11" s="222">
        <v>1058</v>
      </c>
      <c r="AB11" s="213">
        <v>0</v>
      </c>
      <c r="AC11" s="221">
        <v>1977</v>
      </c>
      <c r="AD11" s="221">
        <v>1530</v>
      </c>
      <c r="AE11" s="221">
        <v>1010</v>
      </c>
      <c r="AF11" s="221">
        <v>852</v>
      </c>
      <c r="AG11" s="221">
        <v>546</v>
      </c>
      <c r="AH11" s="222">
        <v>5915</v>
      </c>
      <c r="AI11" s="223">
        <v>6973</v>
      </c>
    </row>
    <row r="12" spans="2:35" ht="21" customHeight="1" x14ac:dyDescent="0.2">
      <c r="B12" s="49" t="s">
        <v>10</v>
      </c>
      <c r="C12" s="220">
        <v>1265</v>
      </c>
      <c r="D12" s="221">
        <v>1581</v>
      </c>
      <c r="E12" s="222">
        <v>2846</v>
      </c>
      <c r="F12" s="213">
        <v>0</v>
      </c>
      <c r="G12" s="221">
        <v>4004</v>
      </c>
      <c r="H12" s="221">
        <v>2395</v>
      </c>
      <c r="I12" s="221">
        <v>1570</v>
      </c>
      <c r="J12" s="221">
        <v>1275</v>
      </c>
      <c r="K12" s="221">
        <v>872</v>
      </c>
      <c r="L12" s="222">
        <v>10116</v>
      </c>
      <c r="M12" s="223">
        <v>12962</v>
      </c>
      <c r="N12" s="224">
        <v>26</v>
      </c>
      <c r="O12" s="221">
        <v>43</v>
      </c>
      <c r="P12" s="222">
        <v>69</v>
      </c>
      <c r="Q12" s="213">
        <v>0</v>
      </c>
      <c r="R12" s="221">
        <v>94</v>
      </c>
      <c r="S12" s="221">
        <v>71</v>
      </c>
      <c r="T12" s="221">
        <v>40</v>
      </c>
      <c r="U12" s="221">
        <v>26</v>
      </c>
      <c r="V12" s="221">
        <v>47</v>
      </c>
      <c r="W12" s="222">
        <v>278</v>
      </c>
      <c r="X12" s="223">
        <v>347</v>
      </c>
      <c r="Y12" s="220">
        <v>1291</v>
      </c>
      <c r="Z12" s="221">
        <v>1624</v>
      </c>
      <c r="AA12" s="222">
        <v>2915</v>
      </c>
      <c r="AB12" s="213">
        <v>0</v>
      </c>
      <c r="AC12" s="221">
        <v>4098</v>
      </c>
      <c r="AD12" s="221">
        <v>2466</v>
      </c>
      <c r="AE12" s="221">
        <v>1610</v>
      </c>
      <c r="AF12" s="221">
        <v>1301</v>
      </c>
      <c r="AG12" s="221">
        <v>919</v>
      </c>
      <c r="AH12" s="222">
        <v>10394</v>
      </c>
      <c r="AI12" s="223">
        <v>13309</v>
      </c>
    </row>
    <row r="13" spans="2:35" ht="21" customHeight="1" x14ac:dyDescent="0.2">
      <c r="B13" s="49" t="s">
        <v>11</v>
      </c>
      <c r="C13" s="220">
        <v>536</v>
      </c>
      <c r="D13" s="221">
        <v>571</v>
      </c>
      <c r="E13" s="222">
        <v>1107</v>
      </c>
      <c r="F13" s="213">
        <v>0</v>
      </c>
      <c r="G13" s="221">
        <v>2181</v>
      </c>
      <c r="H13" s="221">
        <v>1279</v>
      </c>
      <c r="I13" s="221">
        <v>928</v>
      </c>
      <c r="J13" s="221">
        <v>749</v>
      </c>
      <c r="K13" s="221">
        <v>386</v>
      </c>
      <c r="L13" s="222">
        <v>5523</v>
      </c>
      <c r="M13" s="223">
        <v>6630</v>
      </c>
      <c r="N13" s="224">
        <v>8</v>
      </c>
      <c r="O13" s="221">
        <v>9</v>
      </c>
      <c r="P13" s="222">
        <v>17</v>
      </c>
      <c r="Q13" s="213">
        <v>0</v>
      </c>
      <c r="R13" s="221">
        <v>36</v>
      </c>
      <c r="S13" s="221">
        <v>32</v>
      </c>
      <c r="T13" s="221">
        <v>20</v>
      </c>
      <c r="U13" s="221">
        <v>14</v>
      </c>
      <c r="V13" s="221">
        <v>14</v>
      </c>
      <c r="W13" s="222">
        <v>116</v>
      </c>
      <c r="X13" s="223">
        <v>133</v>
      </c>
      <c r="Y13" s="220">
        <v>544</v>
      </c>
      <c r="Z13" s="221">
        <v>580</v>
      </c>
      <c r="AA13" s="222">
        <v>1124</v>
      </c>
      <c r="AB13" s="213">
        <v>0</v>
      </c>
      <c r="AC13" s="221">
        <v>2217</v>
      </c>
      <c r="AD13" s="221">
        <v>1311</v>
      </c>
      <c r="AE13" s="221">
        <v>948</v>
      </c>
      <c r="AF13" s="221">
        <v>763</v>
      </c>
      <c r="AG13" s="221">
        <v>400</v>
      </c>
      <c r="AH13" s="222">
        <v>5639</v>
      </c>
      <c r="AI13" s="223">
        <v>6763</v>
      </c>
    </row>
    <row r="14" spans="2:35" ht="21" customHeight="1" x14ac:dyDescent="0.2">
      <c r="B14" s="49" t="s">
        <v>12</v>
      </c>
      <c r="C14" s="220">
        <v>726</v>
      </c>
      <c r="D14" s="221">
        <v>941</v>
      </c>
      <c r="E14" s="222">
        <v>1667</v>
      </c>
      <c r="F14" s="213">
        <v>0</v>
      </c>
      <c r="G14" s="221">
        <v>1602</v>
      </c>
      <c r="H14" s="221">
        <v>1395</v>
      </c>
      <c r="I14" s="221">
        <v>972</v>
      </c>
      <c r="J14" s="221">
        <v>865</v>
      </c>
      <c r="K14" s="221">
        <v>497</v>
      </c>
      <c r="L14" s="222">
        <v>5331</v>
      </c>
      <c r="M14" s="223">
        <v>6998</v>
      </c>
      <c r="N14" s="224">
        <v>15</v>
      </c>
      <c r="O14" s="221">
        <v>25</v>
      </c>
      <c r="P14" s="222">
        <v>40</v>
      </c>
      <c r="Q14" s="213">
        <v>0</v>
      </c>
      <c r="R14" s="221">
        <v>17</v>
      </c>
      <c r="S14" s="221">
        <v>24</v>
      </c>
      <c r="T14" s="221">
        <v>18</v>
      </c>
      <c r="U14" s="221">
        <v>31</v>
      </c>
      <c r="V14" s="221">
        <v>15</v>
      </c>
      <c r="W14" s="222">
        <v>105</v>
      </c>
      <c r="X14" s="223">
        <v>145</v>
      </c>
      <c r="Y14" s="220">
        <v>741</v>
      </c>
      <c r="Z14" s="221">
        <v>966</v>
      </c>
      <c r="AA14" s="222">
        <v>1707</v>
      </c>
      <c r="AB14" s="213">
        <v>0</v>
      </c>
      <c r="AC14" s="221">
        <v>1619</v>
      </c>
      <c r="AD14" s="221">
        <v>1419</v>
      </c>
      <c r="AE14" s="221">
        <v>990</v>
      </c>
      <c r="AF14" s="221">
        <v>896</v>
      </c>
      <c r="AG14" s="221">
        <v>512</v>
      </c>
      <c r="AH14" s="222">
        <v>5436</v>
      </c>
      <c r="AI14" s="223">
        <v>7143</v>
      </c>
    </row>
    <row r="15" spans="2:35" ht="21" customHeight="1" x14ac:dyDescent="0.2">
      <c r="B15" s="49" t="s">
        <v>13</v>
      </c>
      <c r="C15" s="220">
        <v>125</v>
      </c>
      <c r="D15" s="221">
        <v>226</v>
      </c>
      <c r="E15" s="222">
        <v>351</v>
      </c>
      <c r="F15" s="213">
        <v>0</v>
      </c>
      <c r="G15" s="221">
        <v>651</v>
      </c>
      <c r="H15" s="221">
        <v>603</v>
      </c>
      <c r="I15" s="221">
        <v>386</v>
      </c>
      <c r="J15" s="221">
        <v>324</v>
      </c>
      <c r="K15" s="221">
        <v>220</v>
      </c>
      <c r="L15" s="222">
        <v>2184</v>
      </c>
      <c r="M15" s="223">
        <v>2535</v>
      </c>
      <c r="N15" s="224">
        <v>0</v>
      </c>
      <c r="O15" s="221">
        <v>0</v>
      </c>
      <c r="P15" s="222">
        <v>0</v>
      </c>
      <c r="Q15" s="213">
        <v>0</v>
      </c>
      <c r="R15" s="221">
        <v>14</v>
      </c>
      <c r="S15" s="221">
        <v>11</v>
      </c>
      <c r="T15" s="221">
        <v>14</v>
      </c>
      <c r="U15" s="221">
        <v>4</v>
      </c>
      <c r="V15" s="221">
        <v>6</v>
      </c>
      <c r="W15" s="222">
        <v>49</v>
      </c>
      <c r="X15" s="223">
        <v>49</v>
      </c>
      <c r="Y15" s="220">
        <v>125</v>
      </c>
      <c r="Z15" s="221">
        <v>226</v>
      </c>
      <c r="AA15" s="222">
        <v>351</v>
      </c>
      <c r="AB15" s="213">
        <v>0</v>
      </c>
      <c r="AC15" s="221">
        <v>665</v>
      </c>
      <c r="AD15" s="221">
        <v>614</v>
      </c>
      <c r="AE15" s="221">
        <v>400</v>
      </c>
      <c r="AF15" s="221">
        <v>328</v>
      </c>
      <c r="AG15" s="221">
        <v>226</v>
      </c>
      <c r="AH15" s="222">
        <v>2233</v>
      </c>
      <c r="AI15" s="223">
        <v>2584</v>
      </c>
    </row>
    <row r="16" spans="2:35" ht="21" customHeight="1" x14ac:dyDescent="0.2">
      <c r="B16" s="49" t="s">
        <v>15</v>
      </c>
      <c r="C16" s="220">
        <v>78</v>
      </c>
      <c r="D16" s="221">
        <v>188</v>
      </c>
      <c r="E16" s="222">
        <v>266</v>
      </c>
      <c r="F16" s="213">
        <v>0</v>
      </c>
      <c r="G16" s="221">
        <v>471</v>
      </c>
      <c r="H16" s="221">
        <v>533</v>
      </c>
      <c r="I16" s="221">
        <v>317</v>
      </c>
      <c r="J16" s="221">
        <v>234</v>
      </c>
      <c r="K16" s="221">
        <v>139</v>
      </c>
      <c r="L16" s="222">
        <v>1694</v>
      </c>
      <c r="M16" s="223">
        <v>1960</v>
      </c>
      <c r="N16" s="224">
        <v>0</v>
      </c>
      <c r="O16" s="221">
        <v>6</v>
      </c>
      <c r="P16" s="222">
        <v>6</v>
      </c>
      <c r="Q16" s="213">
        <v>0</v>
      </c>
      <c r="R16" s="221">
        <v>6</v>
      </c>
      <c r="S16" s="221">
        <v>15</v>
      </c>
      <c r="T16" s="221">
        <v>2</v>
      </c>
      <c r="U16" s="221">
        <v>2</v>
      </c>
      <c r="V16" s="221">
        <v>6</v>
      </c>
      <c r="W16" s="222">
        <v>31</v>
      </c>
      <c r="X16" s="223">
        <v>37</v>
      </c>
      <c r="Y16" s="220">
        <v>78</v>
      </c>
      <c r="Z16" s="221">
        <v>194</v>
      </c>
      <c r="AA16" s="222">
        <v>272</v>
      </c>
      <c r="AB16" s="213">
        <v>0</v>
      </c>
      <c r="AC16" s="221">
        <v>477</v>
      </c>
      <c r="AD16" s="221">
        <v>548</v>
      </c>
      <c r="AE16" s="221">
        <v>319</v>
      </c>
      <c r="AF16" s="221">
        <v>236</v>
      </c>
      <c r="AG16" s="221">
        <v>145</v>
      </c>
      <c r="AH16" s="222">
        <v>1725</v>
      </c>
      <c r="AI16" s="223">
        <v>1997</v>
      </c>
    </row>
    <row r="17" spans="2:35" ht="21" customHeight="1" x14ac:dyDescent="0.2">
      <c r="B17" s="49" t="s">
        <v>16</v>
      </c>
      <c r="C17" s="220">
        <v>229</v>
      </c>
      <c r="D17" s="221">
        <v>397</v>
      </c>
      <c r="E17" s="222">
        <v>626</v>
      </c>
      <c r="F17" s="213">
        <v>0</v>
      </c>
      <c r="G17" s="221">
        <v>977</v>
      </c>
      <c r="H17" s="221">
        <v>1286</v>
      </c>
      <c r="I17" s="221">
        <v>732</v>
      </c>
      <c r="J17" s="221">
        <v>565</v>
      </c>
      <c r="K17" s="221">
        <v>324</v>
      </c>
      <c r="L17" s="222">
        <v>3884</v>
      </c>
      <c r="M17" s="223">
        <v>4510</v>
      </c>
      <c r="N17" s="224">
        <v>8</v>
      </c>
      <c r="O17" s="221">
        <v>8</v>
      </c>
      <c r="P17" s="222">
        <v>16</v>
      </c>
      <c r="Q17" s="213">
        <v>0</v>
      </c>
      <c r="R17" s="221">
        <v>14</v>
      </c>
      <c r="S17" s="221">
        <v>39</v>
      </c>
      <c r="T17" s="221">
        <v>26</v>
      </c>
      <c r="U17" s="221">
        <v>14</v>
      </c>
      <c r="V17" s="221">
        <v>12</v>
      </c>
      <c r="W17" s="222">
        <v>105</v>
      </c>
      <c r="X17" s="223">
        <v>121</v>
      </c>
      <c r="Y17" s="220">
        <v>237</v>
      </c>
      <c r="Z17" s="221">
        <v>405</v>
      </c>
      <c r="AA17" s="222">
        <v>642</v>
      </c>
      <c r="AB17" s="213">
        <v>0</v>
      </c>
      <c r="AC17" s="221">
        <v>991</v>
      </c>
      <c r="AD17" s="221">
        <v>1325</v>
      </c>
      <c r="AE17" s="221">
        <v>758</v>
      </c>
      <c r="AF17" s="221">
        <v>579</v>
      </c>
      <c r="AG17" s="221">
        <v>336</v>
      </c>
      <c r="AH17" s="222">
        <v>3989</v>
      </c>
      <c r="AI17" s="223">
        <v>4631</v>
      </c>
    </row>
    <row r="18" spans="2:35" ht="21" customHeight="1" x14ac:dyDescent="0.2">
      <c r="B18" s="49" t="s">
        <v>17</v>
      </c>
      <c r="C18" s="220">
        <v>287</v>
      </c>
      <c r="D18" s="221">
        <v>586</v>
      </c>
      <c r="E18" s="222">
        <v>873</v>
      </c>
      <c r="F18" s="213">
        <v>0</v>
      </c>
      <c r="G18" s="221">
        <v>1109</v>
      </c>
      <c r="H18" s="221">
        <v>1645</v>
      </c>
      <c r="I18" s="221">
        <v>942</v>
      </c>
      <c r="J18" s="221">
        <v>708</v>
      </c>
      <c r="K18" s="221">
        <v>466</v>
      </c>
      <c r="L18" s="222">
        <v>4870</v>
      </c>
      <c r="M18" s="223">
        <v>5743</v>
      </c>
      <c r="N18" s="224">
        <v>3</v>
      </c>
      <c r="O18" s="221">
        <v>24</v>
      </c>
      <c r="P18" s="222">
        <v>27</v>
      </c>
      <c r="Q18" s="213">
        <v>0</v>
      </c>
      <c r="R18" s="221">
        <v>22</v>
      </c>
      <c r="S18" s="221">
        <v>64</v>
      </c>
      <c r="T18" s="221">
        <v>38</v>
      </c>
      <c r="U18" s="221">
        <v>21</v>
      </c>
      <c r="V18" s="221">
        <v>20</v>
      </c>
      <c r="W18" s="222">
        <v>165</v>
      </c>
      <c r="X18" s="223">
        <v>192</v>
      </c>
      <c r="Y18" s="220">
        <v>290</v>
      </c>
      <c r="Z18" s="221">
        <v>610</v>
      </c>
      <c r="AA18" s="222">
        <v>900</v>
      </c>
      <c r="AB18" s="213">
        <v>0</v>
      </c>
      <c r="AC18" s="221">
        <v>1131</v>
      </c>
      <c r="AD18" s="221">
        <v>1709</v>
      </c>
      <c r="AE18" s="221">
        <v>980</v>
      </c>
      <c r="AF18" s="221">
        <v>729</v>
      </c>
      <c r="AG18" s="221">
        <v>486</v>
      </c>
      <c r="AH18" s="222">
        <v>5035</v>
      </c>
      <c r="AI18" s="223">
        <v>5935</v>
      </c>
    </row>
    <row r="19" spans="2:35" ht="21" customHeight="1" x14ac:dyDescent="0.2">
      <c r="B19" s="49" t="s">
        <v>18</v>
      </c>
      <c r="C19" s="220">
        <v>342</v>
      </c>
      <c r="D19" s="221">
        <v>656</v>
      </c>
      <c r="E19" s="222">
        <v>998</v>
      </c>
      <c r="F19" s="213">
        <v>0</v>
      </c>
      <c r="G19" s="221">
        <v>1782</v>
      </c>
      <c r="H19" s="221">
        <v>1666</v>
      </c>
      <c r="I19" s="221">
        <v>1046</v>
      </c>
      <c r="J19" s="221">
        <v>740</v>
      </c>
      <c r="K19" s="221">
        <v>440</v>
      </c>
      <c r="L19" s="222">
        <v>5674</v>
      </c>
      <c r="M19" s="223">
        <v>6672</v>
      </c>
      <c r="N19" s="224">
        <v>9</v>
      </c>
      <c r="O19" s="221">
        <v>21</v>
      </c>
      <c r="P19" s="222">
        <v>30</v>
      </c>
      <c r="Q19" s="213">
        <v>0</v>
      </c>
      <c r="R19" s="221">
        <v>44</v>
      </c>
      <c r="S19" s="221">
        <v>59</v>
      </c>
      <c r="T19" s="221">
        <v>40</v>
      </c>
      <c r="U19" s="221">
        <v>28</v>
      </c>
      <c r="V19" s="221">
        <v>18</v>
      </c>
      <c r="W19" s="222">
        <v>189</v>
      </c>
      <c r="X19" s="223">
        <v>219</v>
      </c>
      <c r="Y19" s="220">
        <v>351</v>
      </c>
      <c r="Z19" s="221">
        <v>677</v>
      </c>
      <c r="AA19" s="222">
        <v>1028</v>
      </c>
      <c r="AB19" s="213">
        <v>0</v>
      </c>
      <c r="AC19" s="221">
        <v>1826</v>
      </c>
      <c r="AD19" s="221">
        <v>1725</v>
      </c>
      <c r="AE19" s="221">
        <v>1086</v>
      </c>
      <c r="AF19" s="221">
        <v>768</v>
      </c>
      <c r="AG19" s="221">
        <v>458</v>
      </c>
      <c r="AH19" s="222">
        <v>5863</v>
      </c>
      <c r="AI19" s="223">
        <v>6891</v>
      </c>
    </row>
    <row r="20" spans="2:35" ht="21" customHeight="1" x14ac:dyDescent="0.2">
      <c r="B20" s="49" t="s">
        <v>19</v>
      </c>
      <c r="C20" s="220">
        <v>192</v>
      </c>
      <c r="D20" s="221">
        <v>290</v>
      </c>
      <c r="E20" s="222">
        <v>482</v>
      </c>
      <c r="F20" s="213">
        <v>0</v>
      </c>
      <c r="G20" s="221">
        <v>837</v>
      </c>
      <c r="H20" s="221">
        <v>678</v>
      </c>
      <c r="I20" s="221">
        <v>422</v>
      </c>
      <c r="J20" s="221">
        <v>288</v>
      </c>
      <c r="K20" s="221">
        <v>213</v>
      </c>
      <c r="L20" s="222">
        <v>2438</v>
      </c>
      <c r="M20" s="223">
        <v>2920</v>
      </c>
      <c r="N20" s="224">
        <v>3</v>
      </c>
      <c r="O20" s="221">
        <v>8</v>
      </c>
      <c r="P20" s="222">
        <v>11</v>
      </c>
      <c r="Q20" s="213">
        <v>0</v>
      </c>
      <c r="R20" s="221">
        <v>13</v>
      </c>
      <c r="S20" s="221">
        <v>23</v>
      </c>
      <c r="T20" s="221">
        <v>12</v>
      </c>
      <c r="U20" s="221">
        <v>8</v>
      </c>
      <c r="V20" s="221">
        <v>9</v>
      </c>
      <c r="W20" s="222">
        <v>65</v>
      </c>
      <c r="X20" s="223">
        <v>76</v>
      </c>
      <c r="Y20" s="220">
        <v>195</v>
      </c>
      <c r="Z20" s="221">
        <v>298</v>
      </c>
      <c r="AA20" s="222">
        <v>493</v>
      </c>
      <c r="AB20" s="213">
        <v>0</v>
      </c>
      <c r="AC20" s="221">
        <v>850</v>
      </c>
      <c r="AD20" s="221">
        <v>701</v>
      </c>
      <c r="AE20" s="221">
        <v>434</v>
      </c>
      <c r="AF20" s="221">
        <v>296</v>
      </c>
      <c r="AG20" s="221">
        <v>222</v>
      </c>
      <c r="AH20" s="222">
        <v>2503</v>
      </c>
      <c r="AI20" s="223">
        <v>2996</v>
      </c>
    </row>
    <row r="21" spans="2:35" ht="21" customHeight="1" x14ac:dyDescent="0.2">
      <c r="B21" s="49" t="s">
        <v>20</v>
      </c>
      <c r="C21" s="220">
        <v>204</v>
      </c>
      <c r="D21" s="221">
        <v>422</v>
      </c>
      <c r="E21" s="222">
        <v>626</v>
      </c>
      <c r="F21" s="213">
        <v>0</v>
      </c>
      <c r="G21" s="221">
        <v>1092</v>
      </c>
      <c r="H21" s="221">
        <v>702</v>
      </c>
      <c r="I21" s="221">
        <v>496</v>
      </c>
      <c r="J21" s="221">
        <v>341</v>
      </c>
      <c r="K21" s="221">
        <v>154</v>
      </c>
      <c r="L21" s="222">
        <v>2785</v>
      </c>
      <c r="M21" s="223">
        <v>3411</v>
      </c>
      <c r="N21" s="224">
        <v>2</v>
      </c>
      <c r="O21" s="221">
        <v>23</v>
      </c>
      <c r="P21" s="222">
        <v>25</v>
      </c>
      <c r="Q21" s="213">
        <v>0</v>
      </c>
      <c r="R21" s="221">
        <v>29</v>
      </c>
      <c r="S21" s="221">
        <v>19</v>
      </c>
      <c r="T21" s="221">
        <v>15</v>
      </c>
      <c r="U21" s="221">
        <v>13</v>
      </c>
      <c r="V21" s="221">
        <v>4</v>
      </c>
      <c r="W21" s="222">
        <v>80</v>
      </c>
      <c r="X21" s="223">
        <v>105</v>
      </c>
      <c r="Y21" s="220">
        <v>206</v>
      </c>
      <c r="Z21" s="221">
        <v>445</v>
      </c>
      <c r="AA21" s="222">
        <v>651</v>
      </c>
      <c r="AB21" s="213">
        <v>0</v>
      </c>
      <c r="AC21" s="221">
        <v>1121</v>
      </c>
      <c r="AD21" s="221">
        <v>721</v>
      </c>
      <c r="AE21" s="221">
        <v>511</v>
      </c>
      <c r="AF21" s="221">
        <v>354</v>
      </c>
      <c r="AG21" s="221">
        <v>158</v>
      </c>
      <c r="AH21" s="222">
        <v>2865</v>
      </c>
      <c r="AI21" s="223">
        <v>3516</v>
      </c>
    </row>
    <row r="22" spans="2:35" ht="21" customHeight="1" x14ac:dyDescent="0.2">
      <c r="B22" s="49" t="s">
        <v>21</v>
      </c>
      <c r="C22" s="220">
        <v>269</v>
      </c>
      <c r="D22" s="221">
        <v>415</v>
      </c>
      <c r="E22" s="222">
        <v>684</v>
      </c>
      <c r="F22" s="213">
        <v>0</v>
      </c>
      <c r="G22" s="221">
        <v>941</v>
      </c>
      <c r="H22" s="221">
        <v>1067</v>
      </c>
      <c r="I22" s="221">
        <v>648</v>
      </c>
      <c r="J22" s="221">
        <v>446</v>
      </c>
      <c r="K22" s="221">
        <v>283</v>
      </c>
      <c r="L22" s="222">
        <v>3385</v>
      </c>
      <c r="M22" s="223">
        <v>4069</v>
      </c>
      <c r="N22" s="224">
        <v>5</v>
      </c>
      <c r="O22" s="221">
        <v>14</v>
      </c>
      <c r="P22" s="222">
        <v>19</v>
      </c>
      <c r="Q22" s="213">
        <v>0</v>
      </c>
      <c r="R22" s="221">
        <v>6</v>
      </c>
      <c r="S22" s="221">
        <v>41</v>
      </c>
      <c r="T22" s="221">
        <v>18</v>
      </c>
      <c r="U22" s="221">
        <v>12</v>
      </c>
      <c r="V22" s="221">
        <v>8</v>
      </c>
      <c r="W22" s="222">
        <v>85</v>
      </c>
      <c r="X22" s="223">
        <v>104</v>
      </c>
      <c r="Y22" s="220">
        <v>274</v>
      </c>
      <c r="Z22" s="221">
        <v>429</v>
      </c>
      <c r="AA22" s="222">
        <v>703</v>
      </c>
      <c r="AB22" s="213">
        <v>0</v>
      </c>
      <c r="AC22" s="221">
        <v>947</v>
      </c>
      <c r="AD22" s="221">
        <v>1108</v>
      </c>
      <c r="AE22" s="221">
        <v>666</v>
      </c>
      <c r="AF22" s="221">
        <v>458</v>
      </c>
      <c r="AG22" s="221">
        <v>291</v>
      </c>
      <c r="AH22" s="222">
        <v>3470</v>
      </c>
      <c r="AI22" s="223">
        <v>4173</v>
      </c>
    </row>
    <row r="23" spans="2:35" ht="21" customHeight="1" x14ac:dyDescent="0.2">
      <c r="B23" s="49" t="s">
        <v>22</v>
      </c>
      <c r="C23" s="220">
        <v>63</v>
      </c>
      <c r="D23" s="221">
        <v>157</v>
      </c>
      <c r="E23" s="222">
        <v>220</v>
      </c>
      <c r="F23" s="213">
        <v>0</v>
      </c>
      <c r="G23" s="221">
        <v>415</v>
      </c>
      <c r="H23" s="221">
        <v>394</v>
      </c>
      <c r="I23" s="221">
        <v>189</v>
      </c>
      <c r="J23" s="221">
        <v>133</v>
      </c>
      <c r="K23" s="221">
        <v>88</v>
      </c>
      <c r="L23" s="222">
        <v>1219</v>
      </c>
      <c r="M23" s="223">
        <v>1439</v>
      </c>
      <c r="N23" s="224">
        <v>0</v>
      </c>
      <c r="O23" s="221">
        <v>6</v>
      </c>
      <c r="P23" s="222">
        <v>6</v>
      </c>
      <c r="Q23" s="213">
        <v>0</v>
      </c>
      <c r="R23" s="221">
        <v>12</v>
      </c>
      <c r="S23" s="221">
        <v>5</v>
      </c>
      <c r="T23" s="221">
        <v>6</v>
      </c>
      <c r="U23" s="221">
        <v>4</v>
      </c>
      <c r="V23" s="221">
        <v>2</v>
      </c>
      <c r="W23" s="222">
        <v>29</v>
      </c>
      <c r="X23" s="223">
        <v>35</v>
      </c>
      <c r="Y23" s="220">
        <v>63</v>
      </c>
      <c r="Z23" s="221">
        <v>163</v>
      </c>
      <c r="AA23" s="222">
        <v>226</v>
      </c>
      <c r="AB23" s="213">
        <v>0</v>
      </c>
      <c r="AC23" s="221">
        <v>427</v>
      </c>
      <c r="AD23" s="221">
        <v>399</v>
      </c>
      <c r="AE23" s="221">
        <v>195</v>
      </c>
      <c r="AF23" s="221">
        <v>137</v>
      </c>
      <c r="AG23" s="221">
        <v>90</v>
      </c>
      <c r="AH23" s="222">
        <v>1248</v>
      </c>
      <c r="AI23" s="223">
        <v>1474</v>
      </c>
    </row>
    <row r="24" spans="2:35" ht="21" customHeight="1" x14ac:dyDescent="0.2">
      <c r="B24" s="49" t="s">
        <v>23</v>
      </c>
      <c r="C24" s="220">
        <v>131</v>
      </c>
      <c r="D24" s="221">
        <v>248</v>
      </c>
      <c r="E24" s="222">
        <v>379</v>
      </c>
      <c r="F24" s="213">
        <v>0</v>
      </c>
      <c r="G24" s="221">
        <v>625</v>
      </c>
      <c r="H24" s="221">
        <v>561</v>
      </c>
      <c r="I24" s="221">
        <v>319</v>
      </c>
      <c r="J24" s="221">
        <v>264</v>
      </c>
      <c r="K24" s="221">
        <v>146</v>
      </c>
      <c r="L24" s="222">
        <v>1915</v>
      </c>
      <c r="M24" s="223">
        <v>2294</v>
      </c>
      <c r="N24" s="224">
        <v>4</v>
      </c>
      <c r="O24" s="221">
        <v>8</v>
      </c>
      <c r="P24" s="222">
        <v>12</v>
      </c>
      <c r="Q24" s="213">
        <v>0</v>
      </c>
      <c r="R24" s="221">
        <v>5</v>
      </c>
      <c r="S24" s="221">
        <v>17</v>
      </c>
      <c r="T24" s="221">
        <v>8</v>
      </c>
      <c r="U24" s="221">
        <v>9</v>
      </c>
      <c r="V24" s="221">
        <v>7</v>
      </c>
      <c r="W24" s="222">
        <v>46</v>
      </c>
      <c r="X24" s="223">
        <v>58</v>
      </c>
      <c r="Y24" s="220">
        <v>135</v>
      </c>
      <c r="Z24" s="221">
        <v>256</v>
      </c>
      <c r="AA24" s="222">
        <v>391</v>
      </c>
      <c r="AB24" s="213">
        <v>0</v>
      </c>
      <c r="AC24" s="221">
        <v>630</v>
      </c>
      <c r="AD24" s="221">
        <v>578</v>
      </c>
      <c r="AE24" s="221">
        <v>327</v>
      </c>
      <c r="AF24" s="221">
        <v>273</v>
      </c>
      <c r="AG24" s="221">
        <v>153</v>
      </c>
      <c r="AH24" s="222">
        <v>1961</v>
      </c>
      <c r="AI24" s="223">
        <v>2352</v>
      </c>
    </row>
    <row r="25" spans="2:35" ht="21" customHeight="1" x14ac:dyDescent="0.2">
      <c r="B25" s="49" t="s">
        <v>24</v>
      </c>
      <c r="C25" s="220">
        <v>122</v>
      </c>
      <c r="D25" s="221">
        <v>108</v>
      </c>
      <c r="E25" s="222">
        <v>230</v>
      </c>
      <c r="F25" s="213">
        <v>0</v>
      </c>
      <c r="G25" s="221">
        <v>325</v>
      </c>
      <c r="H25" s="221">
        <v>228</v>
      </c>
      <c r="I25" s="221">
        <v>175</v>
      </c>
      <c r="J25" s="221">
        <v>120</v>
      </c>
      <c r="K25" s="221">
        <v>95</v>
      </c>
      <c r="L25" s="222">
        <v>943</v>
      </c>
      <c r="M25" s="223">
        <v>1173</v>
      </c>
      <c r="N25" s="224">
        <v>2</v>
      </c>
      <c r="O25" s="221">
        <v>0</v>
      </c>
      <c r="P25" s="222">
        <v>2</v>
      </c>
      <c r="Q25" s="213">
        <v>0</v>
      </c>
      <c r="R25" s="221">
        <v>5</v>
      </c>
      <c r="S25" s="221">
        <v>8</v>
      </c>
      <c r="T25" s="221">
        <v>3</v>
      </c>
      <c r="U25" s="221">
        <v>1</v>
      </c>
      <c r="V25" s="221">
        <v>1</v>
      </c>
      <c r="W25" s="222">
        <v>18</v>
      </c>
      <c r="X25" s="223">
        <v>20</v>
      </c>
      <c r="Y25" s="220">
        <v>124</v>
      </c>
      <c r="Z25" s="221">
        <v>108</v>
      </c>
      <c r="AA25" s="222">
        <v>232</v>
      </c>
      <c r="AB25" s="213">
        <v>0</v>
      </c>
      <c r="AC25" s="221">
        <v>330</v>
      </c>
      <c r="AD25" s="221">
        <v>236</v>
      </c>
      <c r="AE25" s="221">
        <v>178</v>
      </c>
      <c r="AF25" s="221">
        <v>121</v>
      </c>
      <c r="AG25" s="221">
        <v>96</v>
      </c>
      <c r="AH25" s="222">
        <v>961</v>
      </c>
      <c r="AI25" s="223">
        <v>1193</v>
      </c>
    </row>
    <row r="26" spans="2:35" ht="21" customHeight="1" x14ac:dyDescent="0.2">
      <c r="B26" s="49" t="s">
        <v>25</v>
      </c>
      <c r="C26" s="220">
        <v>95</v>
      </c>
      <c r="D26" s="221">
        <v>153</v>
      </c>
      <c r="E26" s="222">
        <v>248</v>
      </c>
      <c r="F26" s="213">
        <v>0</v>
      </c>
      <c r="G26" s="221">
        <v>392</v>
      </c>
      <c r="H26" s="221">
        <v>276</v>
      </c>
      <c r="I26" s="221">
        <v>144</v>
      </c>
      <c r="J26" s="221">
        <v>132</v>
      </c>
      <c r="K26" s="221">
        <v>71</v>
      </c>
      <c r="L26" s="222">
        <v>1015</v>
      </c>
      <c r="M26" s="223">
        <v>1263</v>
      </c>
      <c r="N26" s="224">
        <v>0</v>
      </c>
      <c r="O26" s="221">
        <v>5</v>
      </c>
      <c r="P26" s="222">
        <v>5</v>
      </c>
      <c r="Q26" s="213">
        <v>0</v>
      </c>
      <c r="R26" s="221">
        <v>7</v>
      </c>
      <c r="S26" s="221">
        <v>11</v>
      </c>
      <c r="T26" s="221">
        <v>3</v>
      </c>
      <c r="U26" s="221">
        <v>3</v>
      </c>
      <c r="V26" s="221">
        <v>3</v>
      </c>
      <c r="W26" s="222">
        <v>27</v>
      </c>
      <c r="X26" s="223">
        <v>32</v>
      </c>
      <c r="Y26" s="220">
        <v>95</v>
      </c>
      <c r="Z26" s="221">
        <v>158</v>
      </c>
      <c r="AA26" s="222">
        <v>253</v>
      </c>
      <c r="AB26" s="213">
        <v>0</v>
      </c>
      <c r="AC26" s="221">
        <v>399</v>
      </c>
      <c r="AD26" s="221">
        <v>287</v>
      </c>
      <c r="AE26" s="221">
        <v>147</v>
      </c>
      <c r="AF26" s="221">
        <v>135</v>
      </c>
      <c r="AG26" s="221">
        <v>74</v>
      </c>
      <c r="AH26" s="222">
        <v>1042</v>
      </c>
      <c r="AI26" s="223">
        <v>1295</v>
      </c>
    </row>
    <row r="27" spans="2:35" ht="21" customHeight="1" x14ac:dyDescent="0.2">
      <c r="B27" s="49" t="s">
        <v>26</v>
      </c>
      <c r="C27" s="220">
        <v>77</v>
      </c>
      <c r="D27" s="221">
        <v>105</v>
      </c>
      <c r="E27" s="222">
        <v>182</v>
      </c>
      <c r="F27" s="213">
        <v>0</v>
      </c>
      <c r="G27" s="221">
        <v>305</v>
      </c>
      <c r="H27" s="221">
        <v>267</v>
      </c>
      <c r="I27" s="221">
        <v>166</v>
      </c>
      <c r="J27" s="221">
        <v>122</v>
      </c>
      <c r="K27" s="221">
        <v>84</v>
      </c>
      <c r="L27" s="222">
        <v>944</v>
      </c>
      <c r="M27" s="223">
        <v>1126</v>
      </c>
      <c r="N27" s="224">
        <v>0</v>
      </c>
      <c r="O27" s="221">
        <v>1</v>
      </c>
      <c r="P27" s="222">
        <v>1</v>
      </c>
      <c r="Q27" s="213">
        <v>0</v>
      </c>
      <c r="R27" s="221">
        <v>10</v>
      </c>
      <c r="S27" s="221">
        <v>4</v>
      </c>
      <c r="T27" s="221">
        <v>2</v>
      </c>
      <c r="U27" s="221">
        <v>4</v>
      </c>
      <c r="V27" s="221">
        <v>1</v>
      </c>
      <c r="W27" s="222">
        <v>21</v>
      </c>
      <c r="X27" s="223">
        <v>22</v>
      </c>
      <c r="Y27" s="220">
        <v>77</v>
      </c>
      <c r="Z27" s="221">
        <v>106</v>
      </c>
      <c r="AA27" s="222">
        <v>183</v>
      </c>
      <c r="AB27" s="213">
        <v>0</v>
      </c>
      <c r="AC27" s="221">
        <v>315</v>
      </c>
      <c r="AD27" s="221">
        <v>271</v>
      </c>
      <c r="AE27" s="221">
        <v>168</v>
      </c>
      <c r="AF27" s="221">
        <v>126</v>
      </c>
      <c r="AG27" s="221">
        <v>85</v>
      </c>
      <c r="AH27" s="222">
        <v>965</v>
      </c>
      <c r="AI27" s="223">
        <v>1148</v>
      </c>
    </row>
    <row r="28" spans="2:35" ht="21" customHeight="1" x14ac:dyDescent="0.2">
      <c r="B28" s="49" t="s">
        <v>27</v>
      </c>
      <c r="C28" s="220">
        <v>121</v>
      </c>
      <c r="D28" s="221">
        <v>168</v>
      </c>
      <c r="E28" s="222">
        <v>289</v>
      </c>
      <c r="F28" s="213">
        <v>0</v>
      </c>
      <c r="G28" s="221">
        <v>247</v>
      </c>
      <c r="H28" s="221">
        <v>202</v>
      </c>
      <c r="I28" s="221">
        <v>160</v>
      </c>
      <c r="J28" s="221">
        <v>111</v>
      </c>
      <c r="K28" s="221">
        <v>60</v>
      </c>
      <c r="L28" s="222">
        <v>780</v>
      </c>
      <c r="M28" s="223">
        <v>1069</v>
      </c>
      <c r="N28" s="224">
        <v>1</v>
      </c>
      <c r="O28" s="221">
        <v>4</v>
      </c>
      <c r="P28" s="222">
        <v>5</v>
      </c>
      <c r="Q28" s="213">
        <v>0</v>
      </c>
      <c r="R28" s="221">
        <v>7</v>
      </c>
      <c r="S28" s="221">
        <v>4</v>
      </c>
      <c r="T28" s="221">
        <v>2</v>
      </c>
      <c r="U28" s="221">
        <v>2</v>
      </c>
      <c r="V28" s="221">
        <v>3</v>
      </c>
      <c r="W28" s="222">
        <v>18</v>
      </c>
      <c r="X28" s="223">
        <v>23</v>
      </c>
      <c r="Y28" s="220">
        <v>122</v>
      </c>
      <c r="Z28" s="221">
        <v>172</v>
      </c>
      <c r="AA28" s="222">
        <v>294</v>
      </c>
      <c r="AB28" s="213">
        <v>0</v>
      </c>
      <c r="AC28" s="221">
        <v>254</v>
      </c>
      <c r="AD28" s="221">
        <v>206</v>
      </c>
      <c r="AE28" s="221">
        <v>162</v>
      </c>
      <c r="AF28" s="221">
        <v>113</v>
      </c>
      <c r="AG28" s="221">
        <v>63</v>
      </c>
      <c r="AH28" s="222">
        <v>798</v>
      </c>
      <c r="AI28" s="223">
        <v>1092</v>
      </c>
    </row>
    <row r="29" spans="2:35" ht="21" customHeight="1" x14ac:dyDescent="0.2">
      <c r="B29" s="49" t="s">
        <v>28</v>
      </c>
      <c r="C29" s="220">
        <v>11</v>
      </c>
      <c r="D29" s="221">
        <v>18</v>
      </c>
      <c r="E29" s="222">
        <v>29</v>
      </c>
      <c r="F29" s="213">
        <v>0</v>
      </c>
      <c r="G29" s="221">
        <v>74</v>
      </c>
      <c r="H29" s="221">
        <v>96</v>
      </c>
      <c r="I29" s="221">
        <v>42</v>
      </c>
      <c r="J29" s="221">
        <v>40</v>
      </c>
      <c r="K29" s="221">
        <v>27</v>
      </c>
      <c r="L29" s="222">
        <v>279</v>
      </c>
      <c r="M29" s="223">
        <v>308</v>
      </c>
      <c r="N29" s="224">
        <v>0</v>
      </c>
      <c r="O29" s="221">
        <v>0</v>
      </c>
      <c r="P29" s="222">
        <v>0</v>
      </c>
      <c r="Q29" s="213">
        <v>0</v>
      </c>
      <c r="R29" s="221">
        <v>0</v>
      </c>
      <c r="S29" s="221">
        <v>2</v>
      </c>
      <c r="T29" s="221">
        <v>0</v>
      </c>
      <c r="U29" s="221">
        <v>0</v>
      </c>
      <c r="V29" s="221">
        <v>3</v>
      </c>
      <c r="W29" s="222">
        <v>5</v>
      </c>
      <c r="X29" s="223">
        <v>5</v>
      </c>
      <c r="Y29" s="220">
        <v>11</v>
      </c>
      <c r="Z29" s="221">
        <v>18</v>
      </c>
      <c r="AA29" s="222">
        <v>29</v>
      </c>
      <c r="AB29" s="213">
        <v>0</v>
      </c>
      <c r="AC29" s="221">
        <v>74</v>
      </c>
      <c r="AD29" s="221">
        <v>98</v>
      </c>
      <c r="AE29" s="221">
        <v>42</v>
      </c>
      <c r="AF29" s="221">
        <v>40</v>
      </c>
      <c r="AG29" s="221">
        <v>30</v>
      </c>
      <c r="AH29" s="222">
        <v>284</v>
      </c>
      <c r="AI29" s="223">
        <v>313</v>
      </c>
    </row>
    <row r="30" spans="2:35" ht="21" customHeight="1" x14ac:dyDescent="0.2">
      <c r="B30" s="49" t="s">
        <v>29</v>
      </c>
      <c r="C30" s="220">
        <v>29</v>
      </c>
      <c r="D30" s="221">
        <v>31</v>
      </c>
      <c r="E30" s="222">
        <v>60</v>
      </c>
      <c r="F30" s="213">
        <v>0</v>
      </c>
      <c r="G30" s="221">
        <v>90</v>
      </c>
      <c r="H30" s="221">
        <v>112</v>
      </c>
      <c r="I30" s="221">
        <v>59</v>
      </c>
      <c r="J30" s="221">
        <v>54</v>
      </c>
      <c r="K30" s="221">
        <v>29</v>
      </c>
      <c r="L30" s="222">
        <v>344</v>
      </c>
      <c r="M30" s="223">
        <v>404</v>
      </c>
      <c r="N30" s="224">
        <v>1</v>
      </c>
      <c r="O30" s="221">
        <v>2</v>
      </c>
      <c r="P30" s="222">
        <v>3</v>
      </c>
      <c r="Q30" s="213">
        <v>0</v>
      </c>
      <c r="R30" s="221">
        <v>2</v>
      </c>
      <c r="S30" s="221">
        <v>2</v>
      </c>
      <c r="T30" s="221">
        <v>3</v>
      </c>
      <c r="U30" s="221">
        <v>1</v>
      </c>
      <c r="V30" s="221">
        <v>0</v>
      </c>
      <c r="W30" s="222">
        <v>8</v>
      </c>
      <c r="X30" s="223">
        <v>11</v>
      </c>
      <c r="Y30" s="220">
        <v>30</v>
      </c>
      <c r="Z30" s="221">
        <v>33</v>
      </c>
      <c r="AA30" s="222">
        <v>63</v>
      </c>
      <c r="AB30" s="213">
        <v>0</v>
      </c>
      <c r="AC30" s="221">
        <v>92</v>
      </c>
      <c r="AD30" s="221">
        <v>114</v>
      </c>
      <c r="AE30" s="221">
        <v>62</v>
      </c>
      <c r="AF30" s="221">
        <v>55</v>
      </c>
      <c r="AG30" s="221">
        <v>29</v>
      </c>
      <c r="AH30" s="222">
        <v>352</v>
      </c>
      <c r="AI30" s="223">
        <v>415</v>
      </c>
    </row>
    <row r="31" spans="2:35" ht="21" customHeight="1" x14ac:dyDescent="0.2">
      <c r="B31" s="49" t="s">
        <v>30</v>
      </c>
      <c r="C31" s="220">
        <v>36</v>
      </c>
      <c r="D31" s="221">
        <v>31</v>
      </c>
      <c r="E31" s="222">
        <v>67</v>
      </c>
      <c r="F31" s="213">
        <v>0</v>
      </c>
      <c r="G31" s="221">
        <v>103</v>
      </c>
      <c r="H31" s="221">
        <v>90</v>
      </c>
      <c r="I31" s="221">
        <v>55</v>
      </c>
      <c r="J31" s="221">
        <v>51</v>
      </c>
      <c r="K31" s="221">
        <v>19</v>
      </c>
      <c r="L31" s="222">
        <v>318</v>
      </c>
      <c r="M31" s="223">
        <v>385</v>
      </c>
      <c r="N31" s="224">
        <v>1</v>
      </c>
      <c r="O31" s="221">
        <v>0</v>
      </c>
      <c r="P31" s="222">
        <v>1</v>
      </c>
      <c r="Q31" s="213">
        <v>0</v>
      </c>
      <c r="R31" s="221">
        <v>1</v>
      </c>
      <c r="S31" s="221">
        <v>0</v>
      </c>
      <c r="T31" s="221">
        <v>1</v>
      </c>
      <c r="U31" s="221">
        <v>1</v>
      </c>
      <c r="V31" s="221">
        <v>0</v>
      </c>
      <c r="W31" s="222">
        <v>3</v>
      </c>
      <c r="X31" s="223">
        <v>4</v>
      </c>
      <c r="Y31" s="220">
        <v>37</v>
      </c>
      <c r="Z31" s="221">
        <v>31</v>
      </c>
      <c r="AA31" s="222">
        <v>68</v>
      </c>
      <c r="AB31" s="213">
        <v>0</v>
      </c>
      <c r="AC31" s="221">
        <v>104</v>
      </c>
      <c r="AD31" s="221">
        <v>90</v>
      </c>
      <c r="AE31" s="221">
        <v>56</v>
      </c>
      <c r="AF31" s="221">
        <v>52</v>
      </c>
      <c r="AG31" s="221">
        <v>19</v>
      </c>
      <c r="AH31" s="222">
        <v>321</v>
      </c>
      <c r="AI31" s="223">
        <v>389</v>
      </c>
    </row>
    <row r="32" spans="2:35" ht="21" customHeight="1" x14ac:dyDescent="0.2">
      <c r="B32" s="49" t="s">
        <v>31</v>
      </c>
      <c r="C32" s="220">
        <v>26</v>
      </c>
      <c r="D32" s="221">
        <v>50</v>
      </c>
      <c r="E32" s="222">
        <v>76</v>
      </c>
      <c r="F32" s="213">
        <v>0</v>
      </c>
      <c r="G32" s="221">
        <v>113</v>
      </c>
      <c r="H32" s="221">
        <v>102</v>
      </c>
      <c r="I32" s="221">
        <v>56</v>
      </c>
      <c r="J32" s="221">
        <v>30</v>
      </c>
      <c r="K32" s="221">
        <v>18</v>
      </c>
      <c r="L32" s="222">
        <v>319</v>
      </c>
      <c r="M32" s="223">
        <v>395</v>
      </c>
      <c r="N32" s="224">
        <v>0</v>
      </c>
      <c r="O32" s="221">
        <v>1</v>
      </c>
      <c r="P32" s="222">
        <v>1</v>
      </c>
      <c r="Q32" s="213">
        <v>0</v>
      </c>
      <c r="R32" s="221">
        <v>3</v>
      </c>
      <c r="S32" s="221">
        <v>1</v>
      </c>
      <c r="T32" s="221">
        <v>0</v>
      </c>
      <c r="U32" s="221">
        <v>2</v>
      </c>
      <c r="V32" s="221">
        <v>2</v>
      </c>
      <c r="W32" s="222">
        <v>8</v>
      </c>
      <c r="X32" s="223">
        <v>9</v>
      </c>
      <c r="Y32" s="220">
        <v>26</v>
      </c>
      <c r="Z32" s="221">
        <v>51</v>
      </c>
      <c r="AA32" s="222">
        <v>77</v>
      </c>
      <c r="AB32" s="213">
        <v>0</v>
      </c>
      <c r="AC32" s="221">
        <v>116</v>
      </c>
      <c r="AD32" s="221">
        <v>103</v>
      </c>
      <c r="AE32" s="221">
        <v>56</v>
      </c>
      <c r="AF32" s="221">
        <v>32</v>
      </c>
      <c r="AG32" s="221">
        <v>20</v>
      </c>
      <c r="AH32" s="222">
        <v>327</v>
      </c>
      <c r="AI32" s="223">
        <v>404</v>
      </c>
    </row>
    <row r="33" spans="2:35" ht="21" customHeight="1" x14ac:dyDescent="0.2">
      <c r="B33" s="49" t="s">
        <v>32</v>
      </c>
      <c r="C33" s="220">
        <v>36</v>
      </c>
      <c r="D33" s="221">
        <v>43</v>
      </c>
      <c r="E33" s="222">
        <v>79</v>
      </c>
      <c r="F33" s="213">
        <v>0</v>
      </c>
      <c r="G33" s="221">
        <v>148</v>
      </c>
      <c r="H33" s="221">
        <v>117</v>
      </c>
      <c r="I33" s="221">
        <v>59</v>
      </c>
      <c r="J33" s="221">
        <v>55</v>
      </c>
      <c r="K33" s="221">
        <v>32</v>
      </c>
      <c r="L33" s="222">
        <v>411</v>
      </c>
      <c r="M33" s="223">
        <v>490</v>
      </c>
      <c r="N33" s="224">
        <v>0</v>
      </c>
      <c r="O33" s="221">
        <v>1</v>
      </c>
      <c r="P33" s="222">
        <v>1</v>
      </c>
      <c r="Q33" s="213">
        <v>0</v>
      </c>
      <c r="R33" s="221">
        <v>8</v>
      </c>
      <c r="S33" s="221">
        <v>6</v>
      </c>
      <c r="T33" s="221">
        <v>1</v>
      </c>
      <c r="U33" s="221">
        <v>2</v>
      </c>
      <c r="V33" s="221">
        <v>2</v>
      </c>
      <c r="W33" s="222">
        <v>19</v>
      </c>
      <c r="X33" s="223">
        <v>20</v>
      </c>
      <c r="Y33" s="220">
        <v>36</v>
      </c>
      <c r="Z33" s="221">
        <v>44</v>
      </c>
      <c r="AA33" s="222">
        <v>80</v>
      </c>
      <c r="AB33" s="213">
        <v>0</v>
      </c>
      <c r="AC33" s="221">
        <v>156</v>
      </c>
      <c r="AD33" s="221">
        <v>123</v>
      </c>
      <c r="AE33" s="221">
        <v>60</v>
      </c>
      <c r="AF33" s="221">
        <v>57</v>
      </c>
      <c r="AG33" s="221">
        <v>34</v>
      </c>
      <c r="AH33" s="222">
        <v>430</v>
      </c>
      <c r="AI33" s="223">
        <v>510</v>
      </c>
    </row>
    <row r="34" spans="2:35" ht="21" customHeight="1" x14ac:dyDescent="0.2">
      <c r="B34" s="49" t="s">
        <v>33</v>
      </c>
      <c r="C34" s="220">
        <v>42</v>
      </c>
      <c r="D34" s="221">
        <v>59</v>
      </c>
      <c r="E34" s="222">
        <v>101</v>
      </c>
      <c r="F34" s="213">
        <v>0</v>
      </c>
      <c r="G34" s="221">
        <v>132</v>
      </c>
      <c r="H34" s="221">
        <v>88</v>
      </c>
      <c r="I34" s="221">
        <v>50</v>
      </c>
      <c r="J34" s="221">
        <v>35</v>
      </c>
      <c r="K34" s="221">
        <v>24</v>
      </c>
      <c r="L34" s="222">
        <v>329</v>
      </c>
      <c r="M34" s="223">
        <v>430</v>
      </c>
      <c r="N34" s="224">
        <v>0</v>
      </c>
      <c r="O34" s="221">
        <v>0</v>
      </c>
      <c r="P34" s="222">
        <v>0</v>
      </c>
      <c r="Q34" s="213">
        <v>0</v>
      </c>
      <c r="R34" s="221">
        <v>3</v>
      </c>
      <c r="S34" s="221">
        <v>1</v>
      </c>
      <c r="T34" s="221">
        <v>0</v>
      </c>
      <c r="U34" s="221">
        <v>1</v>
      </c>
      <c r="V34" s="221">
        <v>1</v>
      </c>
      <c r="W34" s="222">
        <v>6</v>
      </c>
      <c r="X34" s="223">
        <v>6</v>
      </c>
      <c r="Y34" s="220">
        <v>42</v>
      </c>
      <c r="Z34" s="221">
        <v>59</v>
      </c>
      <c r="AA34" s="222">
        <v>101</v>
      </c>
      <c r="AB34" s="213">
        <v>0</v>
      </c>
      <c r="AC34" s="221">
        <v>135</v>
      </c>
      <c r="AD34" s="221">
        <v>89</v>
      </c>
      <c r="AE34" s="221">
        <v>50</v>
      </c>
      <c r="AF34" s="221">
        <v>36</v>
      </c>
      <c r="AG34" s="221">
        <v>25</v>
      </c>
      <c r="AH34" s="222">
        <v>335</v>
      </c>
      <c r="AI34" s="223">
        <v>436</v>
      </c>
    </row>
    <row r="35" spans="2:35" ht="21" customHeight="1" x14ac:dyDescent="0.2">
      <c r="B35" s="49" t="s">
        <v>34</v>
      </c>
      <c r="C35" s="220">
        <v>17</v>
      </c>
      <c r="D35" s="221">
        <v>26</v>
      </c>
      <c r="E35" s="222">
        <v>43</v>
      </c>
      <c r="F35" s="213">
        <v>0</v>
      </c>
      <c r="G35" s="221">
        <v>96</v>
      </c>
      <c r="H35" s="221">
        <v>71</v>
      </c>
      <c r="I35" s="221">
        <v>40</v>
      </c>
      <c r="J35" s="221">
        <v>37</v>
      </c>
      <c r="K35" s="221">
        <v>16</v>
      </c>
      <c r="L35" s="222">
        <v>260</v>
      </c>
      <c r="M35" s="223">
        <v>303</v>
      </c>
      <c r="N35" s="224">
        <v>0</v>
      </c>
      <c r="O35" s="221">
        <v>0</v>
      </c>
      <c r="P35" s="222">
        <v>0</v>
      </c>
      <c r="Q35" s="213">
        <v>0</v>
      </c>
      <c r="R35" s="221">
        <v>4</v>
      </c>
      <c r="S35" s="221">
        <v>2</v>
      </c>
      <c r="T35" s="221">
        <v>2</v>
      </c>
      <c r="U35" s="221">
        <v>1</v>
      </c>
      <c r="V35" s="221">
        <v>1</v>
      </c>
      <c r="W35" s="222">
        <v>10</v>
      </c>
      <c r="X35" s="223">
        <v>10</v>
      </c>
      <c r="Y35" s="220">
        <v>17</v>
      </c>
      <c r="Z35" s="221">
        <v>26</v>
      </c>
      <c r="AA35" s="222">
        <v>43</v>
      </c>
      <c r="AB35" s="213">
        <v>0</v>
      </c>
      <c r="AC35" s="221">
        <v>100</v>
      </c>
      <c r="AD35" s="221">
        <v>73</v>
      </c>
      <c r="AE35" s="221">
        <v>42</v>
      </c>
      <c r="AF35" s="221">
        <v>38</v>
      </c>
      <c r="AG35" s="221">
        <v>17</v>
      </c>
      <c r="AH35" s="222">
        <v>270</v>
      </c>
      <c r="AI35" s="223">
        <v>313</v>
      </c>
    </row>
    <row r="36" spans="2:35" ht="21" customHeight="1" x14ac:dyDescent="0.2">
      <c r="B36" s="49" t="s">
        <v>35</v>
      </c>
      <c r="C36" s="220">
        <v>70</v>
      </c>
      <c r="D36" s="221">
        <v>100</v>
      </c>
      <c r="E36" s="222">
        <v>170</v>
      </c>
      <c r="F36" s="213">
        <v>0</v>
      </c>
      <c r="G36" s="221">
        <v>373</v>
      </c>
      <c r="H36" s="221">
        <v>244</v>
      </c>
      <c r="I36" s="221">
        <v>135</v>
      </c>
      <c r="J36" s="221">
        <v>122</v>
      </c>
      <c r="K36" s="221">
        <v>44</v>
      </c>
      <c r="L36" s="222">
        <v>918</v>
      </c>
      <c r="M36" s="223">
        <v>1088</v>
      </c>
      <c r="N36" s="224">
        <v>0</v>
      </c>
      <c r="O36" s="221">
        <v>1</v>
      </c>
      <c r="P36" s="222">
        <v>1</v>
      </c>
      <c r="Q36" s="213">
        <v>0</v>
      </c>
      <c r="R36" s="221">
        <v>1</v>
      </c>
      <c r="S36" s="221">
        <v>7</v>
      </c>
      <c r="T36" s="221">
        <v>1</v>
      </c>
      <c r="U36" s="221">
        <v>1</v>
      </c>
      <c r="V36" s="221">
        <v>2</v>
      </c>
      <c r="W36" s="222">
        <v>12</v>
      </c>
      <c r="X36" s="223">
        <v>13</v>
      </c>
      <c r="Y36" s="220">
        <v>70</v>
      </c>
      <c r="Z36" s="221">
        <v>101</v>
      </c>
      <c r="AA36" s="222">
        <v>171</v>
      </c>
      <c r="AB36" s="213">
        <v>0</v>
      </c>
      <c r="AC36" s="221">
        <v>374</v>
      </c>
      <c r="AD36" s="221">
        <v>251</v>
      </c>
      <c r="AE36" s="221">
        <v>136</v>
      </c>
      <c r="AF36" s="221">
        <v>123</v>
      </c>
      <c r="AG36" s="221">
        <v>46</v>
      </c>
      <c r="AH36" s="222">
        <v>930</v>
      </c>
      <c r="AI36" s="223">
        <v>1101</v>
      </c>
    </row>
    <row r="37" spans="2:35" ht="21" customHeight="1" x14ac:dyDescent="0.2">
      <c r="B37" s="49" t="s">
        <v>36</v>
      </c>
      <c r="C37" s="220">
        <v>54</v>
      </c>
      <c r="D37" s="221">
        <v>121</v>
      </c>
      <c r="E37" s="222">
        <v>175</v>
      </c>
      <c r="F37" s="213">
        <v>0</v>
      </c>
      <c r="G37" s="221">
        <v>279</v>
      </c>
      <c r="H37" s="221">
        <v>272</v>
      </c>
      <c r="I37" s="221">
        <v>165</v>
      </c>
      <c r="J37" s="221">
        <v>104</v>
      </c>
      <c r="K37" s="221">
        <v>65</v>
      </c>
      <c r="L37" s="222">
        <v>885</v>
      </c>
      <c r="M37" s="223">
        <v>1060</v>
      </c>
      <c r="N37" s="224">
        <v>1</v>
      </c>
      <c r="O37" s="221">
        <v>4</v>
      </c>
      <c r="P37" s="222">
        <v>5</v>
      </c>
      <c r="Q37" s="213">
        <v>0</v>
      </c>
      <c r="R37" s="221">
        <v>3</v>
      </c>
      <c r="S37" s="221">
        <v>8</v>
      </c>
      <c r="T37" s="221">
        <v>6</v>
      </c>
      <c r="U37" s="221">
        <v>0</v>
      </c>
      <c r="V37" s="221">
        <v>0</v>
      </c>
      <c r="W37" s="222">
        <v>17</v>
      </c>
      <c r="X37" s="223">
        <v>22</v>
      </c>
      <c r="Y37" s="220">
        <v>55</v>
      </c>
      <c r="Z37" s="221">
        <v>125</v>
      </c>
      <c r="AA37" s="222">
        <v>180</v>
      </c>
      <c r="AB37" s="213">
        <v>0</v>
      </c>
      <c r="AC37" s="221">
        <v>282</v>
      </c>
      <c r="AD37" s="221">
        <v>280</v>
      </c>
      <c r="AE37" s="221">
        <v>171</v>
      </c>
      <c r="AF37" s="221">
        <v>104</v>
      </c>
      <c r="AG37" s="221">
        <v>65</v>
      </c>
      <c r="AH37" s="222">
        <v>902</v>
      </c>
      <c r="AI37" s="223">
        <v>1082</v>
      </c>
    </row>
    <row r="38" spans="2:35" ht="21" customHeight="1" thickBot="1" x14ac:dyDescent="0.25">
      <c r="B38" s="50" t="s">
        <v>37</v>
      </c>
      <c r="C38" s="225">
        <v>11</v>
      </c>
      <c r="D38" s="226">
        <v>8</v>
      </c>
      <c r="E38" s="227">
        <v>19</v>
      </c>
      <c r="F38" s="214">
        <v>0</v>
      </c>
      <c r="G38" s="226">
        <v>30</v>
      </c>
      <c r="H38" s="226">
        <v>19</v>
      </c>
      <c r="I38" s="226">
        <v>22</v>
      </c>
      <c r="J38" s="226">
        <v>5</v>
      </c>
      <c r="K38" s="226">
        <v>5</v>
      </c>
      <c r="L38" s="227">
        <v>81</v>
      </c>
      <c r="M38" s="228">
        <v>100</v>
      </c>
      <c r="N38" s="229">
        <v>0</v>
      </c>
      <c r="O38" s="226">
        <v>0</v>
      </c>
      <c r="P38" s="227">
        <v>0</v>
      </c>
      <c r="Q38" s="214">
        <v>0</v>
      </c>
      <c r="R38" s="226">
        <v>1</v>
      </c>
      <c r="S38" s="226">
        <v>1</v>
      </c>
      <c r="T38" s="226">
        <v>2</v>
      </c>
      <c r="U38" s="226">
        <v>1</v>
      </c>
      <c r="V38" s="226">
        <v>0</v>
      </c>
      <c r="W38" s="227">
        <v>5</v>
      </c>
      <c r="X38" s="228">
        <v>5</v>
      </c>
      <c r="Y38" s="225">
        <v>11</v>
      </c>
      <c r="Z38" s="226">
        <v>8</v>
      </c>
      <c r="AA38" s="227">
        <v>19</v>
      </c>
      <c r="AB38" s="214">
        <v>0</v>
      </c>
      <c r="AC38" s="226">
        <v>31</v>
      </c>
      <c r="AD38" s="226">
        <v>20</v>
      </c>
      <c r="AE38" s="226">
        <v>24</v>
      </c>
      <c r="AF38" s="226">
        <v>6</v>
      </c>
      <c r="AG38" s="226">
        <v>5</v>
      </c>
      <c r="AH38" s="227">
        <v>86</v>
      </c>
      <c r="AI38" s="228">
        <v>105</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v>4</v>
      </c>
      <c r="J1" s="524"/>
      <c r="K1" s="248">
        <f>第１表!G2</f>
        <v>11</v>
      </c>
      <c r="L1" s="529">
        <f>IF(K1&lt;3,K1+12-2,K1-2)</f>
        <v>9</v>
      </c>
      <c r="M1" s="529"/>
    </row>
    <row r="2" spans="2:156" ht="24" customHeight="1" thickBot="1" x14ac:dyDescent="0.25">
      <c r="B2" s="290" t="s">
        <v>138</v>
      </c>
      <c r="G2" s="247"/>
      <c r="H2" s="248"/>
      <c r="J2" s="254"/>
      <c r="K2" s="254"/>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263" t="s">
        <v>43</v>
      </c>
      <c r="D5" s="259" t="s">
        <v>44</v>
      </c>
      <c r="E5" s="382" t="s">
        <v>45</v>
      </c>
      <c r="F5" s="267" t="s">
        <v>83</v>
      </c>
      <c r="G5" s="259" t="s">
        <v>47</v>
      </c>
      <c r="H5" s="259" t="s">
        <v>48</v>
      </c>
      <c r="I5" s="259" t="s">
        <v>49</v>
      </c>
      <c r="J5" s="259" t="s">
        <v>50</v>
      </c>
      <c r="K5" s="259" t="s">
        <v>51</v>
      </c>
      <c r="L5" s="268" t="s">
        <v>45</v>
      </c>
      <c r="M5" s="531"/>
      <c r="N5" s="263" t="s">
        <v>43</v>
      </c>
      <c r="O5" s="259" t="s">
        <v>44</v>
      </c>
      <c r="P5" s="265" t="s">
        <v>45</v>
      </c>
      <c r="Q5" s="267" t="s">
        <v>83</v>
      </c>
      <c r="R5" s="259" t="s">
        <v>47</v>
      </c>
      <c r="S5" s="259" t="s">
        <v>48</v>
      </c>
      <c r="T5" s="259" t="s">
        <v>49</v>
      </c>
      <c r="U5" s="259" t="s">
        <v>50</v>
      </c>
      <c r="V5" s="259" t="s">
        <v>51</v>
      </c>
      <c r="W5" s="265" t="s">
        <v>45</v>
      </c>
      <c r="X5" s="531"/>
      <c r="Y5" s="263" t="s">
        <v>43</v>
      </c>
      <c r="Z5" s="259" t="s">
        <v>44</v>
      </c>
      <c r="AA5" s="265" t="s">
        <v>45</v>
      </c>
      <c r="AB5" s="267" t="s">
        <v>83</v>
      </c>
      <c r="AC5" s="259" t="s">
        <v>47</v>
      </c>
      <c r="AD5" s="259" t="s">
        <v>48</v>
      </c>
      <c r="AE5" s="259" t="s">
        <v>49</v>
      </c>
      <c r="AF5" s="259" t="s">
        <v>50</v>
      </c>
      <c r="AG5" s="259" t="s">
        <v>51</v>
      </c>
      <c r="AH5" s="265" t="s">
        <v>45</v>
      </c>
      <c r="AI5" s="531"/>
      <c r="AJ5" s="263" t="s">
        <v>43</v>
      </c>
      <c r="AK5" s="259" t="s">
        <v>44</v>
      </c>
      <c r="AL5" s="265" t="s">
        <v>45</v>
      </c>
      <c r="AM5" s="267" t="s">
        <v>83</v>
      </c>
      <c r="AN5" s="259" t="s">
        <v>47</v>
      </c>
      <c r="AO5" s="259" t="s">
        <v>48</v>
      </c>
      <c r="AP5" s="259" t="s">
        <v>49</v>
      </c>
      <c r="AQ5" s="259" t="s">
        <v>50</v>
      </c>
      <c r="AR5" s="259" t="s">
        <v>51</v>
      </c>
      <c r="AS5" s="265" t="s">
        <v>45</v>
      </c>
      <c r="AT5" s="531"/>
      <c r="AU5" s="263" t="s">
        <v>43</v>
      </c>
      <c r="AV5" s="259" t="s">
        <v>44</v>
      </c>
      <c r="AW5" s="265" t="s">
        <v>45</v>
      </c>
      <c r="AX5" s="267" t="s">
        <v>83</v>
      </c>
      <c r="AY5" s="259" t="s">
        <v>47</v>
      </c>
      <c r="AZ5" s="259" t="s">
        <v>48</v>
      </c>
      <c r="BA5" s="259" t="s">
        <v>49</v>
      </c>
      <c r="BB5" s="259" t="s">
        <v>50</v>
      </c>
      <c r="BC5" s="259" t="s">
        <v>51</v>
      </c>
      <c r="BD5" s="268" t="s">
        <v>45</v>
      </c>
      <c r="BE5" s="531"/>
      <c r="BF5" s="263" t="s">
        <v>43</v>
      </c>
      <c r="BG5" s="259" t="s">
        <v>44</v>
      </c>
      <c r="BH5" s="265" t="s">
        <v>45</v>
      </c>
      <c r="BI5" s="267" t="s">
        <v>83</v>
      </c>
      <c r="BJ5" s="259" t="s">
        <v>47</v>
      </c>
      <c r="BK5" s="259" t="s">
        <v>48</v>
      </c>
      <c r="BL5" s="259" t="s">
        <v>49</v>
      </c>
      <c r="BM5" s="259" t="s">
        <v>50</v>
      </c>
      <c r="BN5" s="259" t="s">
        <v>51</v>
      </c>
      <c r="BO5" s="265" t="s">
        <v>45</v>
      </c>
      <c r="BP5" s="531"/>
      <c r="BQ5" s="263" t="s">
        <v>43</v>
      </c>
      <c r="BR5" s="259" t="s">
        <v>44</v>
      </c>
      <c r="BS5" s="265" t="s">
        <v>45</v>
      </c>
      <c r="BT5" s="267" t="s">
        <v>83</v>
      </c>
      <c r="BU5" s="259" t="s">
        <v>47</v>
      </c>
      <c r="BV5" s="259" t="s">
        <v>48</v>
      </c>
      <c r="BW5" s="259" t="s">
        <v>49</v>
      </c>
      <c r="BX5" s="259" t="s">
        <v>50</v>
      </c>
      <c r="BY5" s="259" t="s">
        <v>51</v>
      </c>
      <c r="BZ5" s="265" t="s">
        <v>45</v>
      </c>
      <c r="CA5" s="531"/>
      <c r="CB5" s="263" t="s">
        <v>43</v>
      </c>
      <c r="CC5" s="259" t="s">
        <v>44</v>
      </c>
      <c r="CD5" s="265" t="s">
        <v>45</v>
      </c>
      <c r="CE5" s="267" t="s">
        <v>83</v>
      </c>
      <c r="CF5" s="259" t="s">
        <v>47</v>
      </c>
      <c r="CG5" s="259" t="s">
        <v>48</v>
      </c>
      <c r="CH5" s="259" t="s">
        <v>49</v>
      </c>
      <c r="CI5" s="259" t="s">
        <v>50</v>
      </c>
      <c r="CJ5" s="259" t="s">
        <v>51</v>
      </c>
      <c r="CK5" s="265" t="s">
        <v>45</v>
      </c>
      <c r="CL5" s="531"/>
      <c r="CM5" s="263" t="s">
        <v>43</v>
      </c>
      <c r="CN5" s="259" t="s">
        <v>44</v>
      </c>
      <c r="CO5" s="265" t="s">
        <v>45</v>
      </c>
      <c r="CP5" s="267" t="s">
        <v>83</v>
      </c>
      <c r="CQ5" s="259" t="s">
        <v>47</v>
      </c>
      <c r="CR5" s="259" t="s">
        <v>48</v>
      </c>
      <c r="CS5" s="259" t="s">
        <v>49</v>
      </c>
      <c r="CT5" s="259" t="s">
        <v>50</v>
      </c>
      <c r="CU5" s="259" t="s">
        <v>51</v>
      </c>
      <c r="CV5" s="265" t="s">
        <v>45</v>
      </c>
      <c r="CW5" s="531"/>
      <c r="CX5" s="263" t="s">
        <v>43</v>
      </c>
      <c r="CY5" s="259" t="s">
        <v>44</v>
      </c>
      <c r="CZ5" s="265" t="s">
        <v>45</v>
      </c>
      <c r="DA5" s="267" t="s">
        <v>83</v>
      </c>
      <c r="DB5" s="259" t="s">
        <v>47</v>
      </c>
      <c r="DC5" s="259" t="s">
        <v>48</v>
      </c>
      <c r="DD5" s="259" t="s">
        <v>49</v>
      </c>
      <c r="DE5" s="259" t="s">
        <v>50</v>
      </c>
      <c r="DF5" s="259" t="s">
        <v>51</v>
      </c>
      <c r="DG5" s="265" t="s">
        <v>45</v>
      </c>
      <c r="DH5" s="531"/>
      <c r="DI5" s="344" t="s">
        <v>43</v>
      </c>
      <c r="DJ5" s="259" t="s">
        <v>44</v>
      </c>
      <c r="DK5" s="265" t="s">
        <v>45</v>
      </c>
      <c r="DL5" s="267" t="s">
        <v>83</v>
      </c>
      <c r="DM5" s="259" t="s">
        <v>47</v>
      </c>
      <c r="DN5" s="259" t="s">
        <v>48</v>
      </c>
      <c r="DO5" s="259" t="s">
        <v>49</v>
      </c>
      <c r="DP5" s="259" t="s">
        <v>50</v>
      </c>
      <c r="DQ5" s="259" t="s">
        <v>51</v>
      </c>
      <c r="DR5" s="265" t="s">
        <v>45</v>
      </c>
      <c r="DS5" s="531"/>
      <c r="DT5" s="263" t="s">
        <v>43</v>
      </c>
      <c r="DU5" s="259" t="s">
        <v>44</v>
      </c>
      <c r="DV5" s="265" t="s">
        <v>45</v>
      </c>
      <c r="DW5" s="267" t="s">
        <v>83</v>
      </c>
      <c r="DX5" s="259" t="s">
        <v>47</v>
      </c>
      <c r="DY5" s="259" t="s">
        <v>48</v>
      </c>
      <c r="DZ5" s="259" t="s">
        <v>49</v>
      </c>
      <c r="EA5" s="259" t="s">
        <v>50</v>
      </c>
      <c r="EB5" s="259" t="s">
        <v>51</v>
      </c>
      <c r="EC5" s="265" t="s">
        <v>45</v>
      </c>
      <c r="ED5" s="531"/>
      <c r="EE5" s="263" t="s">
        <v>43</v>
      </c>
      <c r="EF5" s="259" t="s">
        <v>44</v>
      </c>
      <c r="EG5" s="265" t="s">
        <v>45</v>
      </c>
      <c r="EH5" s="267" t="s">
        <v>83</v>
      </c>
      <c r="EI5" s="259" t="s">
        <v>47</v>
      </c>
      <c r="EJ5" s="259" t="s">
        <v>48</v>
      </c>
      <c r="EK5" s="259" t="s">
        <v>49</v>
      </c>
      <c r="EL5" s="259" t="s">
        <v>50</v>
      </c>
      <c r="EM5" s="259" t="s">
        <v>51</v>
      </c>
      <c r="EN5" s="265" t="s">
        <v>45</v>
      </c>
      <c r="EO5" s="531"/>
      <c r="EP5" s="263"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3">
        <v>0</v>
      </c>
      <c r="F6" s="272">
        <v>0</v>
      </c>
      <c r="G6" s="273">
        <v>19280</v>
      </c>
      <c r="H6" s="273">
        <v>22355</v>
      </c>
      <c r="I6" s="273">
        <v>12200</v>
      </c>
      <c r="J6" s="273">
        <v>9978</v>
      </c>
      <c r="K6" s="273">
        <v>7503</v>
      </c>
      <c r="L6" s="274">
        <v>71316</v>
      </c>
      <c r="M6" s="275">
        <v>71316</v>
      </c>
      <c r="N6" s="269">
        <v>2</v>
      </c>
      <c r="O6" s="273">
        <v>24</v>
      </c>
      <c r="P6" s="270">
        <v>26</v>
      </c>
      <c r="Q6" s="272">
        <v>0</v>
      </c>
      <c r="R6" s="273">
        <v>100</v>
      </c>
      <c r="S6" s="273">
        <v>444</v>
      </c>
      <c r="T6" s="273">
        <v>784</v>
      </c>
      <c r="U6" s="273">
        <v>1954</v>
      </c>
      <c r="V6" s="273">
        <v>3394</v>
      </c>
      <c r="W6" s="270">
        <v>6676</v>
      </c>
      <c r="X6" s="275">
        <v>6702</v>
      </c>
      <c r="Y6" s="269">
        <v>2112</v>
      </c>
      <c r="Z6" s="273">
        <v>5135</v>
      </c>
      <c r="AA6" s="270">
        <v>7247</v>
      </c>
      <c r="AB6" s="272">
        <v>0</v>
      </c>
      <c r="AC6" s="273">
        <v>11276</v>
      </c>
      <c r="AD6" s="273">
        <v>15728</v>
      </c>
      <c r="AE6" s="273">
        <v>9560</v>
      </c>
      <c r="AF6" s="273">
        <v>8575</v>
      </c>
      <c r="AG6" s="273">
        <v>6599</v>
      </c>
      <c r="AH6" s="270">
        <v>51738</v>
      </c>
      <c r="AI6" s="275">
        <v>58985</v>
      </c>
      <c r="AJ6" s="269">
        <v>239</v>
      </c>
      <c r="AK6" s="273">
        <v>712</v>
      </c>
      <c r="AL6" s="270">
        <v>951</v>
      </c>
      <c r="AM6" s="272">
        <v>0</v>
      </c>
      <c r="AN6" s="273">
        <v>1054</v>
      </c>
      <c r="AO6" s="273">
        <v>1697</v>
      </c>
      <c r="AP6" s="273">
        <v>1071</v>
      </c>
      <c r="AQ6" s="273">
        <v>967</v>
      </c>
      <c r="AR6" s="273">
        <v>589</v>
      </c>
      <c r="AS6" s="270">
        <v>5378</v>
      </c>
      <c r="AT6" s="275">
        <v>6329</v>
      </c>
      <c r="AU6" s="269">
        <v>2806</v>
      </c>
      <c r="AV6" s="273">
        <v>3727</v>
      </c>
      <c r="AW6" s="270">
        <v>6533</v>
      </c>
      <c r="AX6" s="272">
        <v>0</v>
      </c>
      <c r="AY6" s="273">
        <v>17618</v>
      </c>
      <c r="AZ6" s="273">
        <v>21716</v>
      </c>
      <c r="BA6" s="273">
        <v>18880</v>
      </c>
      <c r="BB6" s="273">
        <v>18669</v>
      </c>
      <c r="BC6" s="273">
        <v>14231</v>
      </c>
      <c r="BD6" s="274">
        <v>91114</v>
      </c>
      <c r="BE6" s="275">
        <v>97647</v>
      </c>
      <c r="BF6" s="269">
        <v>0</v>
      </c>
      <c r="BG6" s="273">
        <v>0</v>
      </c>
      <c r="BH6" s="270">
        <v>0</v>
      </c>
      <c r="BI6" s="272">
        <v>0</v>
      </c>
      <c r="BJ6" s="273">
        <v>21481</v>
      </c>
      <c r="BK6" s="273">
        <v>19800</v>
      </c>
      <c r="BL6" s="273">
        <v>10824</v>
      </c>
      <c r="BM6" s="273">
        <v>6450</v>
      </c>
      <c r="BN6" s="273">
        <v>3116</v>
      </c>
      <c r="BO6" s="270">
        <v>61671</v>
      </c>
      <c r="BP6" s="275">
        <v>61671</v>
      </c>
      <c r="BQ6" s="269">
        <v>1519</v>
      </c>
      <c r="BR6" s="273">
        <v>2431</v>
      </c>
      <c r="BS6" s="270">
        <v>3950</v>
      </c>
      <c r="BT6" s="272">
        <v>0</v>
      </c>
      <c r="BU6" s="273">
        <v>4290</v>
      </c>
      <c r="BV6" s="273">
        <v>6187</v>
      </c>
      <c r="BW6" s="273">
        <v>3604</v>
      </c>
      <c r="BX6" s="273">
        <v>2320</v>
      </c>
      <c r="BY6" s="273">
        <v>849</v>
      </c>
      <c r="BZ6" s="270">
        <v>17250</v>
      </c>
      <c r="CA6" s="275">
        <v>21200</v>
      </c>
      <c r="CB6" s="269">
        <v>63</v>
      </c>
      <c r="CC6" s="273">
        <v>228</v>
      </c>
      <c r="CD6" s="270">
        <v>291</v>
      </c>
      <c r="CE6" s="272">
        <v>0</v>
      </c>
      <c r="CF6" s="273">
        <v>2081</v>
      </c>
      <c r="CG6" s="273">
        <v>3415</v>
      </c>
      <c r="CH6" s="273">
        <v>4255</v>
      </c>
      <c r="CI6" s="273">
        <v>3127</v>
      </c>
      <c r="CJ6" s="273">
        <v>1727</v>
      </c>
      <c r="CK6" s="270">
        <v>14605</v>
      </c>
      <c r="CL6" s="275">
        <v>14896</v>
      </c>
      <c r="CM6" s="269">
        <v>1</v>
      </c>
      <c r="CN6" s="273">
        <v>23</v>
      </c>
      <c r="CO6" s="270">
        <v>24</v>
      </c>
      <c r="CP6" s="272">
        <v>0</v>
      </c>
      <c r="CQ6" s="273">
        <v>182</v>
      </c>
      <c r="CR6" s="273">
        <v>378</v>
      </c>
      <c r="CS6" s="273">
        <v>479</v>
      </c>
      <c r="CT6" s="273">
        <v>464</v>
      </c>
      <c r="CU6" s="273">
        <v>286</v>
      </c>
      <c r="CV6" s="270">
        <v>1789</v>
      </c>
      <c r="CW6" s="275">
        <v>1813</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10516</v>
      </c>
      <c r="DU6" s="273">
        <v>22154</v>
      </c>
      <c r="DV6" s="270">
        <v>32670</v>
      </c>
      <c r="DW6" s="272">
        <v>0</v>
      </c>
      <c r="DX6" s="273">
        <v>26465</v>
      </c>
      <c r="DY6" s="273">
        <v>44408</v>
      </c>
      <c r="DZ6" s="273">
        <v>26298</v>
      </c>
      <c r="EA6" s="273">
        <v>20712</v>
      </c>
      <c r="EB6" s="273">
        <v>13031</v>
      </c>
      <c r="EC6" s="270">
        <v>130914</v>
      </c>
      <c r="ED6" s="275">
        <v>163584</v>
      </c>
      <c r="EE6" s="269">
        <v>1669</v>
      </c>
      <c r="EF6" s="273">
        <v>1285</v>
      </c>
      <c r="EG6" s="270">
        <v>2954</v>
      </c>
      <c r="EH6" s="272">
        <v>0</v>
      </c>
      <c r="EI6" s="273">
        <v>5954</v>
      </c>
      <c r="EJ6" s="273">
        <v>5377</v>
      </c>
      <c r="EK6" s="273">
        <v>4645</v>
      </c>
      <c r="EL6" s="273">
        <v>5358</v>
      </c>
      <c r="EM6" s="273">
        <v>3139</v>
      </c>
      <c r="EN6" s="270">
        <v>24473</v>
      </c>
      <c r="EO6" s="275">
        <v>27427</v>
      </c>
      <c r="EP6" s="269">
        <v>13469</v>
      </c>
      <c r="EQ6" s="273">
        <v>26309</v>
      </c>
      <c r="ER6" s="270">
        <v>39778</v>
      </c>
      <c r="ES6" s="272">
        <v>0</v>
      </c>
      <c r="ET6" s="273">
        <v>56758</v>
      </c>
      <c r="EU6" s="273">
        <v>59353</v>
      </c>
      <c r="EV6" s="273">
        <v>31432</v>
      </c>
      <c r="EW6" s="273">
        <v>22169</v>
      </c>
      <c r="EX6" s="273">
        <v>13458</v>
      </c>
      <c r="EY6" s="270">
        <v>183170</v>
      </c>
      <c r="EZ6" s="275">
        <v>222948</v>
      </c>
    </row>
    <row r="7" spans="2:156" ht="21" customHeight="1" x14ac:dyDescent="0.2">
      <c r="B7" s="261" t="s">
        <v>5</v>
      </c>
      <c r="C7" s="276">
        <v>0</v>
      </c>
      <c r="D7" s="280">
        <v>0</v>
      </c>
      <c r="E7" s="384">
        <v>0</v>
      </c>
      <c r="F7" s="279">
        <v>0</v>
      </c>
      <c r="G7" s="280">
        <v>6854</v>
      </c>
      <c r="H7" s="280">
        <v>11047</v>
      </c>
      <c r="I7" s="280">
        <v>5304</v>
      </c>
      <c r="J7" s="280">
        <v>4065</v>
      </c>
      <c r="K7" s="280">
        <v>3084</v>
      </c>
      <c r="L7" s="281">
        <v>30354</v>
      </c>
      <c r="M7" s="282">
        <v>30354</v>
      </c>
      <c r="N7" s="276">
        <v>2</v>
      </c>
      <c r="O7" s="280">
        <v>8</v>
      </c>
      <c r="P7" s="277">
        <v>10</v>
      </c>
      <c r="Q7" s="279">
        <v>0</v>
      </c>
      <c r="R7" s="280">
        <v>27</v>
      </c>
      <c r="S7" s="280">
        <v>176</v>
      </c>
      <c r="T7" s="280">
        <v>282</v>
      </c>
      <c r="U7" s="280">
        <v>772</v>
      </c>
      <c r="V7" s="280">
        <v>1461</v>
      </c>
      <c r="W7" s="277">
        <v>2718</v>
      </c>
      <c r="X7" s="282">
        <v>2728</v>
      </c>
      <c r="Y7" s="276">
        <v>933</v>
      </c>
      <c r="Z7" s="280">
        <v>2621</v>
      </c>
      <c r="AA7" s="277">
        <v>3554</v>
      </c>
      <c r="AB7" s="279">
        <v>0</v>
      </c>
      <c r="AC7" s="280">
        <v>4127</v>
      </c>
      <c r="AD7" s="280">
        <v>7995</v>
      </c>
      <c r="AE7" s="280">
        <v>4433</v>
      </c>
      <c r="AF7" s="280">
        <v>3802</v>
      </c>
      <c r="AG7" s="280">
        <v>2871</v>
      </c>
      <c r="AH7" s="277">
        <v>23228</v>
      </c>
      <c r="AI7" s="282">
        <v>26782</v>
      </c>
      <c r="AJ7" s="276">
        <v>103</v>
      </c>
      <c r="AK7" s="280">
        <v>362</v>
      </c>
      <c r="AL7" s="277">
        <v>465</v>
      </c>
      <c r="AM7" s="279">
        <v>0</v>
      </c>
      <c r="AN7" s="280">
        <v>266</v>
      </c>
      <c r="AO7" s="280">
        <v>701</v>
      </c>
      <c r="AP7" s="280">
        <v>431</v>
      </c>
      <c r="AQ7" s="280">
        <v>376</v>
      </c>
      <c r="AR7" s="280">
        <v>215</v>
      </c>
      <c r="AS7" s="277">
        <v>1989</v>
      </c>
      <c r="AT7" s="282">
        <v>2454</v>
      </c>
      <c r="AU7" s="276">
        <v>1151</v>
      </c>
      <c r="AV7" s="280">
        <v>1808</v>
      </c>
      <c r="AW7" s="277">
        <v>2959</v>
      </c>
      <c r="AX7" s="279">
        <v>0</v>
      </c>
      <c r="AY7" s="280">
        <v>6445</v>
      </c>
      <c r="AZ7" s="280">
        <v>9489</v>
      </c>
      <c r="BA7" s="280">
        <v>7709</v>
      </c>
      <c r="BB7" s="280">
        <v>7486</v>
      </c>
      <c r="BC7" s="280">
        <v>5775</v>
      </c>
      <c r="BD7" s="281">
        <v>36904</v>
      </c>
      <c r="BE7" s="282">
        <v>39863</v>
      </c>
      <c r="BF7" s="276">
        <v>0</v>
      </c>
      <c r="BG7" s="280">
        <v>0</v>
      </c>
      <c r="BH7" s="277">
        <v>0</v>
      </c>
      <c r="BI7" s="279">
        <v>0</v>
      </c>
      <c r="BJ7" s="280">
        <v>6779</v>
      </c>
      <c r="BK7" s="280">
        <v>8141</v>
      </c>
      <c r="BL7" s="280">
        <v>4010</v>
      </c>
      <c r="BM7" s="280">
        <v>2278</v>
      </c>
      <c r="BN7" s="280">
        <v>1128</v>
      </c>
      <c r="BO7" s="277">
        <v>22336</v>
      </c>
      <c r="BP7" s="282">
        <v>22336</v>
      </c>
      <c r="BQ7" s="276">
        <v>646</v>
      </c>
      <c r="BR7" s="280">
        <v>1080</v>
      </c>
      <c r="BS7" s="277">
        <v>1726</v>
      </c>
      <c r="BT7" s="279">
        <v>0</v>
      </c>
      <c r="BU7" s="280">
        <v>1308</v>
      </c>
      <c r="BV7" s="280">
        <v>2863</v>
      </c>
      <c r="BW7" s="280">
        <v>1607</v>
      </c>
      <c r="BX7" s="280">
        <v>1047</v>
      </c>
      <c r="BY7" s="280">
        <v>388</v>
      </c>
      <c r="BZ7" s="277">
        <v>7213</v>
      </c>
      <c r="CA7" s="282">
        <v>8939</v>
      </c>
      <c r="CB7" s="276">
        <v>22</v>
      </c>
      <c r="CC7" s="280">
        <v>93</v>
      </c>
      <c r="CD7" s="277">
        <v>115</v>
      </c>
      <c r="CE7" s="279">
        <v>0</v>
      </c>
      <c r="CF7" s="280">
        <v>604</v>
      </c>
      <c r="CG7" s="280">
        <v>1211</v>
      </c>
      <c r="CH7" s="280">
        <v>1495</v>
      </c>
      <c r="CI7" s="280">
        <v>1123</v>
      </c>
      <c r="CJ7" s="280">
        <v>608</v>
      </c>
      <c r="CK7" s="277">
        <v>5041</v>
      </c>
      <c r="CL7" s="282">
        <v>5156</v>
      </c>
      <c r="CM7" s="276">
        <v>1</v>
      </c>
      <c r="CN7" s="280">
        <v>17</v>
      </c>
      <c r="CO7" s="277">
        <v>18</v>
      </c>
      <c r="CP7" s="279">
        <v>0</v>
      </c>
      <c r="CQ7" s="280">
        <v>88</v>
      </c>
      <c r="CR7" s="280">
        <v>219</v>
      </c>
      <c r="CS7" s="280">
        <v>279</v>
      </c>
      <c r="CT7" s="280">
        <v>257</v>
      </c>
      <c r="CU7" s="280">
        <v>161</v>
      </c>
      <c r="CV7" s="277">
        <v>1004</v>
      </c>
      <c r="CW7" s="282">
        <v>1022</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3568</v>
      </c>
      <c r="DU7" s="280">
        <v>9442</v>
      </c>
      <c r="DV7" s="277">
        <v>13010</v>
      </c>
      <c r="DW7" s="279">
        <v>0</v>
      </c>
      <c r="DX7" s="280">
        <v>7448</v>
      </c>
      <c r="DY7" s="280">
        <v>19718</v>
      </c>
      <c r="DZ7" s="280">
        <v>10648</v>
      </c>
      <c r="EA7" s="280">
        <v>8149</v>
      </c>
      <c r="EB7" s="280">
        <v>5324</v>
      </c>
      <c r="EC7" s="277">
        <v>51287</v>
      </c>
      <c r="ED7" s="282">
        <v>64297</v>
      </c>
      <c r="EE7" s="276">
        <v>701</v>
      </c>
      <c r="EF7" s="280">
        <v>550</v>
      </c>
      <c r="EG7" s="277">
        <v>1251</v>
      </c>
      <c r="EH7" s="279">
        <v>0</v>
      </c>
      <c r="EI7" s="280">
        <v>2395</v>
      </c>
      <c r="EJ7" s="280">
        <v>2532</v>
      </c>
      <c r="EK7" s="280">
        <v>2041</v>
      </c>
      <c r="EL7" s="280">
        <v>2353</v>
      </c>
      <c r="EM7" s="280">
        <v>1320</v>
      </c>
      <c r="EN7" s="277">
        <v>10641</v>
      </c>
      <c r="EO7" s="282">
        <v>11892</v>
      </c>
      <c r="EP7" s="276">
        <v>4903</v>
      </c>
      <c r="EQ7" s="280">
        <v>11542</v>
      </c>
      <c r="ER7" s="277">
        <v>16445</v>
      </c>
      <c r="ES7" s="279">
        <v>0</v>
      </c>
      <c r="ET7" s="280">
        <v>18582</v>
      </c>
      <c r="EU7" s="280">
        <v>26807</v>
      </c>
      <c r="EV7" s="280">
        <v>12922</v>
      </c>
      <c r="EW7" s="280">
        <v>8868</v>
      </c>
      <c r="EX7" s="280">
        <v>5500</v>
      </c>
      <c r="EY7" s="277">
        <v>72679</v>
      </c>
      <c r="EZ7" s="282">
        <v>89124</v>
      </c>
    </row>
    <row r="8" spans="2:156" ht="21" customHeight="1" x14ac:dyDescent="0.2">
      <c r="B8" s="261" t="s">
        <v>6</v>
      </c>
      <c r="C8" s="276">
        <v>0</v>
      </c>
      <c r="D8" s="280">
        <v>0</v>
      </c>
      <c r="E8" s="384">
        <v>0</v>
      </c>
      <c r="F8" s="279">
        <v>0</v>
      </c>
      <c r="G8" s="280">
        <v>3428</v>
      </c>
      <c r="H8" s="280">
        <v>2916</v>
      </c>
      <c r="I8" s="280">
        <v>1872</v>
      </c>
      <c r="J8" s="280">
        <v>1604</v>
      </c>
      <c r="K8" s="280">
        <v>1197</v>
      </c>
      <c r="L8" s="281">
        <v>11017</v>
      </c>
      <c r="M8" s="282">
        <v>11017</v>
      </c>
      <c r="N8" s="276">
        <v>0</v>
      </c>
      <c r="O8" s="280">
        <v>4</v>
      </c>
      <c r="P8" s="277">
        <v>4</v>
      </c>
      <c r="Q8" s="279">
        <v>0</v>
      </c>
      <c r="R8" s="280">
        <v>14</v>
      </c>
      <c r="S8" s="280">
        <v>51</v>
      </c>
      <c r="T8" s="280">
        <v>100</v>
      </c>
      <c r="U8" s="280">
        <v>296</v>
      </c>
      <c r="V8" s="280">
        <v>491</v>
      </c>
      <c r="W8" s="277">
        <v>952</v>
      </c>
      <c r="X8" s="282">
        <v>956</v>
      </c>
      <c r="Y8" s="276">
        <v>316</v>
      </c>
      <c r="Z8" s="280">
        <v>654</v>
      </c>
      <c r="AA8" s="277">
        <v>970</v>
      </c>
      <c r="AB8" s="279">
        <v>0</v>
      </c>
      <c r="AC8" s="280">
        <v>2014</v>
      </c>
      <c r="AD8" s="280">
        <v>1988</v>
      </c>
      <c r="AE8" s="280">
        <v>1342</v>
      </c>
      <c r="AF8" s="280">
        <v>1321</v>
      </c>
      <c r="AG8" s="280">
        <v>958</v>
      </c>
      <c r="AH8" s="277">
        <v>7623</v>
      </c>
      <c r="AI8" s="282">
        <v>8593</v>
      </c>
      <c r="AJ8" s="276">
        <v>18</v>
      </c>
      <c r="AK8" s="280">
        <v>53</v>
      </c>
      <c r="AL8" s="277">
        <v>71</v>
      </c>
      <c r="AM8" s="279">
        <v>0</v>
      </c>
      <c r="AN8" s="280">
        <v>167</v>
      </c>
      <c r="AO8" s="280">
        <v>198</v>
      </c>
      <c r="AP8" s="280">
        <v>131</v>
      </c>
      <c r="AQ8" s="280">
        <v>124</v>
      </c>
      <c r="AR8" s="280">
        <v>71</v>
      </c>
      <c r="AS8" s="277">
        <v>691</v>
      </c>
      <c r="AT8" s="282">
        <v>762</v>
      </c>
      <c r="AU8" s="276">
        <v>473</v>
      </c>
      <c r="AV8" s="280">
        <v>534</v>
      </c>
      <c r="AW8" s="277">
        <v>1007</v>
      </c>
      <c r="AX8" s="279">
        <v>0</v>
      </c>
      <c r="AY8" s="280">
        <v>3246</v>
      </c>
      <c r="AZ8" s="280">
        <v>3468</v>
      </c>
      <c r="BA8" s="280">
        <v>3147</v>
      </c>
      <c r="BB8" s="280">
        <v>3228</v>
      </c>
      <c r="BC8" s="280">
        <v>2466</v>
      </c>
      <c r="BD8" s="281">
        <v>15555</v>
      </c>
      <c r="BE8" s="282">
        <v>16562</v>
      </c>
      <c r="BF8" s="276">
        <v>0</v>
      </c>
      <c r="BG8" s="280">
        <v>0</v>
      </c>
      <c r="BH8" s="277">
        <v>0</v>
      </c>
      <c r="BI8" s="279">
        <v>0</v>
      </c>
      <c r="BJ8" s="280">
        <v>3718</v>
      </c>
      <c r="BK8" s="280">
        <v>2591</v>
      </c>
      <c r="BL8" s="280">
        <v>1548</v>
      </c>
      <c r="BM8" s="280">
        <v>1047</v>
      </c>
      <c r="BN8" s="280">
        <v>504</v>
      </c>
      <c r="BO8" s="277">
        <v>9408</v>
      </c>
      <c r="BP8" s="282">
        <v>9408</v>
      </c>
      <c r="BQ8" s="276">
        <v>107</v>
      </c>
      <c r="BR8" s="280">
        <v>197</v>
      </c>
      <c r="BS8" s="277">
        <v>304</v>
      </c>
      <c r="BT8" s="279">
        <v>0</v>
      </c>
      <c r="BU8" s="280">
        <v>592</v>
      </c>
      <c r="BV8" s="280">
        <v>670</v>
      </c>
      <c r="BW8" s="280">
        <v>492</v>
      </c>
      <c r="BX8" s="280">
        <v>352</v>
      </c>
      <c r="BY8" s="280">
        <v>126</v>
      </c>
      <c r="BZ8" s="277">
        <v>2232</v>
      </c>
      <c r="CA8" s="282">
        <v>2536</v>
      </c>
      <c r="CB8" s="276">
        <v>4</v>
      </c>
      <c r="CC8" s="280">
        <v>25</v>
      </c>
      <c r="CD8" s="277">
        <v>29</v>
      </c>
      <c r="CE8" s="279">
        <v>0</v>
      </c>
      <c r="CF8" s="280">
        <v>306</v>
      </c>
      <c r="CG8" s="280">
        <v>419</v>
      </c>
      <c r="CH8" s="280">
        <v>504</v>
      </c>
      <c r="CI8" s="280">
        <v>399</v>
      </c>
      <c r="CJ8" s="280">
        <v>220</v>
      </c>
      <c r="CK8" s="277">
        <v>1848</v>
      </c>
      <c r="CL8" s="282">
        <v>1877</v>
      </c>
      <c r="CM8" s="276">
        <v>0</v>
      </c>
      <c r="CN8" s="280">
        <v>0</v>
      </c>
      <c r="CO8" s="277">
        <v>0</v>
      </c>
      <c r="CP8" s="279">
        <v>0</v>
      </c>
      <c r="CQ8" s="280">
        <v>24</v>
      </c>
      <c r="CR8" s="280">
        <v>39</v>
      </c>
      <c r="CS8" s="280">
        <v>57</v>
      </c>
      <c r="CT8" s="280">
        <v>65</v>
      </c>
      <c r="CU8" s="280">
        <v>43</v>
      </c>
      <c r="CV8" s="277">
        <v>228</v>
      </c>
      <c r="CW8" s="282">
        <v>228</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547</v>
      </c>
      <c r="DU8" s="280">
        <v>2761</v>
      </c>
      <c r="DV8" s="277">
        <v>4308</v>
      </c>
      <c r="DW8" s="279">
        <v>0</v>
      </c>
      <c r="DX8" s="280">
        <v>4914</v>
      </c>
      <c r="DY8" s="280">
        <v>5608</v>
      </c>
      <c r="DZ8" s="280">
        <v>3880</v>
      </c>
      <c r="EA8" s="280">
        <v>3335</v>
      </c>
      <c r="EB8" s="280">
        <v>2097</v>
      </c>
      <c r="EC8" s="277">
        <v>19834</v>
      </c>
      <c r="ED8" s="282">
        <v>24142</v>
      </c>
      <c r="EE8" s="276">
        <v>242</v>
      </c>
      <c r="EF8" s="280">
        <v>170</v>
      </c>
      <c r="EG8" s="277">
        <v>412</v>
      </c>
      <c r="EH8" s="279">
        <v>0</v>
      </c>
      <c r="EI8" s="280">
        <v>839</v>
      </c>
      <c r="EJ8" s="280">
        <v>708</v>
      </c>
      <c r="EK8" s="280">
        <v>670</v>
      </c>
      <c r="EL8" s="280">
        <v>813</v>
      </c>
      <c r="EM8" s="280">
        <v>486</v>
      </c>
      <c r="EN8" s="277">
        <v>3516</v>
      </c>
      <c r="EO8" s="282">
        <v>3928</v>
      </c>
      <c r="EP8" s="276">
        <v>1882</v>
      </c>
      <c r="EQ8" s="280">
        <v>3226</v>
      </c>
      <c r="ER8" s="277">
        <v>5108</v>
      </c>
      <c r="ES8" s="279">
        <v>0</v>
      </c>
      <c r="ET8" s="280">
        <v>9593</v>
      </c>
      <c r="EU8" s="280">
        <v>7343</v>
      </c>
      <c r="EV8" s="280">
        <v>4490</v>
      </c>
      <c r="EW8" s="280">
        <v>3522</v>
      </c>
      <c r="EX8" s="280">
        <v>2138</v>
      </c>
      <c r="EY8" s="277">
        <v>27086</v>
      </c>
      <c r="EZ8" s="282">
        <v>32194</v>
      </c>
    </row>
    <row r="9" spans="2:156" ht="21" customHeight="1" x14ac:dyDescent="0.2">
      <c r="B9" s="261" t="s">
        <v>14</v>
      </c>
      <c r="C9" s="276">
        <v>0</v>
      </c>
      <c r="D9" s="280">
        <v>0</v>
      </c>
      <c r="E9" s="384">
        <v>0</v>
      </c>
      <c r="F9" s="279">
        <v>0</v>
      </c>
      <c r="G9" s="280">
        <v>1194</v>
      </c>
      <c r="H9" s="280">
        <v>1623</v>
      </c>
      <c r="I9" s="280">
        <v>948</v>
      </c>
      <c r="J9" s="280">
        <v>696</v>
      </c>
      <c r="K9" s="280">
        <v>516</v>
      </c>
      <c r="L9" s="281">
        <v>4977</v>
      </c>
      <c r="M9" s="282">
        <v>4977</v>
      </c>
      <c r="N9" s="276">
        <v>0</v>
      </c>
      <c r="O9" s="280">
        <v>4</v>
      </c>
      <c r="P9" s="277">
        <v>4</v>
      </c>
      <c r="Q9" s="279">
        <v>0</v>
      </c>
      <c r="R9" s="280">
        <v>6</v>
      </c>
      <c r="S9" s="280">
        <v>20</v>
      </c>
      <c r="T9" s="280">
        <v>61</v>
      </c>
      <c r="U9" s="280">
        <v>118</v>
      </c>
      <c r="V9" s="280">
        <v>235</v>
      </c>
      <c r="W9" s="277">
        <v>440</v>
      </c>
      <c r="X9" s="282">
        <v>444</v>
      </c>
      <c r="Y9" s="276">
        <v>116</v>
      </c>
      <c r="Z9" s="280">
        <v>413</v>
      </c>
      <c r="AA9" s="277">
        <v>529</v>
      </c>
      <c r="AB9" s="279">
        <v>0</v>
      </c>
      <c r="AC9" s="280">
        <v>659</v>
      </c>
      <c r="AD9" s="280">
        <v>1052</v>
      </c>
      <c r="AE9" s="280">
        <v>716</v>
      </c>
      <c r="AF9" s="280">
        <v>614</v>
      </c>
      <c r="AG9" s="280">
        <v>465</v>
      </c>
      <c r="AH9" s="277">
        <v>3506</v>
      </c>
      <c r="AI9" s="282">
        <v>4035</v>
      </c>
      <c r="AJ9" s="276">
        <v>8</v>
      </c>
      <c r="AK9" s="280">
        <v>39</v>
      </c>
      <c r="AL9" s="277">
        <v>47</v>
      </c>
      <c r="AM9" s="279">
        <v>0</v>
      </c>
      <c r="AN9" s="280">
        <v>24</v>
      </c>
      <c r="AO9" s="280">
        <v>78</v>
      </c>
      <c r="AP9" s="280">
        <v>46</v>
      </c>
      <c r="AQ9" s="280">
        <v>48</v>
      </c>
      <c r="AR9" s="280">
        <v>29</v>
      </c>
      <c r="AS9" s="277">
        <v>225</v>
      </c>
      <c r="AT9" s="282">
        <v>272</v>
      </c>
      <c r="AU9" s="276">
        <v>201</v>
      </c>
      <c r="AV9" s="280">
        <v>319</v>
      </c>
      <c r="AW9" s="277">
        <v>520</v>
      </c>
      <c r="AX9" s="279">
        <v>0</v>
      </c>
      <c r="AY9" s="280">
        <v>1255</v>
      </c>
      <c r="AZ9" s="280">
        <v>1617</v>
      </c>
      <c r="BA9" s="280">
        <v>1577</v>
      </c>
      <c r="BB9" s="280">
        <v>1343</v>
      </c>
      <c r="BC9" s="280">
        <v>1030</v>
      </c>
      <c r="BD9" s="281">
        <v>6822</v>
      </c>
      <c r="BE9" s="282">
        <v>7342</v>
      </c>
      <c r="BF9" s="276">
        <v>0</v>
      </c>
      <c r="BG9" s="280">
        <v>0</v>
      </c>
      <c r="BH9" s="277">
        <v>0</v>
      </c>
      <c r="BI9" s="279">
        <v>0</v>
      </c>
      <c r="BJ9" s="280">
        <v>1531</v>
      </c>
      <c r="BK9" s="280">
        <v>1688</v>
      </c>
      <c r="BL9" s="280">
        <v>1066</v>
      </c>
      <c r="BM9" s="280">
        <v>619</v>
      </c>
      <c r="BN9" s="280">
        <v>294</v>
      </c>
      <c r="BO9" s="277">
        <v>5198</v>
      </c>
      <c r="BP9" s="282">
        <v>5198</v>
      </c>
      <c r="BQ9" s="276">
        <v>75</v>
      </c>
      <c r="BR9" s="280">
        <v>171</v>
      </c>
      <c r="BS9" s="277">
        <v>246</v>
      </c>
      <c r="BT9" s="279">
        <v>0</v>
      </c>
      <c r="BU9" s="280">
        <v>144</v>
      </c>
      <c r="BV9" s="280">
        <v>368</v>
      </c>
      <c r="BW9" s="280">
        <v>230</v>
      </c>
      <c r="BX9" s="280">
        <v>142</v>
      </c>
      <c r="BY9" s="280">
        <v>42</v>
      </c>
      <c r="BZ9" s="277">
        <v>926</v>
      </c>
      <c r="CA9" s="282">
        <v>1172</v>
      </c>
      <c r="CB9" s="276">
        <v>2</v>
      </c>
      <c r="CC9" s="280">
        <v>18</v>
      </c>
      <c r="CD9" s="277">
        <v>20</v>
      </c>
      <c r="CE9" s="279">
        <v>0</v>
      </c>
      <c r="CF9" s="280">
        <v>121</v>
      </c>
      <c r="CG9" s="280">
        <v>251</v>
      </c>
      <c r="CH9" s="280">
        <v>361</v>
      </c>
      <c r="CI9" s="280">
        <v>264</v>
      </c>
      <c r="CJ9" s="280">
        <v>153</v>
      </c>
      <c r="CK9" s="277">
        <v>1150</v>
      </c>
      <c r="CL9" s="282">
        <v>1170</v>
      </c>
      <c r="CM9" s="276">
        <v>0</v>
      </c>
      <c r="CN9" s="280">
        <v>0</v>
      </c>
      <c r="CO9" s="277">
        <v>0</v>
      </c>
      <c r="CP9" s="279">
        <v>0</v>
      </c>
      <c r="CQ9" s="280">
        <v>0</v>
      </c>
      <c r="CR9" s="280">
        <v>3</v>
      </c>
      <c r="CS9" s="280">
        <v>10</v>
      </c>
      <c r="CT9" s="280">
        <v>6</v>
      </c>
      <c r="CU9" s="280">
        <v>4</v>
      </c>
      <c r="CV9" s="277">
        <v>23</v>
      </c>
      <c r="CW9" s="282">
        <v>23</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808</v>
      </c>
      <c r="DU9" s="280">
        <v>2256</v>
      </c>
      <c r="DV9" s="277">
        <v>3064</v>
      </c>
      <c r="DW9" s="279">
        <v>0</v>
      </c>
      <c r="DX9" s="280">
        <v>1719</v>
      </c>
      <c r="DY9" s="280">
        <v>3582</v>
      </c>
      <c r="DZ9" s="280">
        <v>2203</v>
      </c>
      <c r="EA9" s="280">
        <v>1650</v>
      </c>
      <c r="EB9" s="280">
        <v>967</v>
      </c>
      <c r="EC9" s="277">
        <v>10121</v>
      </c>
      <c r="ED9" s="282">
        <v>13185</v>
      </c>
      <c r="EE9" s="276">
        <v>128</v>
      </c>
      <c r="EF9" s="280">
        <v>116</v>
      </c>
      <c r="EG9" s="277">
        <v>244</v>
      </c>
      <c r="EH9" s="279">
        <v>0</v>
      </c>
      <c r="EI9" s="280">
        <v>339</v>
      </c>
      <c r="EJ9" s="280">
        <v>293</v>
      </c>
      <c r="EK9" s="280">
        <v>263</v>
      </c>
      <c r="EL9" s="280">
        <v>283</v>
      </c>
      <c r="EM9" s="280">
        <v>168</v>
      </c>
      <c r="EN9" s="277">
        <v>1346</v>
      </c>
      <c r="EO9" s="282">
        <v>1590</v>
      </c>
      <c r="EP9" s="276">
        <v>951</v>
      </c>
      <c r="EQ9" s="280">
        <v>2535</v>
      </c>
      <c r="ER9" s="277">
        <v>3486</v>
      </c>
      <c r="ES9" s="279">
        <v>0</v>
      </c>
      <c r="ET9" s="280">
        <v>3780</v>
      </c>
      <c r="EU9" s="280">
        <v>4762</v>
      </c>
      <c r="EV9" s="280">
        <v>2662</v>
      </c>
      <c r="EW9" s="280">
        <v>1765</v>
      </c>
      <c r="EX9" s="280">
        <v>1026</v>
      </c>
      <c r="EY9" s="277">
        <v>13995</v>
      </c>
      <c r="EZ9" s="282">
        <v>17481</v>
      </c>
    </row>
    <row r="10" spans="2:156" ht="21" customHeight="1" x14ac:dyDescent="0.2">
      <c r="B10" s="261" t="s">
        <v>7</v>
      </c>
      <c r="C10" s="276">
        <v>0</v>
      </c>
      <c r="D10" s="280">
        <v>0</v>
      </c>
      <c r="E10" s="384">
        <v>0</v>
      </c>
      <c r="F10" s="279">
        <v>0</v>
      </c>
      <c r="G10" s="280">
        <v>1503</v>
      </c>
      <c r="H10" s="280">
        <v>1114</v>
      </c>
      <c r="I10" s="280">
        <v>608</v>
      </c>
      <c r="J10" s="280">
        <v>594</v>
      </c>
      <c r="K10" s="280">
        <v>386</v>
      </c>
      <c r="L10" s="281">
        <v>4205</v>
      </c>
      <c r="M10" s="282">
        <v>4205</v>
      </c>
      <c r="N10" s="276">
        <v>0</v>
      </c>
      <c r="O10" s="280">
        <v>0</v>
      </c>
      <c r="P10" s="277">
        <v>0</v>
      </c>
      <c r="Q10" s="279">
        <v>0</v>
      </c>
      <c r="R10" s="280">
        <v>10</v>
      </c>
      <c r="S10" s="280">
        <v>45</v>
      </c>
      <c r="T10" s="280">
        <v>61</v>
      </c>
      <c r="U10" s="280">
        <v>151</v>
      </c>
      <c r="V10" s="280">
        <v>172</v>
      </c>
      <c r="W10" s="277">
        <v>439</v>
      </c>
      <c r="X10" s="282">
        <v>439</v>
      </c>
      <c r="Y10" s="276">
        <v>16</v>
      </c>
      <c r="Z10" s="280">
        <v>23</v>
      </c>
      <c r="AA10" s="277">
        <v>39</v>
      </c>
      <c r="AB10" s="279">
        <v>0</v>
      </c>
      <c r="AC10" s="280">
        <v>483</v>
      </c>
      <c r="AD10" s="280">
        <v>527</v>
      </c>
      <c r="AE10" s="280">
        <v>340</v>
      </c>
      <c r="AF10" s="280">
        <v>359</v>
      </c>
      <c r="AG10" s="280">
        <v>268</v>
      </c>
      <c r="AH10" s="277">
        <v>1977</v>
      </c>
      <c r="AI10" s="282">
        <v>2016</v>
      </c>
      <c r="AJ10" s="276">
        <v>4</v>
      </c>
      <c r="AK10" s="280">
        <v>7</v>
      </c>
      <c r="AL10" s="277">
        <v>11</v>
      </c>
      <c r="AM10" s="279">
        <v>0</v>
      </c>
      <c r="AN10" s="280">
        <v>63</v>
      </c>
      <c r="AO10" s="280">
        <v>69</v>
      </c>
      <c r="AP10" s="280">
        <v>50</v>
      </c>
      <c r="AQ10" s="280">
        <v>55</v>
      </c>
      <c r="AR10" s="280">
        <v>30</v>
      </c>
      <c r="AS10" s="277">
        <v>267</v>
      </c>
      <c r="AT10" s="282">
        <v>278</v>
      </c>
      <c r="AU10" s="276">
        <v>115</v>
      </c>
      <c r="AV10" s="280">
        <v>99</v>
      </c>
      <c r="AW10" s="277">
        <v>214</v>
      </c>
      <c r="AX10" s="279">
        <v>0</v>
      </c>
      <c r="AY10" s="280">
        <v>1126</v>
      </c>
      <c r="AZ10" s="280">
        <v>1088</v>
      </c>
      <c r="BA10" s="280">
        <v>948</v>
      </c>
      <c r="BB10" s="280">
        <v>991</v>
      </c>
      <c r="BC10" s="280">
        <v>668</v>
      </c>
      <c r="BD10" s="281">
        <v>4821</v>
      </c>
      <c r="BE10" s="282">
        <v>5035</v>
      </c>
      <c r="BF10" s="276">
        <v>0</v>
      </c>
      <c r="BG10" s="280">
        <v>0</v>
      </c>
      <c r="BH10" s="277">
        <v>0</v>
      </c>
      <c r="BI10" s="279">
        <v>0</v>
      </c>
      <c r="BJ10" s="280">
        <v>1668</v>
      </c>
      <c r="BK10" s="280">
        <v>1071</v>
      </c>
      <c r="BL10" s="280">
        <v>556</v>
      </c>
      <c r="BM10" s="280">
        <v>324</v>
      </c>
      <c r="BN10" s="280">
        <v>129</v>
      </c>
      <c r="BO10" s="277">
        <v>3748</v>
      </c>
      <c r="BP10" s="282">
        <v>3748</v>
      </c>
      <c r="BQ10" s="276">
        <v>39</v>
      </c>
      <c r="BR10" s="280">
        <v>49</v>
      </c>
      <c r="BS10" s="277">
        <v>88</v>
      </c>
      <c r="BT10" s="279">
        <v>0</v>
      </c>
      <c r="BU10" s="280">
        <v>251</v>
      </c>
      <c r="BV10" s="280">
        <v>223</v>
      </c>
      <c r="BW10" s="280">
        <v>126</v>
      </c>
      <c r="BX10" s="280">
        <v>61</v>
      </c>
      <c r="BY10" s="280">
        <v>19</v>
      </c>
      <c r="BZ10" s="277">
        <v>680</v>
      </c>
      <c r="CA10" s="282">
        <v>768</v>
      </c>
      <c r="CB10" s="276">
        <v>1</v>
      </c>
      <c r="CC10" s="280">
        <v>4</v>
      </c>
      <c r="CD10" s="277">
        <v>5</v>
      </c>
      <c r="CE10" s="279">
        <v>0</v>
      </c>
      <c r="CF10" s="280">
        <v>201</v>
      </c>
      <c r="CG10" s="280">
        <v>266</v>
      </c>
      <c r="CH10" s="280">
        <v>259</v>
      </c>
      <c r="CI10" s="280">
        <v>177</v>
      </c>
      <c r="CJ10" s="280">
        <v>95</v>
      </c>
      <c r="CK10" s="277">
        <v>998</v>
      </c>
      <c r="CL10" s="282">
        <v>1003</v>
      </c>
      <c r="CM10" s="276">
        <v>0</v>
      </c>
      <c r="CN10" s="280">
        <v>0</v>
      </c>
      <c r="CO10" s="277">
        <v>0</v>
      </c>
      <c r="CP10" s="279">
        <v>0</v>
      </c>
      <c r="CQ10" s="280">
        <v>7</v>
      </c>
      <c r="CR10" s="280">
        <v>10</v>
      </c>
      <c r="CS10" s="280">
        <v>13</v>
      </c>
      <c r="CT10" s="280">
        <v>11</v>
      </c>
      <c r="CU10" s="280">
        <v>7</v>
      </c>
      <c r="CV10" s="277">
        <v>48</v>
      </c>
      <c r="CW10" s="282">
        <v>48</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45</v>
      </c>
      <c r="DU10" s="280">
        <v>665</v>
      </c>
      <c r="DV10" s="277">
        <v>1010</v>
      </c>
      <c r="DW10" s="279">
        <v>0</v>
      </c>
      <c r="DX10" s="280">
        <v>1968</v>
      </c>
      <c r="DY10" s="280">
        <v>2244</v>
      </c>
      <c r="DZ10" s="280">
        <v>1287</v>
      </c>
      <c r="EA10" s="280">
        <v>1026</v>
      </c>
      <c r="EB10" s="280">
        <v>576</v>
      </c>
      <c r="EC10" s="277">
        <v>7101</v>
      </c>
      <c r="ED10" s="282">
        <v>8111</v>
      </c>
      <c r="EE10" s="276">
        <v>96</v>
      </c>
      <c r="EF10" s="280">
        <v>47</v>
      </c>
      <c r="EG10" s="277">
        <v>143</v>
      </c>
      <c r="EH10" s="279">
        <v>0</v>
      </c>
      <c r="EI10" s="280">
        <v>489</v>
      </c>
      <c r="EJ10" s="280">
        <v>276</v>
      </c>
      <c r="EK10" s="280">
        <v>242</v>
      </c>
      <c r="EL10" s="280">
        <v>275</v>
      </c>
      <c r="EM10" s="280">
        <v>154</v>
      </c>
      <c r="EN10" s="277">
        <v>1436</v>
      </c>
      <c r="EO10" s="282">
        <v>1579</v>
      </c>
      <c r="EP10" s="276">
        <v>395</v>
      </c>
      <c r="EQ10" s="280">
        <v>714</v>
      </c>
      <c r="ER10" s="277">
        <v>1109</v>
      </c>
      <c r="ES10" s="279">
        <v>0</v>
      </c>
      <c r="ET10" s="280">
        <v>4356</v>
      </c>
      <c r="EU10" s="280">
        <v>3063</v>
      </c>
      <c r="EV10" s="280">
        <v>1591</v>
      </c>
      <c r="EW10" s="280">
        <v>1131</v>
      </c>
      <c r="EX10" s="280">
        <v>625</v>
      </c>
      <c r="EY10" s="277">
        <v>10766</v>
      </c>
      <c r="EZ10" s="282">
        <v>11875</v>
      </c>
    </row>
    <row r="11" spans="2:156" ht="21" customHeight="1" x14ac:dyDescent="0.2">
      <c r="B11" s="261" t="s">
        <v>8</v>
      </c>
      <c r="C11" s="276">
        <v>0</v>
      </c>
      <c r="D11" s="280">
        <v>0</v>
      </c>
      <c r="E11" s="384">
        <v>0</v>
      </c>
      <c r="F11" s="279">
        <v>0</v>
      </c>
      <c r="G11" s="280">
        <v>473</v>
      </c>
      <c r="H11" s="280">
        <v>602</v>
      </c>
      <c r="I11" s="280">
        <v>367</v>
      </c>
      <c r="J11" s="280">
        <v>284</v>
      </c>
      <c r="K11" s="280">
        <v>254</v>
      </c>
      <c r="L11" s="281">
        <v>1980</v>
      </c>
      <c r="M11" s="282">
        <v>1980</v>
      </c>
      <c r="N11" s="276">
        <v>0</v>
      </c>
      <c r="O11" s="280">
        <v>1</v>
      </c>
      <c r="P11" s="277">
        <v>1</v>
      </c>
      <c r="Q11" s="279">
        <v>0</v>
      </c>
      <c r="R11" s="280">
        <v>2</v>
      </c>
      <c r="S11" s="280">
        <v>12</v>
      </c>
      <c r="T11" s="280">
        <v>27</v>
      </c>
      <c r="U11" s="280">
        <v>54</v>
      </c>
      <c r="V11" s="280">
        <v>102</v>
      </c>
      <c r="W11" s="277">
        <v>197</v>
      </c>
      <c r="X11" s="282">
        <v>198</v>
      </c>
      <c r="Y11" s="276">
        <v>50</v>
      </c>
      <c r="Z11" s="280">
        <v>75</v>
      </c>
      <c r="AA11" s="277">
        <v>125</v>
      </c>
      <c r="AB11" s="279">
        <v>0</v>
      </c>
      <c r="AC11" s="280">
        <v>275</v>
      </c>
      <c r="AD11" s="280">
        <v>381</v>
      </c>
      <c r="AE11" s="280">
        <v>258</v>
      </c>
      <c r="AF11" s="280">
        <v>211</v>
      </c>
      <c r="AG11" s="280">
        <v>186</v>
      </c>
      <c r="AH11" s="277">
        <v>1311</v>
      </c>
      <c r="AI11" s="282">
        <v>1436</v>
      </c>
      <c r="AJ11" s="276">
        <v>8</v>
      </c>
      <c r="AK11" s="280">
        <v>16</v>
      </c>
      <c r="AL11" s="277">
        <v>24</v>
      </c>
      <c r="AM11" s="279">
        <v>0</v>
      </c>
      <c r="AN11" s="280">
        <v>42</v>
      </c>
      <c r="AO11" s="280">
        <v>73</v>
      </c>
      <c r="AP11" s="280">
        <v>45</v>
      </c>
      <c r="AQ11" s="280">
        <v>39</v>
      </c>
      <c r="AR11" s="280">
        <v>25</v>
      </c>
      <c r="AS11" s="277">
        <v>224</v>
      </c>
      <c r="AT11" s="282">
        <v>248</v>
      </c>
      <c r="AU11" s="276">
        <v>76</v>
      </c>
      <c r="AV11" s="280">
        <v>53</v>
      </c>
      <c r="AW11" s="277">
        <v>129</v>
      </c>
      <c r="AX11" s="279">
        <v>0</v>
      </c>
      <c r="AY11" s="280">
        <v>449</v>
      </c>
      <c r="AZ11" s="280">
        <v>560</v>
      </c>
      <c r="BA11" s="280">
        <v>489</v>
      </c>
      <c r="BB11" s="280">
        <v>500</v>
      </c>
      <c r="BC11" s="280">
        <v>400</v>
      </c>
      <c r="BD11" s="281">
        <v>2398</v>
      </c>
      <c r="BE11" s="282">
        <v>2527</v>
      </c>
      <c r="BF11" s="276">
        <v>0</v>
      </c>
      <c r="BG11" s="280">
        <v>0</v>
      </c>
      <c r="BH11" s="277">
        <v>0</v>
      </c>
      <c r="BI11" s="279">
        <v>0</v>
      </c>
      <c r="BJ11" s="280">
        <v>589</v>
      </c>
      <c r="BK11" s="280">
        <v>624</v>
      </c>
      <c r="BL11" s="280">
        <v>348</v>
      </c>
      <c r="BM11" s="280">
        <v>186</v>
      </c>
      <c r="BN11" s="280">
        <v>112</v>
      </c>
      <c r="BO11" s="277">
        <v>1859</v>
      </c>
      <c r="BP11" s="282">
        <v>1859</v>
      </c>
      <c r="BQ11" s="276">
        <v>56</v>
      </c>
      <c r="BR11" s="280">
        <v>56</v>
      </c>
      <c r="BS11" s="277">
        <v>112</v>
      </c>
      <c r="BT11" s="279">
        <v>0</v>
      </c>
      <c r="BU11" s="280">
        <v>116</v>
      </c>
      <c r="BV11" s="280">
        <v>165</v>
      </c>
      <c r="BW11" s="280">
        <v>100</v>
      </c>
      <c r="BX11" s="280">
        <v>51</v>
      </c>
      <c r="BY11" s="280">
        <v>14</v>
      </c>
      <c r="BZ11" s="277">
        <v>446</v>
      </c>
      <c r="CA11" s="282">
        <v>558</v>
      </c>
      <c r="CB11" s="276">
        <v>3</v>
      </c>
      <c r="CC11" s="280">
        <v>6</v>
      </c>
      <c r="CD11" s="277">
        <v>9</v>
      </c>
      <c r="CE11" s="279">
        <v>0</v>
      </c>
      <c r="CF11" s="280">
        <v>80</v>
      </c>
      <c r="CG11" s="280">
        <v>156</v>
      </c>
      <c r="CH11" s="280">
        <v>213</v>
      </c>
      <c r="CI11" s="280">
        <v>103</v>
      </c>
      <c r="CJ11" s="280">
        <v>71</v>
      </c>
      <c r="CK11" s="277">
        <v>623</v>
      </c>
      <c r="CL11" s="282">
        <v>632</v>
      </c>
      <c r="CM11" s="276">
        <v>0</v>
      </c>
      <c r="CN11" s="280">
        <v>0</v>
      </c>
      <c r="CO11" s="277">
        <v>0</v>
      </c>
      <c r="CP11" s="279">
        <v>0</v>
      </c>
      <c r="CQ11" s="280">
        <v>1</v>
      </c>
      <c r="CR11" s="280">
        <v>5</v>
      </c>
      <c r="CS11" s="280">
        <v>4</v>
      </c>
      <c r="CT11" s="280">
        <v>5</v>
      </c>
      <c r="CU11" s="280">
        <v>1</v>
      </c>
      <c r="CV11" s="277">
        <v>16</v>
      </c>
      <c r="CW11" s="282">
        <v>16</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394</v>
      </c>
      <c r="DU11" s="280">
        <v>554</v>
      </c>
      <c r="DV11" s="277">
        <v>948</v>
      </c>
      <c r="DW11" s="279">
        <v>0</v>
      </c>
      <c r="DX11" s="280">
        <v>930</v>
      </c>
      <c r="DY11" s="280">
        <v>1475</v>
      </c>
      <c r="DZ11" s="280">
        <v>880</v>
      </c>
      <c r="EA11" s="280">
        <v>593</v>
      </c>
      <c r="EB11" s="280">
        <v>400</v>
      </c>
      <c r="EC11" s="277">
        <v>4278</v>
      </c>
      <c r="ED11" s="282">
        <v>5226</v>
      </c>
      <c r="EE11" s="276">
        <v>52</v>
      </c>
      <c r="EF11" s="280">
        <v>22</v>
      </c>
      <c r="EG11" s="277">
        <v>74</v>
      </c>
      <c r="EH11" s="279">
        <v>0</v>
      </c>
      <c r="EI11" s="280">
        <v>147</v>
      </c>
      <c r="EJ11" s="280">
        <v>111</v>
      </c>
      <c r="EK11" s="280">
        <v>106</v>
      </c>
      <c r="EL11" s="280">
        <v>119</v>
      </c>
      <c r="EM11" s="280">
        <v>80</v>
      </c>
      <c r="EN11" s="277">
        <v>563</v>
      </c>
      <c r="EO11" s="282">
        <v>637</v>
      </c>
      <c r="EP11" s="276">
        <v>484</v>
      </c>
      <c r="EQ11" s="280">
        <v>619</v>
      </c>
      <c r="ER11" s="277">
        <v>1103</v>
      </c>
      <c r="ES11" s="279">
        <v>0</v>
      </c>
      <c r="ET11" s="280">
        <v>1783</v>
      </c>
      <c r="EU11" s="280">
        <v>1888</v>
      </c>
      <c r="EV11" s="280">
        <v>1040</v>
      </c>
      <c r="EW11" s="280">
        <v>628</v>
      </c>
      <c r="EX11" s="280">
        <v>420</v>
      </c>
      <c r="EY11" s="277">
        <v>5759</v>
      </c>
      <c r="EZ11" s="282">
        <v>6862</v>
      </c>
    </row>
    <row r="12" spans="2:156" ht="21" customHeight="1" x14ac:dyDescent="0.2">
      <c r="B12" s="261" t="s">
        <v>9</v>
      </c>
      <c r="C12" s="276">
        <v>0</v>
      </c>
      <c r="D12" s="280">
        <v>0</v>
      </c>
      <c r="E12" s="384">
        <v>0</v>
      </c>
      <c r="F12" s="279">
        <v>0</v>
      </c>
      <c r="G12" s="280">
        <v>653</v>
      </c>
      <c r="H12" s="280">
        <v>509</v>
      </c>
      <c r="I12" s="280">
        <v>343</v>
      </c>
      <c r="J12" s="280">
        <v>317</v>
      </c>
      <c r="K12" s="280">
        <v>255</v>
      </c>
      <c r="L12" s="281">
        <v>2077</v>
      </c>
      <c r="M12" s="282">
        <v>2077</v>
      </c>
      <c r="N12" s="276">
        <v>0</v>
      </c>
      <c r="O12" s="280">
        <v>0</v>
      </c>
      <c r="P12" s="277">
        <v>0</v>
      </c>
      <c r="Q12" s="279">
        <v>0</v>
      </c>
      <c r="R12" s="280">
        <v>2</v>
      </c>
      <c r="S12" s="280">
        <v>9</v>
      </c>
      <c r="T12" s="280">
        <v>19</v>
      </c>
      <c r="U12" s="280">
        <v>50</v>
      </c>
      <c r="V12" s="280">
        <v>107</v>
      </c>
      <c r="W12" s="277">
        <v>187</v>
      </c>
      <c r="X12" s="282">
        <v>187</v>
      </c>
      <c r="Y12" s="276">
        <v>31</v>
      </c>
      <c r="Z12" s="280">
        <v>76</v>
      </c>
      <c r="AA12" s="277">
        <v>107</v>
      </c>
      <c r="AB12" s="279">
        <v>0</v>
      </c>
      <c r="AC12" s="280">
        <v>357</v>
      </c>
      <c r="AD12" s="280">
        <v>313</v>
      </c>
      <c r="AE12" s="280">
        <v>237</v>
      </c>
      <c r="AF12" s="280">
        <v>237</v>
      </c>
      <c r="AG12" s="280">
        <v>200</v>
      </c>
      <c r="AH12" s="277">
        <v>1344</v>
      </c>
      <c r="AI12" s="282">
        <v>1451</v>
      </c>
      <c r="AJ12" s="276">
        <v>2</v>
      </c>
      <c r="AK12" s="280">
        <v>16</v>
      </c>
      <c r="AL12" s="277">
        <v>18</v>
      </c>
      <c r="AM12" s="279">
        <v>0</v>
      </c>
      <c r="AN12" s="280">
        <v>54</v>
      </c>
      <c r="AO12" s="280">
        <v>56</v>
      </c>
      <c r="AP12" s="280">
        <v>51</v>
      </c>
      <c r="AQ12" s="280">
        <v>47</v>
      </c>
      <c r="AR12" s="280">
        <v>38</v>
      </c>
      <c r="AS12" s="277">
        <v>246</v>
      </c>
      <c r="AT12" s="282">
        <v>264</v>
      </c>
      <c r="AU12" s="276">
        <v>77</v>
      </c>
      <c r="AV12" s="280">
        <v>62</v>
      </c>
      <c r="AW12" s="277">
        <v>139</v>
      </c>
      <c r="AX12" s="279">
        <v>0</v>
      </c>
      <c r="AY12" s="280">
        <v>524</v>
      </c>
      <c r="AZ12" s="280">
        <v>534</v>
      </c>
      <c r="BA12" s="280">
        <v>547</v>
      </c>
      <c r="BB12" s="280">
        <v>535</v>
      </c>
      <c r="BC12" s="280">
        <v>406</v>
      </c>
      <c r="BD12" s="281">
        <v>2546</v>
      </c>
      <c r="BE12" s="282">
        <v>2685</v>
      </c>
      <c r="BF12" s="276">
        <v>0</v>
      </c>
      <c r="BG12" s="280">
        <v>0</v>
      </c>
      <c r="BH12" s="277">
        <v>0</v>
      </c>
      <c r="BI12" s="279">
        <v>0</v>
      </c>
      <c r="BJ12" s="280">
        <v>574</v>
      </c>
      <c r="BK12" s="280">
        <v>383</v>
      </c>
      <c r="BL12" s="280">
        <v>231</v>
      </c>
      <c r="BM12" s="280">
        <v>158</v>
      </c>
      <c r="BN12" s="280">
        <v>61</v>
      </c>
      <c r="BO12" s="277">
        <v>1407</v>
      </c>
      <c r="BP12" s="282">
        <v>1407</v>
      </c>
      <c r="BQ12" s="276">
        <v>38</v>
      </c>
      <c r="BR12" s="280">
        <v>57</v>
      </c>
      <c r="BS12" s="277">
        <v>95</v>
      </c>
      <c r="BT12" s="279">
        <v>0</v>
      </c>
      <c r="BU12" s="280">
        <v>131</v>
      </c>
      <c r="BV12" s="280">
        <v>128</v>
      </c>
      <c r="BW12" s="280">
        <v>73</v>
      </c>
      <c r="BX12" s="280">
        <v>66</v>
      </c>
      <c r="BY12" s="280">
        <v>21</v>
      </c>
      <c r="BZ12" s="277">
        <v>419</v>
      </c>
      <c r="CA12" s="282">
        <v>514</v>
      </c>
      <c r="CB12" s="276">
        <v>3</v>
      </c>
      <c r="CC12" s="280">
        <v>4</v>
      </c>
      <c r="CD12" s="277">
        <v>7</v>
      </c>
      <c r="CE12" s="279">
        <v>0</v>
      </c>
      <c r="CF12" s="280">
        <v>50</v>
      </c>
      <c r="CG12" s="280">
        <v>96</v>
      </c>
      <c r="CH12" s="280">
        <v>112</v>
      </c>
      <c r="CI12" s="280">
        <v>84</v>
      </c>
      <c r="CJ12" s="280">
        <v>48</v>
      </c>
      <c r="CK12" s="277">
        <v>390</v>
      </c>
      <c r="CL12" s="282">
        <v>397</v>
      </c>
      <c r="CM12" s="276">
        <v>0</v>
      </c>
      <c r="CN12" s="280">
        <v>0</v>
      </c>
      <c r="CO12" s="277">
        <v>0</v>
      </c>
      <c r="CP12" s="279">
        <v>0</v>
      </c>
      <c r="CQ12" s="280">
        <v>7</v>
      </c>
      <c r="CR12" s="280">
        <v>10</v>
      </c>
      <c r="CS12" s="280">
        <v>15</v>
      </c>
      <c r="CT12" s="280">
        <v>14</v>
      </c>
      <c r="CU12" s="280">
        <v>7</v>
      </c>
      <c r="CV12" s="277">
        <v>53</v>
      </c>
      <c r="CW12" s="282">
        <v>53</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47</v>
      </c>
      <c r="DU12" s="280">
        <v>455</v>
      </c>
      <c r="DV12" s="277">
        <v>802</v>
      </c>
      <c r="DW12" s="279">
        <v>0</v>
      </c>
      <c r="DX12" s="280">
        <v>935</v>
      </c>
      <c r="DY12" s="280">
        <v>969</v>
      </c>
      <c r="DZ12" s="280">
        <v>635</v>
      </c>
      <c r="EA12" s="280">
        <v>550</v>
      </c>
      <c r="EB12" s="280">
        <v>370</v>
      </c>
      <c r="EC12" s="277">
        <v>3459</v>
      </c>
      <c r="ED12" s="282">
        <v>4261</v>
      </c>
      <c r="EE12" s="276">
        <v>44</v>
      </c>
      <c r="EF12" s="280">
        <v>25</v>
      </c>
      <c r="EG12" s="277">
        <v>69</v>
      </c>
      <c r="EH12" s="279">
        <v>0</v>
      </c>
      <c r="EI12" s="280">
        <v>186</v>
      </c>
      <c r="EJ12" s="280">
        <v>160</v>
      </c>
      <c r="EK12" s="280">
        <v>138</v>
      </c>
      <c r="EL12" s="280">
        <v>160</v>
      </c>
      <c r="EM12" s="280">
        <v>109</v>
      </c>
      <c r="EN12" s="277">
        <v>753</v>
      </c>
      <c r="EO12" s="282">
        <v>822</v>
      </c>
      <c r="EP12" s="276">
        <v>396</v>
      </c>
      <c r="EQ12" s="280">
        <v>537</v>
      </c>
      <c r="ER12" s="277">
        <v>933</v>
      </c>
      <c r="ES12" s="279">
        <v>0</v>
      </c>
      <c r="ET12" s="280">
        <v>1710</v>
      </c>
      <c r="EU12" s="280">
        <v>1273</v>
      </c>
      <c r="EV12" s="280">
        <v>732</v>
      </c>
      <c r="EW12" s="280">
        <v>581</v>
      </c>
      <c r="EX12" s="280">
        <v>374</v>
      </c>
      <c r="EY12" s="277">
        <v>4670</v>
      </c>
      <c r="EZ12" s="282">
        <v>5603</v>
      </c>
    </row>
    <row r="13" spans="2:156" ht="21" customHeight="1" x14ac:dyDescent="0.2">
      <c r="B13" s="261" t="s">
        <v>10</v>
      </c>
      <c r="C13" s="276">
        <v>0</v>
      </c>
      <c r="D13" s="280">
        <v>0</v>
      </c>
      <c r="E13" s="384">
        <v>0</v>
      </c>
      <c r="F13" s="279">
        <v>0</v>
      </c>
      <c r="G13" s="280">
        <v>1363</v>
      </c>
      <c r="H13" s="280">
        <v>733</v>
      </c>
      <c r="I13" s="280">
        <v>470</v>
      </c>
      <c r="J13" s="280">
        <v>448</v>
      </c>
      <c r="K13" s="280">
        <v>347</v>
      </c>
      <c r="L13" s="281">
        <v>3361</v>
      </c>
      <c r="M13" s="282">
        <v>3361</v>
      </c>
      <c r="N13" s="276">
        <v>0</v>
      </c>
      <c r="O13" s="280">
        <v>1</v>
      </c>
      <c r="P13" s="277">
        <v>1</v>
      </c>
      <c r="Q13" s="279">
        <v>0</v>
      </c>
      <c r="R13" s="280">
        <v>4</v>
      </c>
      <c r="S13" s="280">
        <v>20</v>
      </c>
      <c r="T13" s="280">
        <v>31</v>
      </c>
      <c r="U13" s="280">
        <v>74</v>
      </c>
      <c r="V13" s="280">
        <v>145</v>
      </c>
      <c r="W13" s="277">
        <v>274</v>
      </c>
      <c r="X13" s="282">
        <v>275</v>
      </c>
      <c r="Y13" s="276">
        <v>148</v>
      </c>
      <c r="Z13" s="280">
        <v>302</v>
      </c>
      <c r="AA13" s="277">
        <v>450</v>
      </c>
      <c r="AB13" s="279">
        <v>0</v>
      </c>
      <c r="AC13" s="280">
        <v>760</v>
      </c>
      <c r="AD13" s="280">
        <v>519</v>
      </c>
      <c r="AE13" s="280">
        <v>347</v>
      </c>
      <c r="AF13" s="280">
        <v>301</v>
      </c>
      <c r="AG13" s="280">
        <v>285</v>
      </c>
      <c r="AH13" s="277">
        <v>2212</v>
      </c>
      <c r="AI13" s="282">
        <v>2662</v>
      </c>
      <c r="AJ13" s="276">
        <v>25</v>
      </c>
      <c r="AK13" s="280">
        <v>44</v>
      </c>
      <c r="AL13" s="277">
        <v>69</v>
      </c>
      <c r="AM13" s="279">
        <v>0</v>
      </c>
      <c r="AN13" s="280">
        <v>114</v>
      </c>
      <c r="AO13" s="280">
        <v>96</v>
      </c>
      <c r="AP13" s="280">
        <v>60</v>
      </c>
      <c r="AQ13" s="280">
        <v>51</v>
      </c>
      <c r="AR13" s="280">
        <v>50</v>
      </c>
      <c r="AS13" s="277">
        <v>371</v>
      </c>
      <c r="AT13" s="282">
        <v>440</v>
      </c>
      <c r="AU13" s="276">
        <v>175</v>
      </c>
      <c r="AV13" s="280">
        <v>251</v>
      </c>
      <c r="AW13" s="277">
        <v>426</v>
      </c>
      <c r="AX13" s="279">
        <v>0</v>
      </c>
      <c r="AY13" s="280">
        <v>1228</v>
      </c>
      <c r="AZ13" s="280">
        <v>1073</v>
      </c>
      <c r="BA13" s="280">
        <v>863</v>
      </c>
      <c r="BB13" s="280">
        <v>947</v>
      </c>
      <c r="BC13" s="280">
        <v>743</v>
      </c>
      <c r="BD13" s="281">
        <v>4854</v>
      </c>
      <c r="BE13" s="282">
        <v>5280</v>
      </c>
      <c r="BF13" s="276">
        <v>0</v>
      </c>
      <c r="BG13" s="280">
        <v>0</v>
      </c>
      <c r="BH13" s="277">
        <v>0</v>
      </c>
      <c r="BI13" s="279">
        <v>0</v>
      </c>
      <c r="BJ13" s="280">
        <v>1533</v>
      </c>
      <c r="BK13" s="280">
        <v>813</v>
      </c>
      <c r="BL13" s="280">
        <v>491</v>
      </c>
      <c r="BM13" s="280">
        <v>273</v>
      </c>
      <c r="BN13" s="280">
        <v>137</v>
      </c>
      <c r="BO13" s="277">
        <v>3247</v>
      </c>
      <c r="BP13" s="282">
        <v>3247</v>
      </c>
      <c r="BQ13" s="276">
        <v>63</v>
      </c>
      <c r="BR13" s="280">
        <v>88</v>
      </c>
      <c r="BS13" s="277">
        <v>151</v>
      </c>
      <c r="BT13" s="279">
        <v>0</v>
      </c>
      <c r="BU13" s="280">
        <v>267</v>
      </c>
      <c r="BV13" s="280">
        <v>167</v>
      </c>
      <c r="BW13" s="280">
        <v>95</v>
      </c>
      <c r="BX13" s="280">
        <v>58</v>
      </c>
      <c r="BY13" s="280">
        <v>27</v>
      </c>
      <c r="BZ13" s="277">
        <v>614</v>
      </c>
      <c r="CA13" s="282">
        <v>765</v>
      </c>
      <c r="CB13" s="276">
        <v>9</v>
      </c>
      <c r="CC13" s="280">
        <v>17</v>
      </c>
      <c r="CD13" s="277">
        <v>26</v>
      </c>
      <c r="CE13" s="279">
        <v>0</v>
      </c>
      <c r="CF13" s="280">
        <v>167</v>
      </c>
      <c r="CG13" s="280">
        <v>165</v>
      </c>
      <c r="CH13" s="280">
        <v>206</v>
      </c>
      <c r="CI13" s="280">
        <v>143</v>
      </c>
      <c r="CJ13" s="280">
        <v>96</v>
      </c>
      <c r="CK13" s="277">
        <v>777</v>
      </c>
      <c r="CL13" s="282">
        <v>803</v>
      </c>
      <c r="CM13" s="276">
        <v>0</v>
      </c>
      <c r="CN13" s="280">
        <v>3</v>
      </c>
      <c r="CO13" s="277">
        <v>3</v>
      </c>
      <c r="CP13" s="279">
        <v>0</v>
      </c>
      <c r="CQ13" s="280">
        <v>10</v>
      </c>
      <c r="CR13" s="280">
        <v>17</v>
      </c>
      <c r="CS13" s="280">
        <v>18</v>
      </c>
      <c r="CT13" s="280">
        <v>11</v>
      </c>
      <c r="CU13" s="280">
        <v>6</v>
      </c>
      <c r="CV13" s="277">
        <v>62</v>
      </c>
      <c r="CW13" s="282">
        <v>65</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910</v>
      </c>
      <c r="DU13" s="280">
        <v>1224</v>
      </c>
      <c r="DV13" s="277">
        <v>2134</v>
      </c>
      <c r="DW13" s="279">
        <v>0</v>
      </c>
      <c r="DX13" s="280">
        <v>1990</v>
      </c>
      <c r="DY13" s="280">
        <v>1588</v>
      </c>
      <c r="DZ13" s="280">
        <v>1050</v>
      </c>
      <c r="EA13" s="280">
        <v>854</v>
      </c>
      <c r="EB13" s="280">
        <v>596</v>
      </c>
      <c r="EC13" s="277">
        <v>6078</v>
      </c>
      <c r="ED13" s="282">
        <v>8212</v>
      </c>
      <c r="EE13" s="276">
        <v>68</v>
      </c>
      <c r="EF13" s="280">
        <v>64</v>
      </c>
      <c r="EG13" s="277">
        <v>132</v>
      </c>
      <c r="EH13" s="279">
        <v>0</v>
      </c>
      <c r="EI13" s="280">
        <v>278</v>
      </c>
      <c r="EJ13" s="280">
        <v>213</v>
      </c>
      <c r="EK13" s="280">
        <v>193</v>
      </c>
      <c r="EL13" s="280">
        <v>214</v>
      </c>
      <c r="EM13" s="280">
        <v>136</v>
      </c>
      <c r="EN13" s="277">
        <v>1034</v>
      </c>
      <c r="EO13" s="282">
        <v>1166</v>
      </c>
      <c r="EP13" s="276">
        <v>1076</v>
      </c>
      <c r="EQ13" s="280">
        <v>1417</v>
      </c>
      <c r="ER13" s="277">
        <v>2493</v>
      </c>
      <c r="ES13" s="279">
        <v>0</v>
      </c>
      <c r="ET13" s="280">
        <v>3481</v>
      </c>
      <c r="EU13" s="280">
        <v>1939</v>
      </c>
      <c r="EV13" s="280">
        <v>1139</v>
      </c>
      <c r="EW13" s="280">
        <v>845</v>
      </c>
      <c r="EX13" s="280">
        <v>575</v>
      </c>
      <c r="EY13" s="277">
        <v>7979</v>
      </c>
      <c r="EZ13" s="282">
        <v>10472</v>
      </c>
    </row>
    <row r="14" spans="2:156" ht="21" customHeight="1" x14ac:dyDescent="0.2">
      <c r="B14" s="261" t="s">
        <v>11</v>
      </c>
      <c r="C14" s="276">
        <v>0</v>
      </c>
      <c r="D14" s="280">
        <v>0</v>
      </c>
      <c r="E14" s="384">
        <v>0</v>
      </c>
      <c r="F14" s="279">
        <v>0</v>
      </c>
      <c r="G14" s="280">
        <v>523</v>
      </c>
      <c r="H14" s="280">
        <v>361</v>
      </c>
      <c r="I14" s="280">
        <v>252</v>
      </c>
      <c r="J14" s="280">
        <v>227</v>
      </c>
      <c r="K14" s="280">
        <v>154</v>
      </c>
      <c r="L14" s="281">
        <v>1517</v>
      </c>
      <c r="M14" s="282">
        <v>1517</v>
      </c>
      <c r="N14" s="276">
        <v>0</v>
      </c>
      <c r="O14" s="280">
        <v>1</v>
      </c>
      <c r="P14" s="277">
        <v>1</v>
      </c>
      <c r="Q14" s="279">
        <v>0</v>
      </c>
      <c r="R14" s="280">
        <v>7</v>
      </c>
      <c r="S14" s="280">
        <v>12</v>
      </c>
      <c r="T14" s="280">
        <v>24</v>
      </c>
      <c r="U14" s="280">
        <v>51</v>
      </c>
      <c r="V14" s="280">
        <v>59</v>
      </c>
      <c r="W14" s="277">
        <v>153</v>
      </c>
      <c r="X14" s="282">
        <v>154</v>
      </c>
      <c r="Y14" s="276">
        <v>40</v>
      </c>
      <c r="Z14" s="280">
        <v>66</v>
      </c>
      <c r="AA14" s="277">
        <v>106</v>
      </c>
      <c r="AB14" s="279">
        <v>0</v>
      </c>
      <c r="AC14" s="280">
        <v>315</v>
      </c>
      <c r="AD14" s="280">
        <v>229</v>
      </c>
      <c r="AE14" s="280">
        <v>193</v>
      </c>
      <c r="AF14" s="280">
        <v>185</v>
      </c>
      <c r="AG14" s="280">
        <v>148</v>
      </c>
      <c r="AH14" s="277">
        <v>1070</v>
      </c>
      <c r="AI14" s="282">
        <v>1176</v>
      </c>
      <c r="AJ14" s="276">
        <v>2</v>
      </c>
      <c r="AK14" s="280">
        <v>8</v>
      </c>
      <c r="AL14" s="277">
        <v>10</v>
      </c>
      <c r="AM14" s="279">
        <v>0</v>
      </c>
      <c r="AN14" s="280">
        <v>35</v>
      </c>
      <c r="AO14" s="280">
        <v>31</v>
      </c>
      <c r="AP14" s="280">
        <v>19</v>
      </c>
      <c r="AQ14" s="280">
        <v>21</v>
      </c>
      <c r="AR14" s="280">
        <v>5</v>
      </c>
      <c r="AS14" s="277">
        <v>111</v>
      </c>
      <c r="AT14" s="282">
        <v>121</v>
      </c>
      <c r="AU14" s="276">
        <v>55</v>
      </c>
      <c r="AV14" s="280">
        <v>49</v>
      </c>
      <c r="AW14" s="277">
        <v>104</v>
      </c>
      <c r="AX14" s="279">
        <v>0</v>
      </c>
      <c r="AY14" s="280">
        <v>461</v>
      </c>
      <c r="AZ14" s="280">
        <v>439</v>
      </c>
      <c r="BA14" s="280">
        <v>420</v>
      </c>
      <c r="BB14" s="280">
        <v>427</v>
      </c>
      <c r="BC14" s="280">
        <v>280</v>
      </c>
      <c r="BD14" s="281">
        <v>2027</v>
      </c>
      <c r="BE14" s="282">
        <v>2131</v>
      </c>
      <c r="BF14" s="276">
        <v>0</v>
      </c>
      <c r="BG14" s="280">
        <v>0</v>
      </c>
      <c r="BH14" s="277">
        <v>0</v>
      </c>
      <c r="BI14" s="279">
        <v>0</v>
      </c>
      <c r="BJ14" s="280">
        <v>721</v>
      </c>
      <c r="BK14" s="280">
        <v>381</v>
      </c>
      <c r="BL14" s="280">
        <v>248</v>
      </c>
      <c r="BM14" s="280">
        <v>167</v>
      </c>
      <c r="BN14" s="280">
        <v>82</v>
      </c>
      <c r="BO14" s="277">
        <v>1599</v>
      </c>
      <c r="BP14" s="282">
        <v>1599</v>
      </c>
      <c r="BQ14" s="276">
        <v>80</v>
      </c>
      <c r="BR14" s="280">
        <v>75</v>
      </c>
      <c r="BS14" s="277">
        <v>155</v>
      </c>
      <c r="BT14" s="279">
        <v>0</v>
      </c>
      <c r="BU14" s="280">
        <v>201</v>
      </c>
      <c r="BV14" s="280">
        <v>120</v>
      </c>
      <c r="BW14" s="280">
        <v>80</v>
      </c>
      <c r="BX14" s="280">
        <v>57</v>
      </c>
      <c r="BY14" s="280">
        <v>16</v>
      </c>
      <c r="BZ14" s="277">
        <v>474</v>
      </c>
      <c r="CA14" s="282">
        <v>629</v>
      </c>
      <c r="CB14" s="276">
        <v>5</v>
      </c>
      <c r="CC14" s="280">
        <v>7</v>
      </c>
      <c r="CD14" s="277">
        <v>12</v>
      </c>
      <c r="CE14" s="279">
        <v>0</v>
      </c>
      <c r="CF14" s="280">
        <v>85</v>
      </c>
      <c r="CG14" s="280">
        <v>91</v>
      </c>
      <c r="CH14" s="280">
        <v>107</v>
      </c>
      <c r="CI14" s="280">
        <v>85</v>
      </c>
      <c r="CJ14" s="280">
        <v>37</v>
      </c>
      <c r="CK14" s="277">
        <v>405</v>
      </c>
      <c r="CL14" s="282">
        <v>417</v>
      </c>
      <c r="CM14" s="276">
        <v>0</v>
      </c>
      <c r="CN14" s="280">
        <v>0</v>
      </c>
      <c r="CO14" s="277">
        <v>0</v>
      </c>
      <c r="CP14" s="279">
        <v>0</v>
      </c>
      <c r="CQ14" s="280">
        <v>8</v>
      </c>
      <c r="CR14" s="280">
        <v>6</v>
      </c>
      <c r="CS14" s="280">
        <v>9</v>
      </c>
      <c r="CT14" s="280">
        <v>7</v>
      </c>
      <c r="CU14" s="280">
        <v>8</v>
      </c>
      <c r="CV14" s="277">
        <v>38</v>
      </c>
      <c r="CW14" s="282">
        <v>38</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401</v>
      </c>
      <c r="DU14" s="280">
        <v>454</v>
      </c>
      <c r="DV14" s="277">
        <v>855</v>
      </c>
      <c r="DW14" s="279">
        <v>0</v>
      </c>
      <c r="DX14" s="280">
        <v>991</v>
      </c>
      <c r="DY14" s="280">
        <v>804</v>
      </c>
      <c r="DZ14" s="280">
        <v>625</v>
      </c>
      <c r="EA14" s="280">
        <v>499</v>
      </c>
      <c r="EB14" s="280">
        <v>272</v>
      </c>
      <c r="EC14" s="277">
        <v>3191</v>
      </c>
      <c r="ED14" s="282">
        <v>4046</v>
      </c>
      <c r="EE14" s="276">
        <v>34</v>
      </c>
      <c r="EF14" s="280">
        <v>31</v>
      </c>
      <c r="EG14" s="277">
        <v>65</v>
      </c>
      <c r="EH14" s="279">
        <v>0</v>
      </c>
      <c r="EI14" s="280">
        <v>203</v>
      </c>
      <c r="EJ14" s="280">
        <v>129</v>
      </c>
      <c r="EK14" s="280">
        <v>133</v>
      </c>
      <c r="EL14" s="280">
        <v>159</v>
      </c>
      <c r="EM14" s="280">
        <v>76</v>
      </c>
      <c r="EN14" s="277">
        <v>700</v>
      </c>
      <c r="EO14" s="282">
        <v>765</v>
      </c>
      <c r="EP14" s="276">
        <v>488</v>
      </c>
      <c r="EQ14" s="280">
        <v>528</v>
      </c>
      <c r="ER14" s="277">
        <v>1016</v>
      </c>
      <c r="ES14" s="279">
        <v>0</v>
      </c>
      <c r="ET14" s="280">
        <v>1912</v>
      </c>
      <c r="EU14" s="280">
        <v>1071</v>
      </c>
      <c r="EV14" s="280">
        <v>717</v>
      </c>
      <c r="EW14" s="280">
        <v>527</v>
      </c>
      <c r="EX14" s="280">
        <v>280</v>
      </c>
      <c r="EY14" s="277">
        <v>4507</v>
      </c>
      <c r="EZ14" s="282">
        <v>5523</v>
      </c>
    </row>
    <row r="15" spans="2:156" ht="21" customHeight="1" x14ac:dyDescent="0.2">
      <c r="B15" s="261" t="s">
        <v>12</v>
      </c>
      <c r="C15" s="276">
        <v>0</v>
      </c>
      <c r="D15" s="280">
        <v>0</v>
      </c>
      <c r="E15" s="384">
        <v>0</v>
      </c>
      <c r="F15" s="279">
        <v>0</v>
      </c>
      <c r="G15" s="280">
        <v>492</v>
      </c>
      <c r="H15" s="280">
        <v>435</v>
      </c>
      <c r="I15" s="280">
        <v>308</v>
      </c>
      <c r="J15" s="280">
        <v>300</v>
      </c>
      <c r="K15" s="280">
        <v>212</v>
      </c>
      <c r="L15" s="281">
        <v>1747</v>
      </c>
      <c r="M15" s="282">
        <v>1747</v>
      </c>
      <c r="N15" s="276">
        <v>0</v>
      </c>
      <c r="O15" s="280">
        <v>4</v>
      </c>
      <c r="P15" s="277">
        <v>4</v>
      </c>
      <c r="Q15" s="279">
        <v>0</v>
      </c>
      <c r="R15" s="280">
        <v>3</v>
      </c>
      <c r="S15" s="280">
        <v>9</v>
      </c>
      <c r="T15" s="280">
        <v>20</v>
      </c>
      <c r="U15" s="280">
        <v>62</v>
      </c>
      <c r="V15" s="280">
        <v>81</v>
      </c>
      <c r="W15" s="277">
        <v>175</v>
      </c>
      <c r="X15" s="282">
        <v>179</v>
      </c>
      <c r="Y15" s="276">
        <v>113</v>
      </c>
      <c r="Z15" s="280">
        <v>194</v>
      </c>
      <c r="AA15" s="277">
        <v>307</v>
      </c>
      <c r="AB15" s="279">
        <v>0</v>
      </c>
      <c r="AC15" s="280">
        <v>302</v>
      </c>
      <c r="AD15" s="280">
        <v>349</v>
      </c>
      <c r="AE15" s="280">
        <v>222</v>
      </c>
      <c r="AF15" s="280">
        <v>233</v>
      </c>
      <c r="AG15" s="280">
        <v>169</v>
      </c>
      <c r="AH15" s="277">
        <v>1275</v>
      </c>
      <c r="AI15" s="282">
        <v>1582</v>
      </c>
      <c r="AJ15" s="276">
        <v>3</v>
      </c>
      <c r="AK15" s="280">
        <v>20</v>
      </c>
      <c r="AL15" s="277">
        <v>23</v>
      </c>
      <c r="AM15" s="279">
        <v>0</v>
      </c>
      <c r="AN15" s="280">
        <v>14</v>
      </c>
      <c r="AO15" s="280">
        <v>44</v>
      </c>
      <c r="AP15" s="280">
        <v>31</v>
      </c>
      <c r="AQ15" s="280">
        <v>27</v>
      </c>
      <c r="AR15" s="280">
        <v>15</v>
      </c>
      <c r="AS15" s="277">
        <v>131</v>
      </c>
      <c r="AT15" s="282">
        <v>154</v>
      </c>
      <c r="AU15" s="276">
        <v>81</v>
      </c>
      <c r="AV15" s="280">
        <v>120</v>
      </c>
      <c r="AW15" s="277">
        <v>201</v>
      </c>
      <c r="AX15" s="279">
        <v>0</v>
      </c>
      <c r="AY15" s="280">
        <v>317</v>
      </c>
      <c r="AZ15" s="280">
        <v>353</v>
      </c>
      <c r="BA15" s="280">
        <v>351</v>
      </c>
      <c r="BB15" s="280">
        <v>449</v>
      </c>
      <c r="BC15" s="280">
        <v>333</v>
      </c>
      <c r="BD15" s="281">
        <v>1803</v>
      </c>
      <c r="BE15" s="282">
        <v>2004</v>
      </c>
      <c r="BF15" s="276">
        <v>0</v>
      </c>
      <c r="BG15" s="280">
        <v>0</v>
      </c>
      <c r="BH15" s="277">
        <v>0</v>
      </c>
      <c r="BI15" s="279">
        <v>0</v>
      </c>
      <c r="BJ15" s="280">
        <v>560</v>
      </c>
      <c r="BK15" s="280">
        <v>409</v>
      </c>
      <c r="BL15" s="280">
        <v>274</v>
      </c>
      <c r="BM15" s="280">
        <v>209</v>
      </c>
      <c r="BN15" s="280">
        <v>90</v>
      </c>
      <c r="BO15" s="277">
        <v>1542</v>
      </c>
      <c r="BP15" s="282">
        <v>1542</v>
      </c>
      <c r="BQ15" s="276">
        <v>133</v>
      </c>
      <c r="BR15" s="280">
        <v>120</v>
      </c>
      <c r="BS15" s="277">
        <v>253</v>
      </c>
      <c r="BT15" s="279">
        <v>0</v>
      </c>
      <c r="BU15" s="280">
        <v>129</v>
      </c>
      <c r="BV15" s="280">
        <v>172</v>
      </c>
      <c r="BW15" s="280">
        <v>121</v>
      </c>
      <c r="BX15" s="280">
        <v>81</v>
      </c>
      <c r="BY15" s="280">
        <v>37</v>
      </c>
      <c r="BZ15" s="277">
        <v>540</v>
      </c>
      <c r="CA15" s="282">
        <v>793</v>
      </c>
      <c r="CB15" s="276">
        <v>4</v>
      </c>
      <c r="CC15" s="280">
        <v>11</v>
      </c>
      <c r="CD15" s="277">
        <v>15</v>
      </c>
      <c r="CE15" s="279">
        <v>0</v>
      </c>
      <c r="CF15" s="280">
        <v>86</v>
      </c>
      <c r="CG15" s="280">
        <v>91</v>
      </c>
      <c r="CH15" s="280">
        <v>123</v>
      </c>
      <c r="CI15" s="280">
        <v>112</v>
      </c>
      <c r="CJ15" s="280">
        <v>54</v>
      </c>
      <c r="CK15" s="277">
        <v>466</v>
      </c>
      <c r="CL15" s="282">
        <v>481</v>
      </c>
      <c r="CM15" s="276">
        <v>0</v>
      </c>
      <c r="CN15" s="280">
        <v>0</v>
      </c>
      <c r="CO15" s="277">
        <v>0</v>
      </c>
      <c r="CP15" s="279">
        <v>0</v>
      </c>
      <c r="CQ15" s="280">
        <v>2</v>
      </c>
      <c r="CR15" s="280">
        <v>8</v>
      </c>
      <c r="CS15" s="280">
        <v>2</v>
      </c>
      <c r="CT15" s="280">
        <v>5</v>
      </c>
      <c r="CU15" s="280">
        <v>2</v>
      </c>
      <c r="CV15" s="277">
        <v>19</v>
      </c>
      <c r="CW15" s="282">
        <v>19</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459</v>
      </c>
      <c r="DU15" s="280">
        <v>749</v>
      </c>
      <c r="DV15" s="277">
        <v>1208</v>
      </c>
      <c r="DW15" s="279">
        <v>0</v>
      </c>
      <c r="DX15" s="280">
        <v>559</v>
      </c>
      <c r="DY15" s="280">
        <v>923</v>
      </c>
      <c r="DZ15" s="280">
        <v>684</v>
      </c>
      <c r="EA15" s="280">
        <v>630</v>
      </c>
      <c r="EB15" s="280">
        <v>353</v>
      </c>
      <c r="EC15" s="277">
        <v>3149</v>
      </c>
      <c r="ED15" s="282">
        <v>4357</v>
      </c>
      <c r="EE15" s="276">
        <v>49</v>
      </c>
      <c r="EF15" s="280">
        <v>50</v>
      </c>
      <c r="EG15" s="277">
        <v>99</v>
      </c>
      <c r="EH15" s="279">
        <v>0</v>
      </c>
      <c r="EI15" s="280">
        <v>104</v>
      </c>
      <c r="EJ15" s="280">
        <v>106</v>
      </c>
      <c r="EK15" s="280">
        <v>101</v>
      </c>
      <c r="EL15" s="280">
        <v>131</v>
      </c>
      <c r="EM15" s="280">
        <v>80</v>
      </c>
      <c r="EN15" s="277">
        <v>522</v>
      </c>
      <c r="EO15" s="282">
        <v>621</v>
      </c>
      <c r="EP15" s="276">
        <v>652</v>
      </c>
      <c r="EQ15" s="280">
        <v>887</v>
      </c>
      <c r="ER15" s="277">
        <v>1539</v>
      </c>
      <c r="ES15" s="279">
        <v>0</v>
      </c>
      <c r="ET15" s="280">
        <v>1443</v>
      </c>
      <c r="EU15" s="280">
        <v>1215</v>
      </c>
      <c r="EV15" s="280">
        <v>784</v>
      </c>
      <c r="EW15" s="280">
        <v>632</v>
      </c>
      <c r="EX15" s="280">
        <v>349</v>
      </c>
      <c r="EY15" s="277">
        <v>4423</v>
      </c>
      <c r="EZ15" s="282">
        <v>5962</v>
      </c>
    </row>
    <row r="16" spans="2:156" ht="21" customHeight="1" x14ac:dyDescent="0.2">
      <c r="B16" s="261" t="s">
        <v>13</v>
      </c>
      <c r="C16" s="276">
        <v>0</v>
      </c>
      <c r="D16" s="280">
        <v>0</v>
      </c>
      <c r="E16" s="384">
        <v>0</v>
      </c>
      <c r="F16" s="279">
        <v>0</v>
      </c>
      <c r="G16" s="280">
        <v>221</v>
      </c>
      <c r="H16" s="280">
        <v>207</v>
      </c>
      <c r="I16" s="280">
        <v>138</v>
      </c>
      <c r="J16" s="280">
        <v>108</v>
      </c>
      <c r="K16" s="280">
        <v>99</v>
      </c>
      <c r="L16" s="281">
        <v>773</v>
      </c>
      <c r="M16" s="282">
        <v>773</v>
      </c>
      <c r="N16" s="276">
        <v>0</v>
      </c>
      <c r="O16" s="280">
        <v>0</v>
      </c>
      <c r="P16" s="277">
        <v>0</v>
      </c>
      <c r="Q16" s="279">
        <v>0</v>
      </c>
      <c r="R16" s="280">
        <v>2</v>
      </c>
      <c r="S16" s="280">
        <v>3</v>
      </c>
      <c r="T16" s="280">
        <v>5</v>
      </c>
      <c r="U16" s="280">
        <v>15</v>
      </c>
      <c r="V16" s="280">
        <v>28</v>
      </c>
      <c r="W16" s="277">
        <v>53</v>
      </c>
      <c r="X16" s="282">
        <v>53</v>
      </c>
      <c r="Y16" s="276">
        <v>7</v>
      </c>
      <c r="Z16" s="280">
        <v>21</v>
      </c>
      <c r="AA16" s="277">
        <v>28</v>
      </c>
      <c r="AB16" s="279">
        <v>0</v>
      </c>
      <c r="AC16" s="280">
        <v>103</v>
      </c>
      <c r="AD16" s="280">
        <v>126</v>
      </c>
      <c r="AE16" s="280">
        <v>89</v>
      </c>
      <c r="AF16" s="280">
        <v>93</v>
      </c>
      <c r="AG16" s="280">
        <v>83</v>
      </c>
      <c r="AH16" s="277">
        <v>494</v>
      </c>
      <c r="AI16" s="282">
        <v>522</v>
      </c>
      <c r="AJ16" s="276">
        <v>2</v>
      </c>
      <c r="AK16" s="280">
        <v>6</v>
      </c>
      <c r="AL16" s="277">
        <v>8</v>
      </c>
      <c r="AM16" s="279">
        <v>0</v>
      </c>
      <c r="AN16" s="280">
        <v>16</v>
      </c>
      <c r="AO16" s="280">
        <v>25</v>
      </c>
      <c r="AP16" s="280">
        <v>7</v>
      </c>
      <c r="AQ16" s="280">
        <v>14</v>
      </c>
      <c r="AR16" s="280">
        <v>8</v>
      </c>
      <c r="AS16" s="277">
        <v>70</v>
      </c>
      <c r="AT16" s="282">
        <v>78</v>
      </c>
      <c r="AU16" s="276">
        <v>34</v>
      </c>
      <c r="AV16" s="280">
        <v>32</v>
      </c>
      <c r="AW16" s="277">
        <v>66</v>
      </c>
      <c r="AX16" s="279">
        <v>0</v>
      </c>
      <c r="AY16" s="280">
        <v>175</v>
      </c>
      <c r="AZ16" s="280">
        <v>184</v>
      </c>
      <c r="BA16" s="280">
        <v>184</v>
      </c>
      <c r="BB16" s="280">
        <v>178</v>
      </c>
      <c r="BC16" s="280">
        <v>157</v>
      </c>
      <c r="BD16" s="281">
        <v>878</v>
      </c>
      <c r="BE16" s="282">
        <v>944</v>
      </c>
      <c r="BF16" s="276">
        <v>0</v>
      </c>
      <c r="BG16" s="280">
        <v>0</v>
      </c>
      <c r="BH16" s="277">
        <v>0</v>
      </c>
      <c r="BI16" s="279">
        <v>0</v>
      </c>
      <c r="BJ16" s="280">
        <v>176</v>
      </c>
      <c r="BK16" s="280">
        <v>165</v>
      </c>
      <c r="BL16" s="280">
        <v>112</v>
      </c>
      <c r="BM16" s="280">
        <v>64</v>
      </c>
      <c r="BN16" s="280">
        <v>36</v>
      </c>
      <c r="BO16" s="277">
        <v>553</v>
      </c>
      <c r="BP16" s="282">
        <v>553</v>
      </c>
      <c r="BQ16" s="276">
        <v>12</v>
      </c>
      <c r="BR16" s="280">
        <v>26</v>
      </c>
      <c r="BS16" s="277">
        <v>38</v>
      </c>
      <c r="BT16" s="279">
        <v>0</v>
      </c>
      <c r="BU16" s="280">
        <v>33</v>
      </c>
      <c r="BV16" s="280">
        <v>40</v>
      </c>
      <c r="BW16" s="280">
        <v>25</v>
      </c>
      <c r="BX16" s="280">
        <v>19</v>
      </c>
      <c r="BY16" s="280">
        <v>10</v>
      </c>
      <c r="BZ16" s="277">
        <v>127</v>
      </c>
      <c r="CA16" s="282">
        <v>165</v>
      </c>
      <c r="CB16" s="276">
        <v>0</v>
      </c>
      <c r="CC16" s="280">
        <v>3</v>
      </c>
      <c r="CD16" s="277">
        <v>3</v>
      </c>
      <c r="CE16" s="279">
        <v>0</v>
      </c>
      <c r="CF16" s="280">
        <v>23</v>
      </c>
      <c r="CG16" s="280">
        <v>26</v>
      </c>
      <c r="CH16" s="280">
        <v>38</v>
      </c>
      <c r="CI16" s="280">
        <v>37</v>
      </c>
      <c r="CJ16" s="280">
        <v>27</v>
      </c>
      <c r="CK16" s="277">
        <v>151</v>
      </c>
      <c r="CL16" s="282">
        <v>154</v>
      </c>
      <c r="CM16" s="276">
        <v>0</v>
      </c>
      <c r="CN16" s="280">
        <v>0</v>
      </c>
      <c r="CO16" s="277">
        <v>0</v>
      </c>
      <c r="CP16" s="279">
        <v>0</v>
      </c>
      <c r="CQ16" s="280">
        <v>2</v>
      </c>
      <c r="CR16" s="280">
        <v>5</v>
      </c>
      <c r="CS16" s="280">
        <v>4</v>
      </c>
      <c r="CT16" s="280">
        <v>5</v>
      </c>
      <c r="CU16" s="280">
        <v>0</v>
      </c>
      <c r="CV16" s="277">
        <v>16</v>
      </c>
      <c r="CW16" s="282">
        <v>16</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72</v>
      </c>
      <c r="DU16" s="280">
        <v>165</v>
      </c>
      <c r="DV16" s="277">
        <v>237</v>
      </c>
      <c r="DW16" s="279">
        <v>0</v>
      </c>
      <c r="DX16" s="280">
        <v>265</v>
      </c>
      <c r="DY16" s="280">
        <v>392</v>
      </c>
      <c r="DZ16" s="280">
        <v>226</v>
      </c>
      <c r="EA16" s="280">
        <v>209</v>
      </c>
      <c r="EB16" s="280">
        <v>137</v>
      </c>
      <c r="EC16" s="277">
        <v>1229</v>
      </c>
      <c r="ED16" s="282">
        <v>1466</v>
      </c>
      <c r="EE16" s="276">
        <v>28</v>
      </c>
      <c r="EF16" s="280">
        <v>17</v>
      </c>
      <c r="EG16" s="277">
        <v>45</v>
      </c>
      <c r="EH16" s="279">
        <v>0</v>
      </c>
      <c r="EI16" s="280">
        <v>87</v>
      </c>
      <c r="EJ16" s="280">
        <v>60</v>
      </c>
      <c r="EK16" s="280">
        <v>69</v>
      </c>
      <c r="EL16" s="280">
        <v>64</v>
      </c>
      <c r="EM16" s="280">
        <v>51</v>
      </c>
      <c r="EN16" s="277">
        <v>331</v>
      </c>
      <c r="EO16" s="282">
        <v>376</v>
      </c>
      <c r="EP16" s="276">
        <v>88</v>
      </c>
      <c r="EQ16" s="280">
        <v>196</v>
      </c>
      <c r="ER16" s="277">
        <v>284</v>
      </c>
      <c r="ES16" s="279">
        <v>0</v>
      </c>
      <c r="ET16" s="280">
        <v>560</v>
      </c>
      <c r="EU16" s="280">
        <v>528</v>
      </c>
      <c r="EV16" s="280">
        <v>300</v>
      </c>
      <c r="EW16" s="280">
        <v>234</v>
      </c>
      <c r="EX16" s="280">
        <v>158</v>
      </c>
      <c r="EY16" s="277">
        <v>1780</v>
      </c>
      <c r="EZ16" s="282">
        <v>2064</v>
      </c>
    </row>
    <row r="17" spans="2:156" ht="21" customHeight="1" x14ac:dyDescent="0.2">
      <c r="B17" s="261" t="s">
        <v>15</v>
      </c>
      <c r="C17" s="276">
        <v>0</v>
      </c>
      <c r="D17" s="280">
        <v>0</v>
      </c>
      <c r="E17" s="384">
        <v>0</v>
      </c>
      <c r="F17" s="279">
        <v>0</v>
      </c>
      <c r="G17" s="280">
        <v>108</v>
      </c>
      <c r="H17" s="280">
        <v>168</v>
      </c>
      <c r="I17" s="280">
        <v>75</v>
      </c>
      <c r="J17" s="280">
        <v>51</v>
      </c>
      <c r="K17" s="280">
        <v>51</v>
      </c>
      <c r="L17" s="281">
        <v>453</v>
      </c>
      <c r="M17" s="282">
        <v>453</v>
      </c>
      <c r="N17" s="276">
        <v>0</v>
      </c>
      <c r="O17" s="280">
        <v>0</v>
      </c>
      <c r="P17" s="277">
        <v>0</v>
      </c>
      <c r="Q17" s="279">
        <v>0</v>
      </c>
      <c r="R17" s="280">
        <v>0</v>
      </c>
      <c r="S17" s="280">
        <v>3</v>
      </c>
      <c r="T17" s="280">
        <v>7</v>
      </c>
      <c r="U17" s="280">
        <v>19</v>
      </c>
      <c r="V17" s="280">
        <v>33</v>
      </c>
      <c r="W17" s="277">
        <v>62</v>
      </c>
      <c r="X17" s="282">
        <v>62</v>
      </c>
      <c r="Y17" s="276">
        <v>1</v>
      </c>
      <c r="Z17" s="280">
        <v>12</v>
      </c>
      <c r="AA17" s="277">
        <v>13</v>
      </c>
      <c r="AB17" s="279">
        <v>0</v>
      </c>
      <c r="AC17" s="280">
        <v>48</v>
      </c>
      <c r="AD17" s="280">
        <v>81</v>
      </c>
      <c r="AE17" s="280">
        <v>46</v>
      </c>
      <c r="AF17" s="280">
        <v>41</v>
      </c>
      <c r="AG17" s="280">
        <v>53</v>
      </c>
      <c r="AH17" s="277">
        <v>269</v>
      </c>
      <c r="AI17" s="282">
        <v>282</v>
      </c>
      <c r="AJ17" s="276">
        <v>0</v>
      </c>
      <c r="AK17" s="280">
        <v>1</v>
      </c>
      <c r="AL17" s="277">
        <v>1</v>
      </c>
      <c r="AM17" s="279">
        <v>0</v>
      </c>
      <c r="AN17" s="280">
        <v>7</v>
      </c>
      <c r="AO17" s="280">
        <v>14</v>
      </c>
      <c r="AP17" s="280">
        <v>6</v>
      </c>
      <c r="AQ17" s="280">
        <v>3</v>
      </c>
      <c r="AR17" s="280">
        <v>6</v>
      </c>
      <c r="AS17" s="277">
        <v>36</v>
      </c>
      <c r="AT17" s="282">
        <v>37</v>
      </c>
      <c r="AU17" s="276">
        <v>9</v>
      </c>
      <c r="AV17" s="280">
        <v>15</v>
      </c>
      <c r="AW17" s="277">
        <v>24</v>
      </c>
      <c r="AX17" s="279">
        <v>0</v>
      </c>
      <c r="AY17" s="280">
        <v>105</v>
      </c>
      <c r="AZ17" s="280">
        <v>107</v>
      </c>
      <c r="BA17" s="280">
        <v>107</v>
      </c>
      <c r="BB17" s="280">
        <v>98</v>
      </c>
      <c r="BC17" s="280">
        <v>85</v>
      </c>
      <c r="BD17" s="281">
        <v>502</v>
      </c>
      <c r="BE17" s="282">
        <v>526</v>
      </c>
      <c r="BF17" s="276">
        <v>0</v>
      </c>
      <c r="BG17" s="280">
        <v>0</v>
      </c>
      <c r="BH17" s="277">
        <v>0</v>
      </c>
      <c r="BI17" s="279">
        <v>0</v>
      </c>
      <c r="BJ17" s="280">
        <v>109</v>
      </c>
      <c r="BK17" s="280">
        <v>136</v>
      </c>
      <c r="BL17" s="280">
        <v>59</v>
      </c>
      <c r="BM17" s="280">
        <v>23</v>
      </c>
      <c r="BN17" s="280">
        <v>15</v>
      </c>
      <c r="BO17" s="277">
        <v>342</v>
      </c>
      <c r="BP17" s="282">
        <v>342</v>
      </c>
      <c r="BQ17" s="276">
        <v>1</v>
      </c>
      <c r="BR17" s="280">
        <v>6</v>
      </c>
      <c r="BS17" s="277">
        <v>7</v>
      </c>
      <c r="BT17" s="279">
        <v>0</v>
      </c>
      <c r="BU17" s="280">
        <v>27</v>
      </c>
      <c r="BV17" s="280">
        <v>31</v>
      </c>
      <c r="BW17" s="280">
        <v>24</v>
      </c>
      <c r="BX17" s="280">
        <v>15</v>
      </c>
      <c r="BY17" s="280">
        <v>5</v>
      </c>
      <c r="BZ17" s="277">
        <v>102</v>
      </c>
      <c r="CA17" s="282">
        <v>109</v>
      </c>
      <c r="CB17" s="276">
        <v>0</v>
      </c>
      <c r="CC17" s="280">
        <v>2</v>
      </c>
      <c r="CD17" s="277">
        <v>2</v>
      </c>
      <c r="CE17" s="279">
        <v>0</v>
      </c>
      <c r="CF17" s="280">
        <v>9</v>
      </c>
      <c r="CG17" s="280">
        <v>28</v>
      </c>
      <c r="CH17" s="280">
        <v>49</v>
      </c>
      <c r="CI17" s="280">
        <v>44</v>
      </c>
      <c r="CJ17" s="280">
        <v>27</v>
      </c>
      <c r="CK17" s="277">
        <v>157</v>
      </c>
      <c r="CL17" s="282">
        <v>159</v>
      </c>
      <c r="CM17" s="276">
        <v>0</v>
      </c>
      <c r="CN17" s="280">
        <v>0</v>
      </c>
      <c r="CO17" s="277">
        <v>0</v>
      </c>
      <c r="CP17" s="279">
        <v>0</v>
      </c>
      <c r="CQ17" s="280">
        <v>0</v>
      </c>
      <c r="CR17" s="280">
        <v>4</v>
      </c>
      <c r="CS17" s="280">
        <v>4</v>
      </c>
      <c r="CT17" s="280">
        <v>1</v>
      </c>
      <c r="CU17" s="280">
        <v>1</v>
      </c>
      <c r="CV17" s="277">
        <v>10</v>
      </c>
      <c r="CW17" s="282">
        <v>1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58</v>
      </c>
      <c r="DU17" s="280">
        <v>164</v>
      </c>
      <c r="DV17" s="277">
        <v>222</v>
      </c>
      <c r="DW17" s="279">
        <v>0</v>
      </c>
      <c r="DX17" s="280">
        <v>195</v>
      </c>
      <c r="DY17" s="280">
        <v>347</v>
      </c>
      <c r="DZ17" s="280">
        <v>188</v>
      </c>
      <c r="EA17" s="280">
        <v>135</v>
      </c>
      <c r="EB17" s="280">
        <v>88</v>
      </c>
      <c r="EC17" s="277">
        <v>953</v>
      </c>
      <c r="ED17" s="282">
        <v>1175</v>
      </c>
      <c r="EE17" s="276">
        <v>16</v>
      </c>
      <c r="EF17" s="280">
        <v>13</v>
      </c>
      <c r="EG17" s="277">
        <v>29</v>
      </c>
      <c r="EH17" s="279">
        <v>0</v>
      </c>
      <c r="EI17" s="280">
        <v>55</v>
      </c>
      <c r="EJ17" s="280">
        <v>34</v>
      </c>
      <c r="EK17" s="280">
        <v>32</v>
      </c>
      <c r="EL17" s="280">
        <v>43</v>
      </c>
      <c r="EM17" s="280">
        <v>22</v>
      </c>
      <c r="EN17" s="277">
        <v>186</v>
      </c>
      <c r="EO17" s="282">
        <v>215</v>
      </c>
      <c r="EP17" s="276">
        <v>58</v>
      </c>
      <c r="EQ17" s="280">
        <v>166</v>
      </c>
      <c r="ER17" s="277">
        <v>224</v>
      </c>
      <c r="ES17" s="279">
        <v>0</v>
      </c>
      <c r="ET17" s="280">
        <v>378</v>
      </c>
      <c r="EU17" s="280">
        <v>476</v>
      </c>
      <c r="EV17" s="280">
        <v>239</v>
      </c>
      <c r="EW17" s="280">
        <v>158</v>
      </c>
      <c r="EX17" s="280">
        <v>103</v>
      </c>
      <c r="EY17" s="277">
        <v>1354</v>
      </c>
      <c r="EZ17" s="282">
        <v>1578</v>
      </c>
    </row>
    <row r="18" spans="2:156" ht="21" customHeight="1" x14ac:dyDescent="0.2">
      <c r="B18" s="261" t="s">
        <v>16</v>
      </c>
      <c r="C18" s="276">
        <v>0</v>
      </c>
      <c r="D18" s="280">
        <v>0</v>
      </c>
      <c r="E18" s="384">
        <v>0</v>
      </c>
      <c r="F18" s="279">
        <v>0</v>
      </c>
      <c r="G18" s="280">
        <v>214</v>
      </c>
      <c r="H18" s="280">
        <v>298</v>
      </c>
      <c r="I18" s="280">
        <v>167</v>
      </c>
      <c r="J18" s="280">
        <v>142</v>
      </c>
      <c r="K18" s="280">
        <v>85</v>
      </c>
      <c r="L18" s="281">
        <v>906</v>
      </c>
      <c r="M18" s="282">
        <v>906</v>
      </c>
      <c r="N18" s="276">
        <v>0</v>
      </c>
      <c r="O18" s="280">
        <v>0</v>
      </c>
      <c r="P18" s="277">
        <v>0</v>
      </c>
      <c r="Q18" s="279">
        <v>0</v>
      </c>
      <c r="R18" s="280">
        <v>1</v>
      </c>
      <c r="S18" s="280">
        <v>13</v>
      </c>
      <c r="T18" s="280">
        <v>20</v>
      </c>
      <c r="U18" s="280">
        <v>26</v>
      </c>
      <c r="V18" s="280">
        <v>48</v>
      </c>
      <c r="W18" s="277">
        <v>108</v>
      </c>
      <c r="X18" s="282">
        <v>108</v>
      </c>
      <c r="Y18" s="276">
        <v>24</v>
      </c>
      <c r="Z18" s="280">
        <v>55</v>
      </c>
      <c r="AA18" s="277">
        <v>79</v>
      </c>
      <c r="AB18" s="279">
        <v>0</v>
      </c>
      <c r="AC18" s="280">
        <v>159</v>
      </c>
      <c r="AD18" s="280">
        <v>269</v>
      </c>
      <c r="AE18" s="280">
        <v>168</v>
      </c>
      <c r="AF18" s="280">
        <v>156</v>
      </c>
      <c r="AG18" s="280">
        <v>102</v>
      </c>
      <c r="AH18" s="277">
        <v>854</v>
      </c>
      <c r="AI18" s="282">
        <v>933</v>
      </c>
      <c r="AJ18" s="276">
        <v>1</v>
      </c>
      <c r="AK18" s="280">
        <v>8</v>
      </c>
      <c r="AL18" s="277">
        <v>9</v>
      </c>
      <c r="AM18" s="279">
        <v>0</v>
      </c>
      <c r="AN18" s="280">
        <v>9</v>
      </c>
      <c r="AO18" s="280">
        <v>20</v>
      </c>
      <c r="AP18" s="280">
        <v>22</v>
      </c>
      <c r="AQ18" s="280">
        <v>10</v>
      </c>
      <c r="AR18" s="280">
        <v>7</v>
      </c>
      <c r="AS18" s="277">
        <v>68</v>
      </c>
      <c r="AT18" s="282">
        <v>77</v>
      </c>
      <c r="AU18" s="276">
        <v>40</v>
      </c>
      <c r="AV18" s="280">
        <v>26</v>
      </c>
      <c r="AW18" s="277">
        <v>66</v>
      </c>
      <c r="AX18" s="279">
        <v>0</v>
      </c>
      <c r="AY18" s="280">
        <v>209</v>
      </c>
      <c r="AZ18" s="280">
        <v>272</v>
      </c>
      <c r="BA18" s="280">
        <v>266</v>
      </c>
      <c r="BB18" s="280">
        <v>282</v>
      </c>
      <c r="BC18" s="280">
        <v>220</v>
      </c>
      <c r="BD18" s="281">
        <v>1249</v>
      </c>
      <c r="BE18" s="282">
        <v>1315</v>
      </c>
      <c r="BF18" s="276">
        <v>0</v>
      </c>
      <c r="BG18" s="280">
        <v>0</v>
      </c>
      <c r="BH18" s="277">
        <v>0</v>
      </c>
      <c r="BI18" s="279">
        <v>0</v>
      </c>
      <c r="BJ18" s="280">
        <v>302</v>
      </c>
      <c r="BK18" s="280">
        <v>413</v>
      </c>
      <c r="BL18" s="280">
        <v>248</v>
      </c>
      <c r="BM18" s="280">
        <v>154</v>
      </c>
      <c r="BN18" s="280">
        <v>72</v>
      </c>
      <c r="BO18" s="277">
        <v>1189</v>
      </c>
      <c r="BP18" s="282">
        <v>1189</v>
      </c>
      <c r="BQ18" s="276">
        <v>44</v>
      </c>
      <c r="BR18" s="280">
        <v>92</v>
      </c>
      <c r="BS18" s="277">
        <v>136</v>
      </c>
      <c r="BT18" s="279">
        <v>0</v>
      </c>
      <c r="BU18" s="280">
        <v>184</v>
      </c>
      <c r="BV18" s="280">
        <v>264</v>
      </c>
      <c r="BW18" s="280">
        <v>108</v>
      </c>
      <c r="BX18" s="280">
        <v>64</v>
      </c>
      <c r="BY18" s="280">
        <v>15</v>
      </c>
      <c r="BZ18" s="277">
        <v>635</v>
      </c>
      <c r="CA18" s="282">
        <v>771</v>
      </c>
      <c r="CB18" s="276">
        <v>1</v>
      </c>
      <c r="CC18" s="280">
        <v>1</v>
      </c>
      <c r="CD18" s="277">
        <v>2</v>
      </c>
      <c r="CE18" s="279">
        <v>0</v>
      </c>
      <c r="CF18" s="280">
        <v>28</v>
      </c>
      <c r="CG18" s="280">
        <v>74</v>
      </c>
      <c r="CH18" s="280">
        <v>82</v>
      </c>
      <c r="CI18" s="280">
        <v>57</v>
      </c>
      <c r="CJ18" s="280">
        <v>21</v>
      </c>
      <c r="CK18" s="277">
        <v>262</v>
      </c>
      <c r="CL18" s="282">
        <v>264</v>
      </c>
      <c r="CM18" s="276">
        <v>0</v>
      </c>
      <c r="CN18" s="280">
        <v>0</v>
      </c>
      <c r="CO18" s="277">
        <v>0</v>
      </c>
      <c r="CP18" s="279">
        <v>0</v>
      </c>
      <c r="CQ18" s="280">
        <v>1</v>
      </c>
      <c r="CR18" s="280">
        <v>11</v>
      </c>
      <c r="CS18" s="280">
        <v>8</v>
      </c>
      <c r="CT18" s="280">
        <v>10</v>
      </c>
      <c r="CU18" s="280">
        <v>2</v>
      </c>
      <c r="CV18" s="277">
        <v>32</v>
      </c>
      <c r="CW18" s="282">
        <v>32</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55</v>
      </c>
      <c r="DU18" s="280">
        <v>311</v>
      </c>
      <c r="DV18" s="277">
        <v>466</v>
      </c>
      <c r="DW18" s="279">
        <v>0</v>
      </c>
      <c r="DX18" s="280">
        <v>407</v>
      </c>
      <c r="DY18" s="280">
        <v>874</v>
      </c>
      <c r="DZ18" s="280">
        <v>498</v>
      </c>
      <c r="EA18" s="280">
        <v>388</v>
      </c>
      <c r="EB18" s="280">
        <v>204</v>
      </c>
      <c r="EC18" s="277">
        <v>2371</v>
      </c>
      <c r="ED18" s="282">
        <v>2837</v>
      </c>
      <c r="EE18" s="276">
        <v>28</v>
      </c>
      <c r="EF18" s="280">
        <v>18</v>
      </c>
      <c r="EG18" s="277">
        <v>46</v>
      </c>
      <c r="EH18" s="279">
        <v>0</v>
      </c>
      <c r="EI18" s="280">
        <v>107</v>
      </c>
      <c r="EJ18" s="280">
        <v>99</v>
      </c>
      <c r="EK18" s="280">
        <v>88</v>
      </c>
      <c r="EL18" s="280">
        <v>113</v>
      </c>
      <c r="EM18" s="280">
        <v>86</v>
      </c>
      <c r="EN18" s="277">
        <v>493</v>
      </c>
      <c r="EO18" s="282">
        <v>539</v>
      </c>
      <c r="EP18" s="276">
        <v>196</v>
      </c>
      <c r="EQ18" s="280">
        <v>377</v>
      </c>
      <c r="ER18" s="277">
        <v>573</v>
      </c>
      <c r="ES18" s="279">
        <v>0</v>
      </c>
      <c r="ET18" s="280">
        <v>847</v>
      </c>
      <c r="EU18" s="280">
        <v>1169</v>
      </c>
      <c r="EV18" s="280">
        <v>598</v>
      </c>
      <c r="EW18" s="280">
        <v>409</v>
      </c>
      <c r="EX18" s="280">
        <v>209</v>
      </c>
      <c r="EY18" s="277">
        <v>3232</v>
      </c>
      <c r="EZ18" s="282">
        <v>3805</v>
      </c>
    </row>
    <row r="19" spans="2:156" ht="21" customHeight="1" x14ac:dyDescent="0.2">
      <c r="B19" s="261" t="s">
        <v>17</v>
      </c>
      <c r="C19" s="276">
        <v>0</v>
      </c>
      <c r="D19" s="280">
        <v>0</v>
      </c>
      <c r="E19" s="384">
        <v>0</v>
      </c>
      <c r="F19" s="279">
        <v>0</v>
      </c>
      <c r="G19" s="280">
        <v>235</v>
      </c>
      <c r="H19" s="280">
        <v>470</v>
      </c>
      <c r="I19" s="280">
        <v>256</v>
      </c>
      <c r="J19" s="280">
        <v>216</v>
      </c>
      <c r="K19" s="280">
        <v>168</v>
      </c>
      <c r="L19" s="281">
        <v>1345</v>
      </c>
      <c r="M19" s="282">
        <v>1345</v>
      </c>
      <c r="N19" s="276">
        <v>0</v>
      </c>
      <c r="O19" s="280">
        <v>1</v>
      </c>
      <c r="P19" s="277">
        <v>1</v>
      </c>
      <c r="Q19" s="279">
        <v>0</v>
      </c>
      <c r="R19" s="280">
        <v>2</v>
      </c>
      <c r="S19" s="280">
        <v>7</v>
      </c>
      <c r="T19" s="280">
        <v>18</v>
      </c>
      <c r="U19" s="280">
        <v>42</v>
      </c>
      <c r="V19" s="280">
        <v>85</v>
      </c>
      <c r="W19" s="277">
        <v>154</v>
      </c>
      <c r="X19" s="282">
        <v>155</v>
      </c>
      <c r="Y19" s="276">
        <v>31</v>
      </c>
      <c r="Z19" s="280">
        <v>89</v>
      </c>
      <c r="AA19" s="277">
        <v>120</v>
      </c>
      <c r="AB19" s="279">
        <v>0</v>
      </c>
      <c r="AC19" s="280">
        <v>177</v>
      </c>
      <c r="AD19" s="280">
        <v>312</v>
      </c>
      <c r="AE19" s="280">
        <v>223</v>
      </c>
      <c r="AF19" s="280">
        <v>177</v>
      </c>
      <c r="AG19" s="280">
        <v>167</v>
      </c>
      <c r="AH19" s="277">
        <v>1056</v>
      </c>
      <c r="AI19" s="282">
        <v>1176</v>
      </c>
      <c r="AJ19" s="276">
        <v>1</v>
      </c>
      <c r="AK19" s="280">
        <v>8</v>
      </c>
      <c r="AL19" s="277">
        <v>9</v>
      </c>
      <c r="AM19" s="279">
        <v>0</v>
      </c>
      <c r="AN19" s="280">
        <v>10</v>
      </c>
      <c r="AO19" s="280">
        <v>39</v>
      </c>
      <c r="AP19" s="280">
        <v>24</v>
      </c>
      <c r="AQ19" s="280">
        <v>17</v>
      </c>
      <c r="AR19" s="280">
        <v>12</v>
      </c>
      <c r="AS19" s="277">
        <v>102</v>
      </c>
      <c r="AT19" s="282">
        <v>111</v>
      </c>
      <c r="AU19" s="276">
        <v>40</v>
      </c>
      <c r="AV19" s="280">
        <v>51</v>
      </c>
      <c r="AW19" s="277">
        <v>91</v>
      </c>
      <c r="AX19" s="279">
        <v>0</v>
      </c>
      <c r="AY19" s="280">
        <v>256</v>
      </c>
      <c r="AZ19" s="280">
        <v>455</v>
      </c>
      <c r="BA19" s="280">
        <v>388</v>
      </c>
      <c r="BB19" s="280">
        <v>386</v>
      </c>
      <c r="BC19" s="280">
        <v>329</v>
      </c>
      <c r="BD19" s="281">
        <v>1814</v>
      </c>
      <c r="BE19" s="282">
        <v>1905</v>
      </c>
      <c r="BF19" s="276">
        <v>0</v>
      </c>
      <c r="BG19" s="280">
        <v>0</v>
      </c>
      <c r="BH19" s="277">
        <v>0</v>
      </c>
      <c r="BI19" s="279">
        <v>0</v>
      </c>
      <c r="BJ19" s="280">
        <v>361</v>
      </c>
      <c r="BK19" s="280">
        <v>527</v>
      </c>
      <c r="BL19" s="280">
        <v>294</v>
      </c>
      <c r="BM19" s="280">
        <v>172</v>
      </c>
      <c r="BN19" s="280">
        <v>89</v>
      </c>
      <c r="BO19" s="277">
        <v>1443</v>
      </c>
      <c r="BP19" s="282">
        <v>1443</v>
      </c>
      <c r="BQ19" s="276">
        <v>32</v>
      </c>
      <c r="BR19" s="280">
        <v>68</v>
      </c>
      <c r="BS19" s="277">
        <v>100</v>
      </c>
      <c r="BT19" s="279">
        <v>0</v>
      </c>
      <c r="BU19" s="280">
        <v>72</v>
      </c>
      <c r="BV19" s="280">
        <v>185</v>
      </c>
      <c r="BW19" s="280">
        <v>81</v>
      </c>
      <c r="BX19" s="280">
        <v>42</v>
      </c>
      <c r="BY19" s="280">
        <v>23</v>
      </c>
      <c r="BZ19" s="277">
        <v>403</v>
      </c>
      <c r="CA19" s="282">
        <v>503</v>
      </c>
      <c r="CB19" s="276">
        <v>2</v>
      </c>
      <c r="CC19" s="280">
        <v>4</v>
      </c>
      <c r="CD19" s="277">
        <v>6</v>
      </c>
      <c r="CE19" s="279">
        <v>0</v>
      </c>
      <c r="CF19" s="280">
        <v>47</v>
      </c>
      <c r="CG19" s="280">
        <v>76</v>
      </c>
      <c r="CH19" s="280">
        <v>99</v>
      </c>
      <c r="CI19" s="280">
        <v>82</v>
      </c>
      <c r="CJ19" s="280">
        <v>51</v>
      </c>
      <c r="CK19" s="277">
        <v>355</v>
      </c>
      <c r="CL19" s="282">
        <v>361</v>
      </c>
      <c r="CM19" s="276">
        <v>0</v>
      </c>
      <c r="CN19" s="280">
        <v>0</v>
      </c>
      <c r="CO19" s="277">
        <v>0</v>
      </c>
      <c r="CP19" s="279">
        <v>0</v>
      </c>
      <c r="CQ19" s="280">
        <v>6</v>
      </c>
      <c r="CR19" s="280">
        <v>11</v>
      </c>
      <c r="CS19" s="280">
        <v>9</v>
      </c>
      <c r="CT19" s="280">
        <v>12</v>
      </c>
      <c r="CU19" s="280">
        <v>9</v>
      </c>
      <c r="CV19" s="277">
        <v>47</v>
      </c>
      <c r="CW19" s="282">
        <v>47</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95</v>
      </c>
      <c r="DU19" s="280">
        <v>471</v>
      </c>
      <c r="DV19" s="277">
        <v>666</v>
      </c>
      <c r="DW19" s="279">
        <v>0</v>
      </c>
      <c r="DX19" s="280">
        <v>413</v>
      </c>
      <c r="DY19" s="280">
        <v>1151</v>
      </c>
      <c r="DZ19" s="280">
        <v>664</v>
      </c>
      <c r="EA19" s="280">
        <v>523</v>
      </c>
      <c r="EB19" s="280">
        <v>357</v>
      </c>
      <c r="EC19" s="277">
        <v>3108</v>
      </c>
      <c r="ED19" s="282">
        <v>3774</v>
      </c>
      <c r="EE19" s="276">
        <v>28</v>
      </c>
      <c r="EF19" s="280">
        <v>36</v>
      </c>
      <c r="EG19" s="277">
        <v>64</v>
      </c>
      <c r="EH19" s="279">
        <v>0</v>
      </c>
      <c r="EI19" s="280">
        <v>97</v>
      </c>
      <c r="EJ19" s="280">
        <v>101</v>
      </c>
      <c r="EK19" s="280">
        <v>86</v>
      </c>
      <c r="EL19" s="280">
        <v>95</v>
      </c>
      <c r="EM19" s="280">
        <v>58</v>
      </c>
      <c r="EN19" s="277">
        <v>437</v>
      </c>
      <c r="EO19" s="282">
        <v>501</v>
      </c>
      <c r="EP19" s="276">
        <v>241</v>
      </c>
      <c r="EQ19" s="280">
        <v>557</v>
      </c>
      <c r="ER19" s="277">
        <v>798</v>
      </c>
      <c r="ES19" s="279">
        <v>0</v>
      </c>
      <c r="ET19" s="280">
        <v>965</v>
      </c>
      <c r="EU19" s="280">
        <v>1504</v>
      </c>
      <c r="EV19" s="280">
        <v>783</v>
      </c>
      <c r="EW19" s="280">
        <v>546</v>
      </c>
      <c r="EX19" s="280">
        <v>368</v>
      </c>
      <c r="EY19" s="277">
        <v>4166</v>
      </c>
      <c r="EZ19" s="282">
        <v>4964</v>
      </c>
    </row>
    <row r="20" spans="2:156" ht="21" customHeight="1" x14ac:dyDescent="0.2">
      <c r="B20" s="261" t="s">
        <v>18</v>
      </c>
      <c r="C20" s="276">
        <v>0</v>
      </c>
      <c r="D20" s="280">
        <v>0</v>
      </c>
      <c r="E20" s="384">
        <v>0</v>
      </c>
      <c r="F20" s="279">
        <v>0</v>
      </c>
      <c r="G20" s="280">
        <v>474</v>
      </c>
      <c r="H20" s="280">
        <v>480</v>
      </c>
      <c r="I20" s="280">
        <v>283</v>
      </c>
      <c r="J20" s="280">
        <v>234</v>
      </c>
      <c r="K20" s="280">
        <v>158</v>
      </c>
      <c r="L20" s="281">
        <v>1629</v>
      </c>
      <c r="M20" s="282">
        <v>1629</v>
      </c>
      <c r="N20" s="276">
        <v>0</v>
      </c>
      <c r="O20" s="280">
        <v>0</v>
      </c>
      <c r="P20" s="277">
        <v>0</v>
      </c>
      <c r="Q20" s="279">
        <v>0</v>
      </c>
      <c r="R20" s="280">
        <v>3</v>
      </c>
      <c r="S20" s="280">
        <v>14</v>
      </c>
      <c r="T20" s="280">
        <v>22</v>
      </c>
      <c r="U20" s="280">
        <v>44</v>
      </c>
      <c r="V20" s="280">
        <v>66</v>
      </c>
      <c r="W20" s="277">
        <v>149</v>
      </c>
      <c r="X20" s="282">
        <v>149</v>
      </c>
      <c r="Y20" s="276">
        <v>47</v>
      </c>
      <c r="Z20" s="280">
        <v>102</v>
      </c>
      <c r="AA20" s="277">
        <v>149</v>
      </c>
      <c r="AB20" s="279">
        <v>0</v>
      </c>
      <c r="AC20" s="280">
        <v>336</v>
      </c>
      <c r="AD20" s="280">
        <v>347</v>
      </c>
      <c r="AE20" s="280">
        <v>227</v>
      </c>
      <c r="AF20" s="280">
        <v>179</v>
      </c>
      <c r="AG20" s="280">
        <v>145</v>
      </c>
      <c r="AH20" s="277">
        <v>1234</v>
      </c>
      <c r="AI20" s="282">
        <v>1383</v>
      </c>
      <c r="AJ20" s="276">
        <v>7</v>
      </c>
      <c r="AK20" s="280">
        <v>6</v>
      </c>
      <c r="AL20" s="277">
        <v>13</v>
      </c>
      <c r="AM20" s="279">
        <v>0</v>
      </c>
      <c r="AN20" s="280">
        <v>32</v>
      </c>
      <c r="AO20" s="280">
        <v>43</v>
      </c>
      <c r="AP20" s="280">
        <v>30</v>
      </c>
      <c r="AQ20" s="280">
        <v>24</v>
      </c>
      <c r="AR20" s="280">
        <v>15</v>
      </c>
      <c r="AS20" s="277">
        <v>144</v>
      </c>
      <c r="AT20" s="282">
        <v>157</v>
      </c>
      <c r="AU20" s="276">
        <v>57</v>
      </c>
      <c r="AV20" s="280">
        <v>69</v>
      </c>
      <c r="AW20" s="277">
        <v>126</v>
      </c>
      <c r="AX20" s="279">
        <v>0</v>
      </c>
      <c r="AY20" s="280">
        <v>443</v>
      </c>
      <c r="AZ20" s="280">
        <v>518</v>
      </c>
      <c r="BA20" s="280">
        <v>478</v>
      </c>
      <c r="BB20" s="280">
        <v>446</v>
      </c>
      <c r="BC20" s="280">
        <v>366</v>
      </c>
      <c r="BD20" s="281">
        <v>2251</v>
      </c>
      <c r="BE20" s="282">
        <v>2377</v>
      </c>
      <c r="BF20" s="276">
        <v>0</v>
      </c>
      <c r="BG20" s="280">
        <v>0</v>
      </c>
      <c r="BH20" s="277">
        <v>0</v>
      </c>
      <c r="BI20" s="279">
        <v>0</v>
      </c>
      <c r="BJ20" s="280">
        <v>657</v>
      </c>
      <c r="BK20" s="280">
        <v>624</v>
      </c>
      <c r="BL20" s="280">
        <v>338</v>
      </c>
      <c r="BM20" s="280">
        <v>190</v>
      </c>
      <c r="BN20" s="280">
        <v>90</v>
      </c>
      <c r="BO20" s="277">
        <v>1899</v>
      </c>
      <c r="BP20" s="282">
        <v>1899</v>
      </c>
      <c r="BQ20" s="276">
        <v>48</v>
      </c>
      <c r="BR20" s="280">
        <v>86</v>
      </c>
      <c r="BS20" s="277">
        <v>134</v>
      </c>
      <c r="BT20" s="279">
        <v>0</v>
      </c>
      <c r="BU20" s="280">
        <v>176</v>
      </c>
      <c r="BV20" s="280">
        <v>188</v>
      </c>
      <c r="BW20" s="280">
        <v>100</v>
      </c>
      <c r="BX20" s="280">
        <v>67</v>
      </c>
      <c r="BY20" s="280">
        <v>17</v>
      </c>
      <c r="BZ20" s="277">
        <v>548</v>
      </c>
      <c r="CA20" s="282">
        <v>682</v>
      </c>
      <c r="CB20" s="276">
        <v>1</v>
      </c>
      <c r="CC20" s="280">
        <v>4</v>
      </c>
      <c r="CD20" s="277">
        <v>5</v>
      </c>
      <c r="CE20" s="279">
        <v>0</v>
      </c>
      <c r="CF20" s="280">
        <v>48</v>
      </c>
      <c r="CG20" s="280">
        <v>92</v>
      </c>
      <c r="CH20" s="280">
        <v>146</v>
      </c>
      <c r="CI20" s="280">
        <v>102</v>
      </c>
      <c r="CJ20" s="280">
        <v>51</v>
      </c>
      <c r="CK20" s="277">
        <v>439</v>
      </c>
      <c r="CL20" s="282">
        <v>444</v>
      </c>
      <c r="CM20" s="276">
        <v>0</v>
      </c>
      <c r="CN20" s="280">
        <v>0</v>
      </c>
      <c r="CO20" s="277">
        <v>0</v>
      </c>
      <c r="CP20" s="279">
        <v>0</v>
      </c>
      <c r="CQ20" s="280">
        <v>1</v>
      </c>
      <c r="CR20" s="280">
        <v>2</v>
      </c>
      <c r="CS20" s="280">
        <v>3</v>
      </c>
      <c r="CT20" s="280">
        <v>4</v>
      </c>
      <c r="CU20" s="280">
        <v>3</v>
      </c>
      <c r="CV20" s="277">
        <v>13</v>
      </c>
      <c r="CW20" s="282">
        <v>13</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215</v>
      </c>
      <c r="DU20" s="280">
        <v>495</v>
      </c>
      <c r="DV20" s="277">
        <v>710</v>
      </c>
      <c r="DW20" s="279">
        <v>0</v>
      </c>
      <c r="DX20" s="280">
        <v>773</v>
      </c>
      <c r="DY20" s="280">
        <v>1079</v>
      </c>
      <c r="DZ20" s="280">
        <v>698</v>
      </c>
      <c r="EA20" s="280">
        <v>524</v>
      </c>
      <c r="EB20" s="280">
        <v>317</v>
      </c>
      <c r="EC20" s="277">
        <v>3391</v>
      </c>
      <c r="ED20" s="282">
        <v>4101</v>
      </c>
      <c r="EE20" s="276">
        <v>24</v>
      </c>
      <c r="EF20" s="280">
        <v>14</v>
      </c>
      <c r="EG20" s="277">
        <v>38</v>
      </c>
      <c r="EH20" s="279">
        <v>0</v>
      </c>
      <c r="EI20" s="280">
        <v>126</v>
      </c>
      <c r="EJ20" s="280">
        <v>109</v>
      </c>
      <c r="EK20" s="280">
        <v>85</v>
      </c>
      <c r="EL20" s="280">
        <v>99</v>
      </c>
      <c r="EM20" s="280">
        <v>73</v>
      </c>
      <c r="EN20" s="277">
        <v>492</v>
      </c>
      <c r="EO20" s="282">
        <v>530</v>
      </c>
      <c r="EP20" s="276">
        <v>292</v>
      </c>
      <c r="EQ20" s="280">
        <v>605</v>
      </c>
      <c r="ER20" s="277">
        <v>897</v>
      </c>
      <c r="ES20" s="279">
        <v>0</v>
      </c>
      <c r="ET20" s="280">
        <v>1565</v>
      </c>
      <c r="EU20" s="280">
        <v>1451</v>
      </c>
      <c r="EV20" s="280">
        <v>840</v>
      </c>
      <c r="EW20" s="280">
        <v>550</v>
      </c>
      <c r="EX20" s="280">
        <v>310</v>
      </c>
      <c r="EY20" s="277">
        <v>4716</v>
      </c>
      <c r="EZ20" s="282">
        <v>5613</v>
      </c>
    </row>
    <row r="21" spans="2:156" ht="21" customHeight="1" x14ac:dyDescent="0.2">
      <c r="B21" s="261" t="s">
        <v>19</v>
      </c>
      <c r="C21" s="276">
        <v>0</v>
      </c>
      <c r="D21" s="280">
        <v>0</v>
      </c>
      <c r="E21" s="384">
        <v>0</v>
      </c>
      <c r="F21" s="279">
        <v>0</v>
      </c>
      <c r="G21" s="280">
        <v>196</v>
      </c>
      <c r="H21" s="280">
        <v>148</v>
      </c>
      <c r="I21" s="280">
        <v>84</v>
      </c>
      <c r="J21" s="280">
        <v>80</v>
      </c>
      <c r="K21" s="280">
        <v>57</v>
      </c>
      <c r="L21" s="281">
        <v>565</v>
      </c>
      <c r="M21" s="282">
        <v>565</v>
      </c>
      <c r="N21" s="276">
        <v>0</v>
      </c>
      <c r="O21" s="280">
        <v>0</v>
      </c>
      <c r="P21" s="277">
        <v>0</v>
      </c>
      <c r="Q21" s="279">
        <v>0</v>
      </c>
      <c r="R21" s="280">
        <v>4</v>
      </c>
      <c r="S21" s="280">
        <v>4</v>
      </c>
      <c r="T21" s="280">
        <v>12</v>
      </c>
      <c r="U21" s="280">
        <v>19</v>
      </c>
      <c r="V21" s="280">
        <v>33</v>
      </c>
      <c r="W21" s="277">
        <v>72</v>
      </c>
      <c r="X21" s="282">
        <v>72</v>
      </c>
      <c r="Y21" s="276">
        <v>26</v>
      </c>
      <c r="Z21" s="280">
        <v>54</v>
      </c>
      <c r="AA21" s="277">
        <v>80</v>
      </c>
      <c r="AB21" s="279">
        <v>0</v>
      </c>
      <c r="AC21" s="280">
        <v>138</v>
      </c>
      <c r="AD21" s="280">
        <v>145</v>
      </c>
      <c r="AE21" s="280">
        <v>97</v>
      </c>
      <c r="AF21" s="280">
        <v>62</v>
      </c>
      <c r="AG21" s="280">
        <v>78</v>
      </c>
      <c r="AH21" s="277">
        <v>520</v>
      </c>
      <c r="AI21" s="282">
        <v>600</v>
      </c>
      <c r="AJ21" s="276">
        <v>1</v>
      </c>
      <c r="AK21" s="280">
        <v>4</v>
      </c>
      <c r="AL21" s="277">
        <v>5</v>
      </c>
      <c r="AM21" s="279">
        <v>0</v>
      </c>
      <c r="AN21" s="280">
        <v>17</v>
      </c>
      <c r="AO21" s="280">
        <v>14</v>
      </c>
      <c r="AP21" s="280">
        <v>5</v>
      </c>
      <c r="AQ21" s="280">
        <v>9</v>
      </c>
      <c r="AR21" s="280">
        <v>4</v>
      </c>
      <c r="AS21" s="277">
        <v>49</v>
      </c>
      <c r="AT21" s="282">
        <v>54</v>
      </c>
      <c r="AU21" s="276">
        <v>39</v>
      </c>
      <c r="AV21" s="280">
        <v>36</v>
      </c>
      <c r="AW21" s="277">
        <v>75</v>
      </c>
      <c r="AX21" s="279">
        <v>0</v>
      </c>
      <c r="AY21" s="280">
        <v>181</v>
      </c>
      <c r="AZ21" s="280">
        <v>216</v>
      </c>
      <c r="BA21" s="280">
        <v>172</v>
      </c>
      <c r="BB21" s="280">
        <v>167</v>
      </c>
      <c r="BC21" s="280">
        <v>144</v>
      </c>
      <c r="BD21" s="281">
        <v>880</v>
      </c>
      <c r="BE21" s="282">
        <v>955</v>
      </c>
      <c r="BF21" s="276">
        <v>0</v>
      </c>
      <c r="BG21" s="280">
        <v>0</v>
      </c>
      <c r="BH21" s="277">
        <v>0</v>
      </c>
      <c r="BI21" s="279">
        <v>0</v>
      </c>
      <c r="BJ21" s="280">
        <v>262</v>
      </c>
      <c r="BK21" s="280">
        <v>227</v>
      </c>
      <c r="BL21" s="280">
        <v>128</v>
      </c>
      <c r="BM21" s="280">
        <v>52</v>
      </c>
      <c r="BN21" s="280">
        <v>47</v>
      </c>
      <c r="BO21" s="277">
        <v>716</v>
      </c>
      <c r="BP21" s="282">
        <v>716</v>
      </c>
      <c r="BQ21" s="276">
        <v>28</v>
      </c>
      <c r="BR21" s="280">
        <v>51</v>
      </c>
      <c r="BS21" s="277">
        <v>79</v>
      </c>
      <c r="BT21" s="279">
        <v>0</v>
      </c>
      <c r="BU21" s="280">
        <v>112</v>
      </c>
      <c r="BV21" s="280">
        <v>91</v>
      </c>
      <c r="BW21" s="280">
        <v>58</v>
      </c>
      <c r="BX21" s="280">
        <v>24</v>
      </c>
      <c r="BY21" s="280">
        <v>11</v>
      </c>
      <c r="BZ21" s="277">
        <v>296</v>
      </c>
      <c r="CA21" s="282">
        <v>375</v>
      </c>
      <c r="CB21" s="276">
        <v>0</v>
      </c>
      <c r="CC21" s="280">
        <v>1</v>
      </c>
      <c r="CD21" s="277">
        <v>1</v>
      </c>
      <c r="CE21" s="279">
        <v>0</v>
      </c>
      <c r="CF21" s="280">
        <v>23</v>
      </c>
      <c r="CG21" s="280">
        <v>50</v>
      </c>
      <c r="CH21" s="280">
        <v>56</v>
      </c>
      <c r="CI21" s="280">
        <v>25</v>
      </c>
      <c r="CJ21" s="280">
        <v>20</v>
      </c>
      <c r="CK21" s="277">
        <v>174</v>
      </c>
      <c r="CL21" s="282">
        <v>175</v>
      </c>
      <c r="CM21" s="276">
        <v>0</v>
      </c>
      <c r="CN21" s="280">
        <v>0</v>
      </c>
      <c r="CO21" s="277">
        <v>0</v>
      </c>
      <c r="CP21" s="279">
        <v>0</v>
      </c>
      <c r="CQ21" s="280">
        <v>4</v>
      </c>
      <c r="CR21" s="280">
        <v>6</v>
      </c>
      <c r="CS21" s="280">
        <v>5</v>
      </c>
      <c r="CT21" s="280">
        <v>9</v>
      </c>
      <c r="CU21" s="280">
        <v>4</v>
      </c>
      <c r="CV21" s="277">
        <v>28</v>
      </c>
      <c r="CW21" s="282">
        <v>28</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113</v>
      </c>
      <c r="DU21" s="280">
        <v>218</v>
      </c>
      <c r="DV21" s="277">
        <v>331</v>
      </c>
      <c r="DW21" s="279">
        <v>0</v>
      </c>
      <c r="DX21" s="280">
        <v>399</v>
      </c>
      <c r="DY21" s="280">
        <v>434</v>
      </c>
      <c r="DZ21" s="280">
        <v>265</v>
      </c>
      <c r="EA21" s="280">
        <v>183</v>
      </c>
      <c r="EB21" s="280">
        <v>140</v>
      </c>
      <c r="EC21" s="277">
        <v>1421</v>
      </c>
      <c r="ED21" s="282">
        <v>1752</v>
      </c>
      <c r="EE21" s="276">
        <v>15</v>
      </c>
      <c r="EF21" s="280">
        <v>13</v>
      </c>
      <c r="EG21" s="277">
        <v>28</v>
      </c>
      <c r="EH21" s="279">
        <v>0</v>
      </c>
      <c r="EI21" s="280">
        <v>72</v>
      </c>
      <c r="EJ21" s="280">
        <v>56</v>
      </c>
      <c r="EK21" s="280">
        <v>52</v>
      </c>
      <c r="EL21" s="280">
        <v>53</v>
      </c>
      <c r="EM21" s="280">
        <v>28</v>
      </c>
      <c r="EN21" s="277">
        <v>261</v>
      </c>
      <c r="EO21" s="282">
        <v>289</v>
      </c>
      <c r="EP21" s="276">
        <v>158</v>
      </c>
      <c r="EQ21" s="280">
        <v>265</v>
      </c>
      <c r="ER21" s="277">
        <v>423</v>
      </c>
      <c r="ES21" s="279">
        <v>0</v>
      </c>
      <c r="ET21" s="280">
        <v>716</v>
      </c>
      <c r="EU21" s="280">
        <v>570</v>
      </c>
      <c r="EV21" s="280">
        <v>300</v>
      </c>
      <c r="EW21" s="280">
        <v>172</v>
      </c>
      <c r="EX21" s="280">
        <v>130</v>
      </c>
      <c r="EY21" s="277">
        <v>1888</v>
      </c>
      <c r="EZ21" s="282">
        <v>2311</v>
      </c>
    </row>
    <row r="22" spans="2:156" ht="21" customHeight="1" x14ac:dyDescent="0.2">
      <c r="B22" s="261" t="s">
        <v>20</v>
      </c>
      <c r="C22" s="276">
        <v>0</v>
      </c>
      <c r="D22" s="280">
        <v>0</v>
      </c>
      <c r="E22" s="384">
        <v>0</v>
      </c>
      <c r="F22" s="279">
        <v>0</v>
      </c>
      <c r="G22" s="280">
        <v>257</v>
      </c>
      <c r="H22" s="280">
        <v>172</v>
      </c>
      <c r="I22" s="280">
        <v>129</v>
      </c>
      <c r="J22" s="280">
        <v>93</v>
      </c>
      <c r="K22" s="280">
        <v>54</v>
      </c>
      <c r="L22" s="281">
        <v>705</v>
      </c>
      <c r="M22" s="282">
        <v>705</v>
      </c>
      <c r="N22" s="276">
        <v>0</v>
      </c>
      <c r="O22" s="280">
        <v>0</v>
      </c>
      <c r="P22" s="277">
        <v>0</v>
      </c>
      <c r="Q22" s="279">
        <v>0</v>
      </c>
      <c r="R22" s="280">
        <v>0</v>
      </c>
      <c r="S22" s="280">
        <v>6</v>
      </c>
      <c r="T22" s="280">
        <v>10</v>
      </c>
      <c r="U22" s="280">
        <v>21</v>
      </c>
      <c r="V22" s="280">
        <v>33</v>
      </c>
      <c r="W22" s="277">
        <v>70</v>
      </c>
      <c r="X22" s="282">
        <v>70</v>
      </c>
      <c r="Y22" s="276">
        <v>41</v>
      </c>
      <c r="Z22" s="280">
        <v>82</v>
      </c>
      <c r="AA22" s="277">
        <v>123</v>
      </c>
      <c r="AB22" s="279">
        <v>0</v>
      </c>
      <c r="AC22" s="280">
        <v>233</v>
      </c>
      <c r="AD22" s="280">
        <v>179</v>
      </c>
      <c r="AE22" s="280">
        <v>114</v>
      </c>
      <c r="AF22" s="280">
        <v>78</v>
      </c>
      <c r="AG22" s="280">
        <v>47</v>
      </c>
      <c r="AH22" s="277">
        <v>651</v>
      </c>
      <c r="AI22" s="282">
        <v>774</v>
      </c>
      <c r="AJ22" s="276">
        <v>9</v>
      </c>
      <c r="AK22" s="280">
        <v>34</v>
      </c>
      <c r="AL22" s="277">
        <v>43</v>
      </c>
      <c r="AM22" s="279">
        <v>0</v>
      </c>
      <c r="AN22" s="280">
        <v>55</v>
      </c>
      <c r="AO22" s="280">
        <v>46</v>
      </c>
      <c r="AP22" s="280">
        <v>35</v>
      </c>
      <c r="AQ22" s="280">
        <v>27</v>
      </c>
      <c r="AR22" s="280">
        <v>10</v>
      </c>
      <c r="AS22" s="277">
        <v>173</v>
      </c>
      <c r="AT22" s="282">
        <v>216</v>
      </c>
      <c r="AU22" s="276">
        <v>26</v>
      </c>
      <c r="AV22" s="280">
        <v>46</v>
      </c>
      <c r="AW22" s="277">
        <v>72</v>
      </c>
      <c r="AX22" s="279">
        <v>0</v>
      </c>
      <c r="AY22" s="280">
        <v>237</v>
      </c>
      <c r="AZ22" s="280">
        <v>217</v>
      </c>
      <c r="BA22" s="280">
        <v>217</v>
      </c>
      <c r="BB22" s="280">
        <v>212</v>
      </c>
      <c r="BC22" s="280">
        <v>121</v>
      </c>
      <c r="BD22" s="281">
        <v>1004</v>
      </c>
      <c r="BE22" s="282">
        <v>1076</v>
      </c>
      <c r="BF22" s="276">
        <v>0</v>
      </c>
      <c r="BG22" s="280">
        <v>0</v>
      </c>
      <c r="BH22" s="277">
        <v>0</v>
      </c>
      <c r="BI22" s="279">
        <v>0</v>
      </c>
      <c r="BJ22" s="280">
        <v>311</v>
      </c>
      <c r="BK22" s="280">
        <v>212</v>
      </c>
      <c r="BL22" s="280">
        <v>129</v>
      </c>
      <c r="BM22" s="280">
        <v>72</v>
      </c>
      <c r="BN22" s="280">
        <v>28</v>
      </c>
      <c r="BO22" s="277">
        <v>752</v>
      </c>
      <c r="BP22" s="282">
        <v>752</v>
      </c>
      <c r="BQ22" s="276">
        <v>18</v>
      </c>
      <c r="BR22" s="280">
        <v>42</v>
      </c>
      <c r="BS22" s="277">
        <v>60</v>
      </c>
      <c r="BT22" s="279">
        <v>0</v>
      </c>
      <c r="BU22" s="280">
        <v>166</v>
      </c>
      <c r="BV22" s="280">
        <v>111</v>
      </c>
      <c r="BW22" s="280">
        <v>64</v>
      </c>
      <c r="BX22" s="280">
        <v>44</v>
      </c>
      <c r="BY22" s="280">
        <v>13</v>
      </c>
      <c r="BZ22" s="277">
        <v>398</v>
      </c>
      <c r="CA22" s="282">
        <v>458</v>
      </c>
      <c r="CB22" s="276">
        <v>0</v>
      </c>
      <c r="CC22" s="280">
        <v>6</v>
      </c>
      <c r="CD22" s="277">
        <v>6</v>
      </c>
      <c r="CE22" s="279">
        <v>0</v>
      </c>
      <c r="CF22" s="280">
        <v>41</v>
      </c>
      <c r="CG22" s="280">
        <v>51</v>
      </c>
      <c r="CH22" s="280">
        <v>83</v>
      </c>
      <c r="CI22" s="280">
        <v>55</v>
      </c>
      <c r="CJ22" s="280">
        <v>22</v>
      </c>
      <c r="CK22" s="277">
        <v>252</v>
      </c>
      <c r="CL22" s="282">
        <v>258</v>
      </c>
      <c r="CM22" s="276">
        <v>0</v>
      </c>
      <c r="CN22" s="280">
        <v>0</v>
      </c>
      <c r="CO22" s="277">
        <v>0</v>
      </c>
      <c r="CP22" s="279">
        <v>0</v>
      </c>
      <c r="CQ22" s="280">
        <v>2</v>
      </c>
      <c r="CR22" s="280">
        <v>2</v>
      </c>
      <c r="CS22" s="280">
        <v>11</v>
      </c>
      <c r="CT22" s="280">
        <v>6</v>
      </c>
      <c r="CU22" s="280">
        <v>3</v>
      </c>
      <c r="CV22" s="277">
        <v>24</v>
      </c>
      <c r="CW22" s="282">
        <v>24</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17</v>
      </c>
      <c r="DU22" s="280">
        <v>301</v>
      </c>
      <c r="DV22" s="277">
        <v>418</v>
      </c>
      <c r="DW22" s="279">
        <v>0</v>
      </c>
      <c r="DX22" s="280">
        <v>539</v>
      </c>
      <c r="DY22" s="280">
        <v>439</v>
      </c>
      <c r="DZ22" s="280">
        <v>315</v>
      </c>
      <c r="EA22" s="280">
        <v>227</v>
      </c>
      <c r="EB22" s="280">
        <v>99</v>
      </c>
      <c r="EC22" s="277">
        <v>1619</v>
      </c>
      <c r="ED22" s="282">
        <v>2037</v>
      </c>
      <c r="EE22" s="276">
        <v>13</v>
      </c>
      <c r="EF22" s="280">
        <v>20</v>
      </c>
      <c r="EG22" s="277">
        <v>33</v>
      </c>
      <c r="EH22" s="279">
        <v>0</v>
      </c>
      <c r="EI22" s="280">
        <v>67</v>
      </c>
      <c r="EJ22" s="280">
        <v>64</v>
      </c>
      <c r="EK22" s="280">
        <v>51</v>
      </c>
      <c r="EL22" s="280">
        <v>68</v>
      </c>
      <c r="EM22" s="280">
        <v>29</v>
      </c>
      <c r="EN22" s="277">
        <v>279</v>
      </c>
      <c r="EO22" s="282">
        <v>312</v>
      </c>
      <c r="EP22" s="276">
        <v>171</v>
      </c>
      <c r="EQ22" s="280">
        <v>401</v>
      </c>
      <c r="ER22" s="277">
        <v>572</v>
      </c>
      <c r="ES22" s="279">
        <v>0</v>
      </c>
      <c r="ET22" s="280">
        <v>989</v>
      </c>
      <c r="EU22" s="280">
        <v>599</v>
      </c>
      <c r="EV22" s="280">
        <v>401</v>
      </c>
      <c r="EW22" s="280">
        <v>249</v>
      </c>
      <c r="EX22" s="280">
        <v>109</v>
      </c>
      <c r="EY22" s="277">
        <v>2347</v>
      </c>
      <c r="EZ22" s="282">
        <v>2919</v>
      </c>
    </row>
    <row r="23" spans="2:156" ht="21" customHeight="1" x14ac:dyDescent="0.2">
      <c r="B23" s="261" t="s">
        <v>21</v>
      </c>
      <c r="C23" s="276">
        <v>0</v>
      </c>
      <c r="D23" s="280">
        <v>0</v>
      </c>
      <c r="E23" s="384">
        <v>0</v>
      </c>
      <c r="F23" s="279">
        <v>0</v>
      </c>
      <c r="G23" s="280">
        <v>235</v>
      </c>
      <c r="H23" s="280">
        <v>357</v>
      </c>
      <c r="I23" s="280">
        <v>177</v>
      </c>
      <c r="J23" s="280">
        <v>136</v>
      </c>
      <c r="K23" s="280">
        <v>96</v>
      </c>
      <c r="L23" s="281">
        <v>1001</v>
      </c>
      <c r="M23" s="282">
        <v>1001</v>
      </c>
      <c r="N23" s="276">
        <v>0</v>
      </c>
      <c r="O23" s="280">
        <v>0</v>
      </c>
      <c r="P23" s="277">
        <v>0</v>
      </c>
      <c r="Q23" s="279">
        <v>0</v>
      </c>
      <c r="R23" s="280">
        <v>0</v>
      </c>
      <c r="S23" s="280">
        <v>6</v>
      </c>
      <c r="T23" s="280">
        <v>15</v>
      </c>
      <c r="U23" s="280">
        <v>29</v>
      </c>
      <c r="V23" s="280">
        <v>39</v>
      </c>
      <c r="W23" s="277">
        <v>89</v>
      </c>
      <c r="X23" s="282">
        <v>89</v>
      </c>
      <c r="Y23" s="276">
        <v>42</v>
      </c>
      <c r="Z23" s="280">
        <v>72</v>
      </c>
      <c r="AA23" s="277">
        <v>114</v>
      </c>
      <c r="AB23" s="279">
        <v>0</v>
      </c>
      <c r="AC23" s="280">
        <v>192</v>
      </c>
      <c r="AD23" s="280">
        <v>262</v>
      </c>
      <c r="AE23" s="280">
        <v>140</v>
      </c>
      <c r="AF23" s="280">
        <v>131</v>
      </c>
      <c r="AG23" s="280">
        <v>73</v>
      </c>
      <c r="AH23" s="277">
        <v>798</v>
      </c>
      <c r="AI23" s="282">
        <v>912</v>
      </c>
      <c r="AJ23" s="276">
        <v>15</v>
      </c>
      <c r="AK23" s="280">
        <v>27</v>
      </c>
      <c r="AL23" s="277">
        <v>42</v>
      </c>
      <c r="AM23" s="279">
        <v>0</v>
      </c>
      <c r="AN23" s="280">
        <v>14</v>
      </c>
      <c r="AO23" s="280">
        <v>33</v>
      </c>
      <c r="AP23" s="280">
        <v>14</v>
      </c>
      <c r="AQ23" s="280">
        <v>14</v>
      </c>
      <c r="AR23" s="280">
        <v>6</v>
      </c>
      <c r="AS23" s="277">
        <v>81</v>
      </c>
      <c r="AT23" s="282">
        <v>123</v>
      </c>
      <c r="AU23" s="276">
        <v>43</v>
      </c>
      <c r="AV23" s="280">
        <v>37</v>
      </c>
      <c r="AW23" s="277">
        <v>80</v>
      </c>
      <c r="AX23" s="279">
        <v>0</v>
      </c>
      <c r="AY23" s="280">
        <v>215</v>
      </c>
      <c r="AZ23" s="280">
        <v>325</v>
      </c>
      <c r="BA23" s="280">
        <v>274</v>
      </c>
      <c r="BB23" s="280">
        <v>232</v>
      </c>
      <c r="BC23" s="280">
        <v>165</v>
      </c>
      <c r="BD23" s="281">
        <v>1211</v>
      </c>
      <c r="BE23" s="282">
        <v>1291</v>
      </c>
      <c r="BF23" s="276">
        <v>0</v>
      </c>
      <c r="BG23" s="280">
        <v>0</v>
      </c>
      <c r="BH23" s="277">
        <v>0</v>
      </c>
      <c r="BI23" s="279">
        <v>0</v>
      </c>
      <c r="BJ23" s="280">
        <v>284</v>
      </c>
      <c r="BK23" s="280">
        <v>342</v>
      </c>
      <c r="BL23" s="280">
        <v>190</v>
      </c>
      <c r="BM23" s="280">
        <v>99</v>
      </c>
      <c r="BN23" s="280">
        <v>43</v>
      </c>
      <c r="BO23" s="277">
        <v>958</v>
      </c>
      <c r="BP23" s="282">
        <v>958</v>
      </c>
      <c r="BQ23" s="276">
        <v>27</v>
      </c>
      <c r="BR23" s="280">
        <v>34</v>
      </c>
      <c r="BS23" s="277">
        <v>61</v>
      </c>
      <c r="BT23" s="279">
        <v>0</v>
      </c>
      <c r="BU23" s="280">
        <v>54</v>
      </c>
      <c r="BV23" s="280">
        <v>66</v>
      </c>
      <c r="BW23" s="280">
        <v>32</v>
      </c>
      <c r="BX23" s="280">
        <v>15</v>
      </c>
      <c r="BY23" s="280">
        <v>10</v>
      </c>
      <c r="BZ23" s="277">
        <v>177</v>
      </c>
      <c r="CA23" s="282">
        <v>238</v>
      </c>
      <c r="CB23" s="276">
        <v>1</v>
      </c>
      <c r="CC23" s="280">
        <v>4</v>
      </c>
      <c r="CD23" s="277">
        <v>5</v>
      </c>
      <c r="CE23" s="279">
        <v>0</v>
      </c>
      <c r="CF23" s="280">
        <v>29</v>
      </c>
      <c r="CG23" s="280">
        <v>51</v>
      </c>
      <c r="CH23" s="280">
        <v>79</v>
      </c>
      <c r="CI23" s="280">
        <v>48</v>
      </c>
      <c r="CJ23" s="280">
        <v>35</v>
      </c>
      <c r="CK23" s="277">
        <v>242</v>
      </c>
      <c r="CL23" s="282">
        <v>247</v>
      </c>
      <c r="CM23" s="276">
        <v>0</v>
      </c>
      <c r="CN23" s="280">
        <v>0</v>
      </c>
      <c r="CO23" s="277">
        <v>0</v>
      </c>
      <c r="CP23" s="279">
        <v>0</v>
      </c>
      <c r="CQ23" s="280">
        <v>0</v>
      </c>
      <c r="CR23" s="280">
        <v>2</v>
      </c>
      <c r="CS23" s="280">
        <v>2</v>
      </c>
      <c r="CT23" s="280">
        <v>4</v>
      </c>
      <c r="CU23" s="280">
        <v>1</v>
      </c>
      <c r="CV23" s="277">
        <v>9</v>
      </c>
      <c r="CW23" s="282">
        <v>9</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61</v>
      </c>
      <c r="DU23" s="280">
        <v>321</v>
      </c>
      <c r="DV23" s="277">
        <v>482</v>
      </c>
      <c r="DW23" s="279">
        <v>0</v>
      </c>
      <c r="DX23" s="280">
        <v>355</v>
      </c>
      <c r="DY23" s="280">
        <v>676</v>
      </c>
      <c r="DZ23" s="280">
        <v>375</v>
      </c>
      <c r="EA23" s="280">
        <v>289</v>
      </c>
      <c r="EB23" s="280">
        <v>150</v>
      </c>
      <c r="EC23" s="277">
        <v>1845</v>
      </c>
      <c r="ED23" s="282">
        <v>2327</v>
      </c>
      <c r="EE23" s="276">
        <v>16</v>
      </c>
      <c r="EF23" s="280">
        <v>15</v>
      </c>
      <c r="EG23" s="277">
        <v>31</v>
      </c>
      <c r="EH23" s="279">
        <v>0</v>
      </c>
      <c r="EI23" s="280">
        <v>59</v>
      </c>
      <c r="EJ23" s="280">
        <v>74</v>
      </c>
      <c r="EK23" s="280">
        <v>68</v>
      </c>
      <c r="EL23" s="280">
        <v>45</v>
      </c>
      <c r="EM23" s="280">
        <v>45</v>
      </c>
      <c r="EN23" s="277">
        <v>291</v>
      </c>
      <c r="EO23" s="282">
        <v>322</v>
      </c>
      <c r="EP23" s="276">
        <v>224</v>
      </c>
      <c r="EQ23" s="280">
        <v>393</v>
      </c>
      <c r="ER23" s="277">
        <v>617</v>
      </c>
      <c r="ES23" s="279">
        <v>0</v>
      </c>
      <c r="ET23" s="280">
        <v>783</v>
      </c>
      <c r="EU23" s="280">
        <v>933</v>
      </c>
      <c r="EV23" s="280">
        <v>469</v>
      </c>
      <c r="EW23" s="280">
        <v>316</v>
      </c>
      <c r="EX23" s="280">
        <v>166</v>
      </c>
      <c r="EY23" s="277">
        <v>2667</v>
      </c>
      <c r="EZ23" s="282">
        <v>3284</v>
      </c>
    </row>
    <row r="24" spans="2:156" ht="21" customHeight="1" x14ac:dyDescent="0.2">
      <c r="B24" s="261" t="s">
        <v>22</v>
      </c>
      <c r="C24" s="276">
        <v>0</v>
      </c>
      <c r="D24" s="280">
        <v>0</v>
      </c>
      <c r="E24" s="384">
        <v>0</v>
      </c>
      <c r="F24" s="279">
        <v>0</v>
      </c>
      <c r="G24" s="280">
        <v>67</v>
      </c>
      <c r="H24" s="280">
        <v>71</v>
      </c>
      <c r="I24" s="280">
        <v>34</v>
      </c>
      <c r="J24" s="280">
        <v>37</v>
      </c>
      <c r="K24" s="280">
        <v>31</v>
      </c>
      <c r="L24" s="281">
        <v>240</v>
      </c>
      <c r="M24" s="282">
        <v>240</v>
      </c>
      <c r="N24" s="276">
        <v>0</v>
      </c>
      <c r="O24" s="280">
        <v>0</v>
      </c>
      <c r="P24" s="277">
        <v>0</v>
      </c>
      <c r="Q24" s="279">
        <v>0</v>
      </c>
      <c r="R24" s="280">
        <v>1</v>
      </c>
      <c r="S24" s="280">
        <v>2</v>
      </c>
      <c r="T24" s="280">
        <v>2</v>
      </c>
      <c r="U24" s="280">
        <v>6</v>
      </c>
      <c r="V24" s="280">
        <v>21</v>
      </c>
      <c r="W24" s="277">
        <v>32</v>
      </c>
      <c r="X24" s="282">
        <v>32</v>
      </c>
      <c r="Y24" s="276">
        <v>5</v>
      </c>
      <c r="Z24" s="280">
        <v>13</v>
      </c>
      <c r="AA24" s="277">
        <v>18</v>
      </c>
      <c r="AB24" s="279">
        <v>0</v>
      </c>
      <c r="AC24" s="280">
        <v>54</v>
      </c>
      <c r="AD24" s="280">
        <v>71</v>
      </c>
      <c r="AE24" s="280">
        <v>30</v>
      </c>
      <c r="AF24" s="280">
        <v>37</v>
      </c>
      <c r="AG24" s="280">
        <v>31</v>
      </c>
      <c r="AH24" s="277">
        <v>223</v>
      </c>
      <c r="AI24" s="282">
        <v>241</v>
      </c>
      <c r="AJ24" s="276">
        <v>0</v>
      </c>
      <c r="AK24" s="280">
        <v>2</v>
      </c>
      <c r="AL24" s="277">
        <v>2</v>
      </c>
      <c r="AM24" s="279">
        <v>0</v>
      </c>
      <c r="AN24" s="280">
        <v>8</v>
      </c>
      <c r="AO24" s="280">
        <v>11</v>
      </c>
      <c r="AP24" s="280">
        <v>6</v>
      </c>
      <c r="AQ24" s="280">
        <v>3</v>
      </c>
      <c r="AR24" s="280">
        <v>4</v>
      </c>
      <c r="AS24" s="277">
        <v>32</v>
      </c>
      <c r="AT24" s="282">
        <v>34</v>
      </c>
      <c r="AU24" s="276">
        <v>4</v>
      </c>
      <c r="AV24" s="280">
        <v>6</v>
      </c>
      <c r="AW24" s="277">
        <v>10</v>
      </c>
      <c r="AX24" s="279">
        <v>0</v>
      </c>
      <c r="AY24" s="280">
        <v>68</v>
      </c>
      <c r="AZ24" s="280">
        <v>79</v>
      </c>
      <c r="BA24" s="280">
        <v>64</v>
      </c>
      <c r="BB24" s="280">
        <v>53</v>
      </c>
      <c r="BC24" s="280">
        <v>38</v>
      </c>
      <c r="BD24" s="281">
        <v>302</v>
      </c>
      <c r="BE24" s="282">
        <v>312</v>
      </c>
      <c r="BF24" s="276">
        <v>0</v>
      </c>
      <c r="BG24" s="280">
        <v>0</v>
      </c>
      <c r="BH24" s="277">
        <v>0</v>
      </c>
      <c r="BI24" s="279">
        <v>0</v>
      </c>
      <c r="BJ24" s="280">
        <v>120</v>
      </c>
      <c r="BK24" s="280">
        <v>112</v>
      </c>
      <c r="BL24" s="280">
        <v>57</v>
      </c>
      <c r="BM24" s="280">
        <v>26</v>
      </c>
      <c r="BN24" s="280">
        <v>22</v>
      </c>
      <c r="BO24" s="277">
        <v>337</v>
      </c>
      <c r="BP24" s="282">
        <v>337</v>
      </c>
      <c r="BQ24" s="276">
        <v>1</v>
      </c>
      <c r="BR24" s="280">
        <v>4</v>
      </c>
      <c r="BS24" s="277">
        <v>5</v>
      </c>
      <c r="BT24" s="279">
        <v>0</v>
      </c>
      <c r="BU24" s="280">
        <v>16</v>
      </c>
      <c r="BV24" s="280">
        <v>16</v>
      </c>
      <c r="BW24" s="280">
        <v>17</v>
      </c>
      <c r="BX24" s="280">
        <v>8</v>
      </c>
      <c r="BY24" s="280">
        <v>1</v>
      </c>
      <c r="BZ24" s="277">
        <v>58</v>
      </c>
      <c r="CA24" s="282">
        <v>63</v>
      </c>
      <c r="CB24" s="276">
        <v>0</v>
      </c>
      <c r="CC24" s="280">
        <v>2</v>
      </c>
      <c r="CD24" s="277">
        <v>2</v>
      </c>
      <c r="CE24" s="279">
        <v>0</v>
      </c>
      <c r="CF24" s="280">
        <v>16</v>
      </c>
      <c r="CG24" s="280">
        <v>29</v>
      </c>
      <c r="CH24" s="280">
        <v>31</v>
      </c>
      <c r="CI24" s="280">
        <v>16</v>
      </c>
      <c r="CJ24" s="280">
        <v>11</v>
      </c>
      <c r="CK24" s="277">
        <v>103</v>
      </c>
      <c r="CL24" s="282">
        <v>105</v>
      </c>
      <c r="CM24" s="276">
        <v>0</v>
      </c>
      <c r="CN24" s="280">
        <v>0</v>
      </c>
      <c r="CO24" s="277">
        <v>0</v>
      </c>
      <c r="CP24" s="279">
        <v>0</v>
      </c>
      <c r="CQ24" s="280">
        <v>0</v>
      </c>
      <c r="CR24" s="280">
        <v>3</v>
      </c>
      <c r="CS24" s="280">
        <v>2</v>
      </c>
      <c r="CT24" s="280">
        <v>1</v>
      </c>
      <c r="CU24" s="280">
        <v>0</v>
      </c>
      <c r="CV24" s="277">
        <v>6</v>
      </c>
      <c r="CW24" s="282">
        <v>6</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48</v>
      </c>
      <c r="DU24" s="280">
        <v>144</v>
      </c>
      <c r="DV24" s="277">
        <v>192</v>
      </c>
      <c r="DW24" s="279">
        <v>0</v>
      </c>
      <c r="DX24" s="280">
        <v>195</v>
      </c>
      <c r="DY24" s="280">
        <v>263</v>
      </c>
      <c r="DZ24" s="280">
        <v>122</v>
      </c>
      <c r="EA24" s="280">
        <v>92</v>
      </c>
      <c r="EB24" s="280">
        <v>70</v>
      </c>
      <c r="EC24" s="277">
        <v>742</v>
      </c>
      <c r="ED24" s="282">
        <v>934</v>
      </c>
      <c r="EE24" s="276">
        <v>6</v>
      </c>
      <c r="EF24" s="280">
        <v>4</v>
      </c>
      <c r="EG24" s="277">
        <v>10</v>
      </c>
      <c r="EH24" s="279">
        <v>0</v>
      </c>
      <c r="EI24" s="280">
        <v>33</v>
      </c>
      <c r="EJ24" s="280">
        <v>26</v>
      </c>
      <c r="EK24" s="280">
        <v>26</v>
      </c>
      <c r="EL24" s="280">
        <v>23</v>
      </c>
      <c r="EM24" s="280">
        <v>9</v>
      </c>
      <c r="EN24" s="277">
        <v>117</v>
      </c>
      <c r="EO24" s="282">
        <v>127</v>
      </c>
      <c r="EP24" s="276">
        <v>52</v>
      </c>
      <c r="EQ24" s="280">
        <v>153</v>
      </c>
      <c r="ER24" s="277">
        <v>205</v>
      </c>
      <c r="ES24" s="279">
        <v>0</v>
      </c>
      <c r="ET24" s="280">
        <v>372</v>
      </c>
      <c r="EU24" s="280">
        <v>341</v>
      </c>
      <c r="EV24" s="280">
        <v>136</v>
      </c>
      <c r="EW24" s="280">
        <v>98</v>
      </c>
      <c r="EX24" s="280">
        <v>72</v>
      </c>
      <c r="EY24" s="277">
        <v>1019</v>
      </c>
      <c r="EZ24" s="282">
        <v>1224</v>
      </c>
    </row>
    <row r="25" spans="2:156" ht="21" customHeight="1" x14ac:dyDescent="0.2">
      <c r="B25" s="261" t="s">
        <v>23</v>
      </c>
      <c r="C25" s="276">
        <v>0</v>
      </c>
      <c r="D25" s="280">
        <v>0</v>
      </c>
      <c r="E25" s="384">
        <v>0</v>
      </c>
      <c r="F25" s="279">
        <v>0</v>
      </c>
      <c r="G25" s="280">
        <v>157</v>
      </c>
      <c r="H25" s="280">
        <v>148</v>
      </c>
      <c r="I25" s="280">
        <v>71</v>
      </c>
      <c r="J25" s="280">
        <v>59</v>
      </c>
      <c r="K25" s="280">
        <v>43</v>
      </c>
      <c r="L25" s="281">
        <v>478</v>
      </c>
      <c r="M25" s="282">
        <v>478</v>
      </c>
      <c r="N25" s="276">
        <v>0</v>
      </c>
      <c r="O25" s="280">
        <v>0</v>
      </c>
      <c r="P25" s="277">
        <v>0</v>
      </c>
      <c r="Q25" s="279">
        <v>0</v>
      </c>
      <c r="R25" s="280">
        <v>2</v>
      </c>
      <c r="S25" s="280">
        <v>3</v>
      </c>
      <c r="T25" s="280">
        <v>5</v>
      </c>
      <c r="U25" s="280">
        <v>15</v>
      </c>
      <c r="V25" s="280">
        <v>20</v>
      </c>
      <c r="W25" s="277">
        <v>45</v>
      </c>
      <c r="X25" s="282">
        <v>45</v>
      </c>
      <c r="Y25" s="276">
        <v>32</v>
      </c>
      <c r="Z25" s="280">
        <v>45</v>
      </c>
      <c r="AA25" s="277">
        <v>77</v>
      </c>
      <c r="AB25" s="279">
        <v>0</v>
      </c>
      <c r="AC25" s="280">
        <v>92</v>
      </c>
      <c r="AD25" s="280">
        <v>135</v>
      </c>
      <c r="AE25" s="280">
        <v>54</v>
      </c>
      <c r="AF25" s="280">
        <v>67</v>
      </c>
      <c r="AG25" s="280">
        <v>42</v>
      </c>
      <c r="AH25" s="277">
        <v>390</v>
      </c>
      <c r="AI25" s="282">
        <v>467</v>
      </c>
      <c r="AJ25" s="276">
        <v>3</v>
      </c>
      <c r="AK25" s="280">
        <v>7</v>
      </c>
      <c r="AL25" s="277">
        <v>10</v>
      </c>
      <c r="AM25" s="279">
        <v>0</v>
      </c>
      <c r="AN25" s="280">
        <v>8</v>
      </c>
      <c r="AO25" s="280">
        <v>22</v>
      </c>
      <c r="AP25" s="280">
        <v>7</v>
      </c>
      <c r="AQ25" s="280">
        <v>7</v>
      </c>
      <c r="AR25" s="280">
        <v>3</v>
      </c>
      <c r="AS25" s="277">
        <v>47</v>
      </c>
      <c r="AT25" s="282">
        <v>57</v>
      </c>
      <c r="AU25" s="276">
        <v>17</v>
      </c>
      <c r="AV25" s="280">
        <v>18</v>
      </c>
      <c r="AW25" s="277">
        <v>35</v>
      </c>
      <c r="AX25" s="279">
        <v>0</v>
      </c>
      <c r="AY25" s="280">
        <v>158</v>
      </c>
      <c r="AZ25" s="280">
        <v>143</v>
      </c>
      <c r="BA25" s="280">
        <v>132</v>
      </c>
      <c r="BB25" s="280">
        <v>159</v>
      </c>
      <c r="BC25" s="280">
        <v>114</v>
      </c>
      <c r="BD25" s="281">
        <v>706</v>
      </c>
      <c r="BE25" s="282">
        <v>741</v>
      </c>
      <c r="BF25" s="276">
        <v>0</v>
      </c>
      <c r="BG25" s="280">
        <v>0</v>
      </c>
      <c r="BH25" s="277">
        <v>0</v>
      </c>
      <c r="BI25" s="279">
        <v>0</v>
      </c>
      <c r="BJ25" s="280">
        <v>286</v>
      </c>
      <c r="BK25" s="280">
        <v>246</v>
      </c>
      <c r="BL25" s="280">
        <v>114</v>
      </c>
      <c r="BM25" s="280">
        <v>75</v>
      </c>
      <c r="BN25" s="280">
        <v>28</v>
      </c>
      <c r="BO25" s="277">
        <v>749</v>
      </c>
      <c r="BP25" s="282">
        <v>749</v>
      </c>
      <c r="BQ25" s="276">
        <v>4</v>
      </c>
      <c r="BR25" s="280">
        <v>8</v>
      </c>
      <c r="BS25" s="277">
        <v>12</v>
      </c>
      <c r="BT25" s="279">
        <v>0</v>
      </c>
      <c r="BU25" s="280">
        <v>35</v>
      </c>
      <c r="BV25" s="280">
        <v>51</v>
      </c>
      <c r="BW25" s="280">
        <v>35</v>
      </c>
      <c r="BX25" s="280">
        <v>26</v>
      </c>
      <c r="BY25" s="280">
        <v>9</v>
      </c>
      <c r="BZ25" s="277">
        <v>156</v>
      </c>
      <c r="CA25" s="282">
        <v>168</v>
      </c>
      <c r="CB25" s="276">
        <v>1</v>
      </c>
      <c r="CC25" s="280">
        <v>4</v>
      </c>
      <c r="CD25" s="277">
        <v>5</v>
      </c>
      <c r="CE25" s="279">
        <v>0</v>
      </c>
      <c r="CF25" s="280">
        <v>22</v>
      </c>
      <c r="CG25" s="280">
        <v>40</v>
      </c>
      <c r="CH25" s="280">
        <v>46</v>
      </c>
      <c r="CI25" s="280">
        <v>30</v>
      </c>
      <c r="CJ25" s="280">
        <v>12</v>
      </c>
      <c r="CK25" s="277">
        <v>150</v>
      </c>
      <c r="CL25" s="282">
        <v>155</v>
      </c>
      <c r="CM25" s="276">
        <v>0</v>
      </c>
      <c r="CN25" s="280">
        <v>0</v>
      </c>
      <c r="CO25" s="277">
        <v>0</v>
      </c>
      <c r="CP25" s="279">
        <v>0</v>
      </c>
      <c r="CQ25" s="280">
        <v>1</v>
      </c>
      <c r="CR25" s="280">
        <v>2</v>
      </c>
      <c r="CS25" s="280">
        <v>1</v>
      </c>
      <c r="CT25" s="280">
        <v>3</v>
      </c>
      <c r="CU25" s="280">
        <v>5</v>
      </c>
      <c r="CV25" s="277">
        <v>12</v>
      </c>
      <c r="CW25" s="282">
        <v>12</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93</v>
      </c>
      <c r="DU25" s="280">
        <v>210</v>
      </c>
      <c r="DV25" s="277">
        <v>303</v>
      </c>
      <c r="DW25" s="279">
        <v>0</v>
      </c>
      <c r="DX25" s="280">
        <v>256</v>
      </c>
      <c r="DY25" s="280">
        <v>381</v>
      </c>
      <c r="DZ25" s="280">
        <v>194</v>
      </c>
      <c r="EA25" s="280">
        <v>180</v>
      </c>
      <c r="EB25" s="280">
        <v>93</v>
      </c>
      <c r="EC25" s="277">
        <v>1104</v>
      </c>
      <c r="ED25" s="282">
        <v>1407</v>
      </c>
      <c r="EE25" s="276">
        <v>8</v>
      </c>
      <c r="EF25" s="280">
        <v>5</v>
      </c>
      <c r="EG25" s="277">
        <v>13</v>
      </c>
      <c r="EH25" s="279">
        <v>0</v>
      </c>
      <c r="EI25" s="280">
        <v>48</v>
      </c>
      <c r="EJ25" s="280">
        <v>39</v>
      </c>
      <c r="EK25" s="280">
        <v>37</v>
      </c>
      <c r="EL25" s="280">
        <v>56</v>
      </c>
      <c r="EM25" s="280">
        <v>39</v>
      </c>
      <c r="EN25" s="277">
        <v>219</v>
      </c>
      <c r="EO25" s="282">
        <v>232</v>
      </c>
      <c r="EP25" s="276">
        <v>124</v>
      </c>
      <c r="EQ25" s="280">
        <v>243</v>
      </c>
      <c r="ER25" s="277">
        <v>367</v>
      </c>
      <c r="ES25" s="279">
        <v>0</v>
      </c>
      <c r="ET25" s="280">
        <v>541</v>
      </c>
      <c r="EU25" s="280">
        <v>515</v>
      </c>
      <c r="EV25" s="280">
        <v>260</v>
      </c>
      <c r="EW25" s="280">
        <v>201</v>
      </c>
      <c r="EX25" s="280">
        <v>104</v>
      </c>
      <c r="EY25" s="277">
        <v>1621</v>
      </c>
      <c r="EZ25" s="282">
        <v>1988</v>
      </c>
    </row>
    <row r="26" spans="2:156" ht="21" customHeight="1" x14ac:dyDescent="0.2">
      <c r="B26" s="261" t="s">
        <v>24</v>
      </c>
      <c r="C26" s="276">
        <v>0</v>
      </c>
      <c r="D26" s="280">
        <v>0</v>
      </c>
      <c r="E26" s="384">
        <v>0</v>
      </c>
      <c r="F26" s="279">
        <v>0</v>
      </c>
      <c r="G26" s="280">
        <v>74</v>
      </c>
      <c r="H26" s="280">
        <v>51</v>
      </c>
      <c r="I26" s="280">
        <v>45</v>
      </c>
      <c r="J26" s="280">
        <v>40</v>
      </c>
      <c r="K26" s="280">
        <v>35</v>
      </c>
      <c r="L26" s="281">
        <v>245</v>
      </c>
      <c r="M26" s="282">
        <v>245</v>
      </c>
      <c r="N26" s="276">
        <v>0</v>
      </c>
      <c r="O26" s="280">
        <v>0</v>
      </c>
      <c r="P26" s="277">
        <v>0</v>
      </c>
      <c r="Q26" s="279">
        <v>0</v>
      </c>
      <c r="R26" s="280">
        <v>0</v>
      </c>
      <c r="S26" s="280">
        <v>2</v>
      </c>
      <c r="T26" s="280">
        <v>5</v>
      </c>
      <c r="U26" s="280">
        <v>10</v>
      </c>
      <c r="V26" s="280">
        <v>22</v>
      </c>
      <c r="W26" s="277">
        <v>39</v>
      </c>
      <c r="X26" s="282">
        <v>39</v>
      </c>
      <c r="Y26" s="276">
        <v>14</v>
      </c>
      <c r="Z26" s="280">
        <v>15</v>
      </c>
      <c r="AA26" s="277">
        <v>29</v>
      </c>
      <c r="AB26" s="279">
        <v>0</v>
      </c>
      <c r="AC26" s="280">
        <v>68</v>
      </c>
      <c r="AD26" s="280">
        <v>52</v>
      </c>
      <c r="AE26" s="280">
        <v>48</v>
      </c>
      <c r="AF26" s="280">
        <v>35</v>
      </c>
      <c r="AG26" s="280">
        <v>31</v>
      </c>
      <c r="AH26" s="277">
        <v>234</v>
      </c>
      <c r="AI26" s="282">
        <v>263</v>
      </c>
      <c r="AJ26" s="276">
        <v>0</v>
      </c>
      <c r="AK26" s="280">
        <v>1</v>
      </c>
      <c r="AL26" s="277">
        <v>1</v>
      </c>
      <c r="AM26" s="279">
        <v>0</v>
      </c>
      <c r="AN26" s="280">
        <v>4</v>
      </c>
      <c r="AO26" s="280">
        <v>8</v>
      </c>
      <c r="AP26" s="280">
        <v>2</v>
      </c>
      <c r="AQ26" s="280">
        <v>7</v>
      </c>
      <c r="AR26" s="280">
        <v>5</v>
      </c>
      <c r="AS26" s="277">
        <v>26</v>
      </c>
      <c r="AT26" s="282">
        <v>27</v>
      </c>
      <c r="AU26" s="276">
        <v>16</v>
      </c>
      <c r="AV26" s="280">
        <v>18</v>
      </c>
      <c r="AW26" s="277">
        <v>34</v>
      </c>
      <c r="AX26" s="279">
        <v>0</v>
      </c>
      <c r="AY26" s="280">
        <v>83</v>
      </c>
      <c r="AZ26" s="280">
        <v>79</v>
      </c>
      <c r="BA26" s="280">
        <v>86</v>
      </c>
      <c r="BB26" s="280">
        <v>79</v>
      </c>
      <c r="BC26" s="280">
        <v>74</v>
      </c>
      <c r="BD26" s="281">
        <v>401</v>
      </c>
      <c r="BE26" s="282">
        <v>435</v>
      </c>
      <c r="BF26" s="276">
        <v>0</v>
      </c>
      <c r="BG26" s="280">
        <v>0</v>
      </c>
      <c r="BH26" s="277">
        <v>0</v>
      </c>
      <c r="BI26" s="279">
        <v>0</v>
      </c>
      <c r="BJ26" s="280">
        <v>108</v>
      </c>
      <c r="BK26" s="280">
        <v>70</v>
      </c>
      <c r="BL26" s="280">
        <v>37</v>
      </c>
      <c r="BM26" s="280">
        <v>24</v>
      </c>
      <c r="BN26" s="280">
        <v>10</v>
      </c>
      <c r="BO26" s="277">
        <v>249</v>
      </c>
      <c r="BP26" s="282">
        <v>249</v>
      </c>
      <c r="BQ26" s="276">
        <v>13</v>
      </c>
      <c r="BR26" s="280">
        <v>10</v>
      </c>
      <c r="BS26" s="277">
        <v>23</v>
      </c>
      <c r="BT26" s="279">
        <v>0</v>
      </c>
      <c r="BU26" s="280">
        <v>36</v>
      </c>
      <c r="BV26" s="280">
        <v>34</v>
      </c>
      <c r="BW26" s="280">
        <v>18</v>
      </c>
      <c r="BX26" s="280">
        <v>11</v>
      </c>
      <c r="BY26" s="280">
        <v>14</v>
      </c>
      <c r="BZ26" s="277">
        <v>113</v>
      </c>
      <c r="CA26" s="282">
        <v>136</v>
      </c>
      <c r="CB26" s="276">
        <v>2</v>
      </c>
      <c r="CC26" s="280">
        <v>1</v>
      </c>
      <c r="CD26" s="277">
        <v>3</v>
      </c>
      <c r="CE26" s="279">
        <v>0</v>
      </c>
      <c r="CF26" s="280">
        <v>20</v>
      </c>
      <c r="CG26" s="280">
        <v>18</v>
      </c>
      <c r="CH26" s="280">
        <v>20</v>
      </c>
      <c r="CI26" s="280">
        <v>21</v>
      </c>
      <c r="CJ26" s="280">
        <v>15</v>
      </c>
      <c r="CK26" s="277">
        <v>94</v>
      </c>
      <c r="CL26" s="282">
        <v>97</v>
      </c>
      <c r="CM26" s="276">
        <v>0</v>
      </c>
      <c r="CN26" s="280">
        <v>0</v>
      </c>
      <c r="CO26" s="277">
        <v>0</v>
      </c>
      <c r="CP26" s="279">
        <v>0</v>
      </c>
      <c r="CQ26" s="280">
        <v>1</v>
      </c>
      <c r="CR26" s="280">
        <v>1</v>
      </c>
      <c r="CS26" s="280">
        <v>1</v>
      </c>
      <c r="CT26" s="280">
        <v>3</v>
      </c>
      <c r="CU26" s="280">
        <v>3</v>
      </c>
      <c r="CV26" s="277">
        <v>9</v>
      </c>
      <c r="CW26" s="282">
        <v>9</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80</v>
      </c>
      <c r="DU26" s="280">
        <v>76</v>
      </c>
      <c r="DV26" s="277">
        <v>156</v>
      </c>
      <c r="DW26" s="279">
        <v>0</v>
      </c>
      <c r="DX26" s="280">
        <v>142</v>
      </c>
      <c r="DY26" s="280">
        <v>154</v>
      </c>
      <c r="DZ26" s="280">
        <v>108</v>
      </c>
      <c r="EA26" s="280">
        <v>74</v>
      </c>
      <c r="EB26" s="280">
        <v>62</v>
      </c>
      <c r="EC26" s="277">
        <v>540</v>
      </c>
      <c r="ED26" s="282">
        <v>696</v>
      </c>
      <c r="EE26" s="276">
        <v>13</v>
      </c>
      <c r="EF26" s="280">
        <v>11</v>
      </c>
      <c r="EG26" s="277">
        <v>24</v>
      </c>
      <c r="EH26" s="279">
        <v>0</v>
      </c>
      <c r="EI26" s="280">
        <v>41</v>
      </c>
      <c r="EJ26" s="280">
        <v>29</v>
      </c>
      <c r="EK26" s="280">
        <v>30</v>
      </c>
      <c r="EL26" s="280">
        <v>30</v>
      </c>
      <c r="EM26" s="280">
        <v>22</v>
      </c>
      <c r="EN26" s="277">
        <v>152</v>
      </c>
      <c r="EO26" s="282">
        <v>176</v>
      </c>
      <c r="EP26" s="276">
        <v>101</v>
      </c>
      <c r="EQ26" s="280">
        <v>90</v>
      </c>
      <c r="ER26" s="277">
        <v>191</v>
      </c>
      <c r="ES26" s="279">
        <v>0</v>
      </c>
      <c r="ET26" s="280">
        <v>279</v>
      </c>
      <c r="EU26" s="280">
        <v>192</v>
      </c>
      <c r="EV26" s="280">
        <v>130</v>
      </c>
      <c r="EW26" s="280">
        <v>81</v>
      </c>
      <c r="EX26" s="280">
        <v>63</v>
      </c>
      <c r="EY26" s="277">
        <v>745</v>
      </c>
      <c r="EZ26" s="282">
        <v>936</v>
      </c>
    </row>
    <row r="27" spans="2:156" ht="21" customHeight="1" x14ac:dyDescent="0.2">
      <c r="B27" s="261" t="s">
        <v>25</v>
      </c>
      <c r="C27" s="276">
        <v>0</v>
      </c>
      <c r="D27" s="280">
        <v>0</v>
      </c>
      <c r="E27" s="384">
        <v>0</v>
      </c>
      <c r="F27" s="279">
        <v>0</v>
      </c>
      <c r="G27" s="280">
        <v>104</v>
      </c>
      <c r="H27" s="280">
        <v>72</v>
      </c>
      <c r="I27" s="280">
        <v>45</v>
      </c>
      <c r="J27" s="280">
        <v>38</v>
      </c>
      <c r="K27" s="280">
        <v>32</v>
      </c>
      <c r="L27" s="281">
        <v>291</v>
      </c>
      <c r="M27" s="282">
        <v>291</v>
      </c>
      <c r="N27" s="276">
        <v>0</v>
      </c>
      <c r="O27" s="280">
        <v>0</v>
      </c>
      <c r="P27" s="277">
        <v>0</v>
      </c>
      <c r="Q27" s="279">
        <v>0</v>
      </c>
      <c r="R27" s="280">
        <v>3</v>
      </c>
      <c r="S27" s="280">
        <v>6</v>
      </c>
      <c r="T27" s="280">
        <v>7</v>
      </c>
      <c r="U27" s="280">
        <v>15</v>
      </c>
      <c r="V27" s="280">
        <v>23</v>
      </c>
      <c r="W27" s="277">
        <v>54</v>
      </c>
      <c r="X27" s="282">
        <v>54</v>
      </c>
      <c r="Y27" s="276">
        <v>18</v>
      </c>
      <c r="Z27" s="280">
        <v>34</v>
      </c>
      <c r="AA27" s="277">
        <v>52</v>
      </c>
      <c r="AB27" s="279">
        <v>0</v>
      </c>
      <c r="AC27" s="280">
        <v>77</v>
      </c>
      <c r="AD27" s="280">
        <v>63</v>
      </c>
      <c r="AE27" s="280">
        <v>38</v>
      </c>
      <c r="AF27" s="280">
        <v>43</v>
      </c>
      <c r="AG27" s="280">
        <v>27</v>
      </c>
      <c r="AH27" s="277">
        <v>248</v>
      </c>
      <c r="AI27" s="282">
        <v>300</v>
      </c>
      <c r="AJ27" s="276">
        <v>3</v>
      </c>
      <c r="AK27" s="280">
        <v>4</v>
      </c>
      <c r="AL27" s="277">
        <v>7</v>
      </c>
      <c r="AM27" s="279">
        <v>0</v>
      </c>
      <c r="AN27" s="280">
        <v>2</v>
      </c>
      <c r="AO27" s="280">
        <v>10</v>
      </c>
      <c r="AP27" s="280">
        <v>7</v>
      </c>
      <c r="AQ27" s="280">
        <v>4</v>
      </c>
      <c r="AR27" s="280">
        <v>6</v>
      </c>
      <c r="AS27" s="277">
        <v>29</v>
      </c>
      <c r="AT27" s="282">
        <v>36</v>
      </c>
      <c r="AU27" s="276">
        <v>7</v>
      </c>
      <c r="AV27" s="280">
        <v>12</v>
      </c>
      <c r="AW27" s="277">
        <v>19</v>
      </c>
      <c r="AX27" s="279">
        <v>0</v>
      </c>
      <c r="AY27" s="280">
        <v>71</v>
      </c>
      <c r="AZ27" s="280">
        <v>67</v>
      </c>
      <c r="BA27" s="280">
        <v>48</v>
      </c>
      <c r="BB27" s="280">
        <v>72</v>
      </c>
      <c r="BC27" s="280">
        <v>42</v>
      </c>
      <c r="BD27" s="281">
        <v>300</v>
      </c>
      <c r="BE27" s="282">
        <v>319</v>
      </c>
      <c r="BF27" s="276">
        <v>0</v>
      </c>
      <c r="BG27" s="280">
        <v>0</v>
      </c>
      <c r="BH27" s="277">
        <v>0</v>
      </c>
      <c r="BI27" s="279">
        <v>0</v>
      </c>
      <c r="BJ27" s="280">
        <v>148</v>
      </c>
      <c r="BK27" s="280">
        <v>78</v>
      </c>
      <c r="BL27" s="280">
        <v>47</v>
      </c>
      <c r="BM27" s="280">
        <v>33</v>
      </c>
      <c r="BN27" s="280">
        <v>8</v>
      </c>
      <c r="BO27" s="277">
        <v>314</v>
      </c>
      <c r="BP27" s="282">
        <v>314</v>
      </c>
      <c r="BQ27" s="276">
        <v>10</v>
      </c>
      <c r="BR27" s="280">
        <v>19</v>
      </c>
      <c r="BS27" s="277">
        <v>29</v>
      </c>
      <c r="BT27" s="279">
        <v>0</v>
      </c>
      <c r="BU27" s="280">
        <v>46</v>
      </c>
      <c r="BV27" s="280">
        <v>53</v>
      </c>
      <c r="BW27" s="280">
        <v>22</v>
      </c>
      <c r="BX27" s="280">
        <v>10</v>
      </c>
      <c r="BY27" s="280">
        <v>4</v>
      </c>
      <c r="BZ27" s="277">
        <v>135</v>
      </c>
      <c r="CA27" s="282">
        <v>164</v>
      </c>
      <c r="CB27" s="276">
        <v>0</v>
      </c>
      <c r="CC27" s="280">
        <v>4</v>
      </c>
      <c r="CD27" s="277">
        <v>4</v>
      </c>
      <c r="CE27" s="279">
        <v>0</v>
      </c>
      <c r="CF27" s="280">
        <v>16</v>
      </c>
      <c r="CG27" s="280">
        <v>22</v>
      </c>
      <c r="CH27" s="280">
        <v>16</v>
      </c>
      <c r="CI27" s="280">
        <v>12</v>
      </c>
      <c r="CJ27" s="280">
        <v>6</v>
      </c>
      <c r="CK27" s="277">
        <v>72</v>
      </c>
      <c r="CL27" s="282">
        <v>76</v>
      </c>
      <c r="CM27" s="276">
        <v>0</v>
      </c>
      <c r="CN27" s="280">
        <v>0</v>
      </c>
      <c r="CO27" s="277">
        <v>0</v>
      </c>
      <c r="CP27" s="279">
        <v>0</v>
      </c>
      <c r="CQ27" s="280">
        <v>2</v>
      </c>
      <c r="CR27" s="280">
        <v>1</v>
      </c>
      <c r="CS27" s="280">
        <v>3</v>
      </c>
      <c r="CT27" s="280">
        <v>4</v>
      </c>
      <c r="CU27" s="280">
        <v>0</v>
      </c>
      <c r="CV27" s="277">
        <v>10</v>
      </c>
      <c r="CW27" s="282">
        <v>10</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72</v>
      </c>
      <c r="DU27" s="280">
        <v>127</v>
      </c>
      <c r="DV27" s="277">
        <v>199</v>
      </c>
      <c r="DW27" s="279">
        <v>0</v>
      </c>
      <c r="DX27" s="280">
        <v>132</v>
      </c>
      <c r="DY27" s="280">
        <v>199</v>
      </c>
      <c r="DZ27" s="280">
        <v>106</v>
      </c>
      <c r="EA27" s="280">
        <v>94</v>
      </c>
      <c r="EB27" s="280">
        <v>49</v>
      </c>
      <c r="EC27" s="277">
        <v>580</v>
      </c>
      <c r="ED27" s="282">
        <v>779</v>
      </c>
      <c r="EE27" s="276">
        <v>3</v>
      </c>
      <c r="EF27" s="280">
        <v>3</v>
      </c>
      <c r="EG27" s="277">
        <v>6</v>
      </c>
      <c r="EH27" s="279">
        <v>0</v>
      </c>
      <c r="EI27" s="280">
        <v>22</v>
      </c>
      <c r="EJ27" s="280">
        <v>14</v>
      </c>
      <c r="EK27" s="280">
        <v>9</v>
      </c>
      <c r="EL27" s="280">
        <v>20</v>
      </c>
      <c r="EM27" s="280">
        <v>14</v>
      </c>
      <c r="EN27" s="277">
        <v>79</v>
      </c>
      <c r="EO27" s="282">
        <v>85</v>
      </c>
      <c r="EP27" s="276">
        <v>89</v>
      </c>
      <c r="EQ27" s="280">
        <v>153</v>
      </c>
      <c r="ER27" s="277">
        <v>242</v>
      </c>
      <c r="ES27" s="279">
        <v>0</v>
      </c>
      <c r="ET27" s="280">
        <v>361</v>
      </c>
      <c r="EU27" s="280">
        <v>261</v>
      </c>
      <c r="EV27" s="280">
        <v>129</v>
      </c>
      <c r="EW27" s="280">
        <v>106</v>
      </c>
      <c r="EX27" s="280">
        <v>57</v>
      </c>
      <c r="EY27" s="277">
        <v>914</v>
      </c>
      <c r="EZ27" s="282">
        <v>1156</v>
      </c>
    </row>
    <row r="28" spans="2:156" ht="21" customHeight="1" x14ac:dyDescent="0.2">
      <c r="B28" s="261" t="s">
        <v>26</v>
      </c>
      <c r="C28" s="276">
        <v>0</v>
      </c>
      <c r="D28" s="280">
        <v>0</v>
      </c>
      <c r="E28" s="384">
        <v>0</v>
      </c>
      <c r="F28" s="279">
        <v>0</v>
      </c>
      <c r="G28" s="280">
        <v>79</v>
      </c>
      <c r="H28" s="280">
        <v>71</v>
      </c>
      <c r="I28" s="280">
        <v>46</v>
      </c>
      <c r="J28" s="280">
        <v>43</v>
      </c>
      <c r="K28" s="280">
        <v>44</v>
      </c>
      <c r="L28" s="281">
        <v>283</v>
      </c>
      <c r="M28" s="282">
        <v>283</v>
      </c>
      <c r="N28" s="276">
        <v>0</v>
      </c>
      <c r="O28" s="280">
        <v>0</v>
      </c>
      <c r="P28" s="277">
        <v>0</v>
      </c>
      <c r="Q28" s="279">
        <v>0</v>
      </c>
      <c r="R28" s="280">
        <v>0</v>
      </c>
      <c r="S28" s="280">
        <v>1</v>
      </c>
      <c r="T28" s="280">
        <v>6</v>
      </c>
      <c r="U28" s="280">
        <v>10</v>
      </c>
      <c r="V28" s="280">
        <v>12</v>
      </c>
      <c r="W28" s="277">
        <v>29</v>
      </c>
      <c r="X28" s="282">
        <v>29</v>
      </c>
      <c r="Y28" s="276">
        <v>9</v>
      </c>
      <c r="Z28" s="280">
        <v>18</v>
      </c>
      <c r="AA28" s="277">
        <v>27</v>
      </c>
      <c r="AB28" s="279">
        <v>0</v>
      </c>
      <c r="AC28" s="280">
        <v>65</v>
      </c>
      <c r="AD28" s="280">
        <v>74</v>
      </c>
      <c r="AE28" s="280">
        <v>37</v>
      </c>
      <c r="AF28" s="280">
        <v>43</v>
      </c>
      <c r="AG28" s="280">
        <v>39</v>
      </c>
      <c r="AH28" s="277">
        <v>258</v>
      </c>
      <c r="AI28" s="282">
        <v>285</v>
      </c>
      <c r="AJ28" s="276">
        <v>0</v>
      </c>
      <c r="AK28" s="280">
        <v>0</v>
      </c>
      <c r="AL28" s="277">
        <v>0</v>
      </c>
      <c r="AM28" s="279">
        <v>0</v>
      </c>
      <c r="AN28" s="280">
        <v>2</v>
      </c>
      <c r="AO28" s="280">
        <v>7</v>
      </c>
      <c r="AP28" s="280">
        <v>3</v>
      </c>
      <c r="AQ28" s="280">
        <v>3</v>
      </c>
      <c r="AR28" s="280">
        <v>2</v>
      </c>
      <c r="AS28" s="277">
        <v>17</v>
      </c>
      <c r="AT28" s="282">
        <v>17</v>
      </c>
      <c r="AU28" s="276">
        <v>10</v>
      </c>
      <c r="AV28" s="280">
        <v>6</v>
      </c>
      <c r="AW28" s="277">
        <v>16</v>
      </c>
      <c r="AX28" s="279">
        <v>0</v>
      </c>
      <c r="AY28" s="280">
        <v>61</v>
      </c>
      <c r="AZ28" s="280">
        <v>56</v>
      </c>
      <c r="BA28" s="280">
        <v>60</v>
      </c>
      <c r="BB28" s="280">
        <v>63</v>
      </c>
      <c r="BC28" s="280">
        <v>56</v>
      </c>
      <c r="BD28" s="281">
        <v>296</v>
      </c>
      <c r="BE28" s="282">
        <v>312</v>
      </c>
      <c r="BF28" s="276">
        <v>0</v>
      </c>
      <c r="BG28" s="280">
        <v>0</v>
      </c>
      <c r="BH28" s="277">
        <v>0</v>
      </c>
      <c r="BI28" s="279">
        <v>0</v>
      </c>
      <c r="BJ28" s="280">
        <v>109</v>
      </c>
      <c r="BK28" s="280">
        <v>81</v>
      </c>
      <c r="BL28" s="280">
        <v>51</v>
      </c>
      <c r="BM28" s="280">
        <v>25</v>
      </c>
      <c r="BN28" s="280">
        <v>14</v>
      </c>
      <c r="BO28" s="277">
        <v>280</v>
      </c>
      <c r="BP28" s="282">
        <v>280</v>
      </c>
      <c r="BQ28" s="276">
        <v>5</v>
      </c>
      <c r="BR28" s="280">
        <v>6</v>
      </c>
      <c r="BS28" s="277">
        <v>11</v>
      </c>
      <c r="BT28" s="279">
        <v>0</v>
      </c>
      <c r="BU28" s="280">
        <v>18</v>
      </c>
      <c r="BV28" s="280">
        <v>28</v>
      </c>
      <c r="BW28" s="280">
        <v>14</v>
      </c>
      <c r="BX28" s="280">
        <v>8</v>
      </c>
      <c r="BY28" s="280">
        <v>6</v>
      </c>
      <c r="BZ28" s="277">
        <v>74</v>
      </c>
      <c r="CA28" s="282">
        <v>85</v>
      </c>
      <c r="CB28" s="276">
        <v>0</v>
      </c>
      <c r="CC28" s="280">
        <v>2</v>
      </c>
      <c r="CD28" s="277">
        <v>2</v>
      </c>
      <c r="CE28" s="279">
        <v>0</v>
      </c>
      <c r="CF28" s="280">
        <v>9</v>
      </c>
      <c r="CG28" s="280">
        <v>21</v>
      </c>
      <c r="CH28" s="280">
        <v>19</v>
      </c>
      <c r="CI28" s="280">
        <v>19</v>
      </c>
      <c r="CJ28" s="280">
        <v>10</v>
      </c>
      <c r="CK28" s="277">
        <v>78</v>
      </c>
      <c r="CL28" s="282">
        <v>80</v>
      </c>
      <c r="CM28" s="276">
        <v>0</v>
      </c>
      <c r="CN28" s="280">
        <v>0</v>
      </c>
      <c r="CO28" s="277">
        <v>0</v>
      </c>
      <c r="CP28" s="279">
        <v>0</v>
      </c>
      <c r="CQ28" s="280">
        <v>2</v>
      </c>
      <c r="CR28" s="280">
        <v>3</v>
      </c>
      <c r="CS28" s="280">
        <v>4</v>
      </c>
      <c r="CT28" s="280">
        <v>4</v>
      </c>
      <c r="CU28" s="280">
        <v>3</v>
      </c>
      <c r="CV28" s="277">
        <v>16</v>
      </c>
      <c r="CW28" s="282">
        <v>16</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57</v>
      </c>
      <c r="DU28" s="280">
        <v>90</v>
      </c>
      <c r="DV28" s="277">
        <v>147</v>
      </c>
      <c r="DW28" s="279">
        <v>0</v>
      </c>
      <c r="DX28" s="280">
        <v>141</v>
      </c>
      <c r="DY28" s="280">
        <v>181</v>
      </c>
      <c r="DZ28" s="280">
        <v>108</v>
      </c>
      <c r="EA28" s="280">
        <v>86</v>
      </c>
      <c r="EB28" s="280">
        <v>64</v>
      </c>
      <c r="EC28" s="277">
        <v>580</v>
      </c>
      <c r="ED28" s="282">
        <v>727</v>
      </c>
      <c r="EE28" s="276">
        <v>10</v>
      </c>
      <c r="EF28" s="280">
        <v>3</v>
      </c>
      <c r="EG28" s="277">
        <v>13</v>
      </c>
      <c r="EH28" s="279">
        <v>0</v>
      </c>
      <c r="EI28" s="280">
        <v>21</v>
      </c>
      <c r="EJ28" s="280">
        <v>22</v>
      </c>
      <c r="EK28" s="280">
        <v>19</v>
      </c>
      <c r="EL28" s="280">
        <v>18</v>
      </c>
      <c r="EM28" s="280">
        <v>9</v>
      </c>
      <c r="EN28" s="277">
        <v>89</v>
      </c>
      <c r="EO28" s="282">
        <v>102</v>
      </c>
      <c r="EP28" s="276">
        <v>66</v>
      </c>
      <c r="EQ28" s="280">
        <v>103</v>
      </c>
      <c r="ER28" s="277">
        <v>169</v>
      </c>
      <c r="ES28" s="279">
        <v>0</v>
      </c>
      <c r="ET28" s="280">
        <v>276</v>
      </c>
      <c r="EU28" s="280">
        <v>237</v>
      </c>
      <c r="EV28" s="280">
        <v>130</v>
      </c>
      <c r="EW28" s="280">
        <v>95</v>
      </c>
      <c r="EX28" s="280">
        <v>67</v>
      </c>
      <c r="EY28" s="277">
        <v>805</v>
      </c>
      <c r="EZ28" s="282">
        <v>974</v>
      </c>
    </row>
    <row r="29" spans="2:156" ht="21" customHeight="1" x14ac:dyDescent="0.2">
      <c r="B29" s="261" t="s">
        <v>27</v>
      </c>
      <c r="C29" s="276">
        <v>0</v>
      </c>
      <c r="D29" s="280">
        <v>0</v>
      </c>
      <c r="E29" s="384">
        <v>0</v>
      </c>
      <c r="F29" s="279">
        <v>0</v>
      </c>
      <c r="G29" s="280">
        <v>47</v>
      </c>
      <c r="H29" s="280">
        <v>57</v>
      </c>
      <c r="I29" s="280">
        <v>39</v>
      </c>
      <c r="J29" s="280">
        <v>39</v>
      </c>
      <c r="K29" s="280">
        <v>35</v>
      </c>
      <c r="L29" s="281">
        <v>217</v>
      </c>
      <c r="M29" s="282">
        <v>217</v>
      </c>
      <c r="N29" s="276">
        <v>0</v>
      </c>
      <c r="O29" s="280">
        <v>0</v>
      </c>
      <c r="P29" s="277">
        <v>0</v>
      </c>
      <c r="Q29" s="279">
        <v>0</v>
      </c>
      <c r="R29" s="280">
        <v>1</v>
      </c>
      <c r="S29" s="280">
        <v>4</v>
      </c>
      <c r="T29" s="280">
        <v>7</v>
      </c>
      <c r="U29" s="280">
        <v>17</v>
      </c>
      <c r="V29" s="280">
        <v>17</v>
      </c>
      <c r="W29" s="277">
        <v>46</v>
      </c>
      <c r="X29" s="282">
        <v>46</v>
      </c>
      <c r="Y29" s="276">
        <v>23</v>
      </c>
      <c r="Z29" s="280">
        <v>42</v>
      </c>
      <c r="AA29" s="277">
        <v>65</v>
      </c>
      <c r="AB29" s="279">
        <v>0</v>
      </c>
      <c r="AC29" s="280">
        <v>30</v>
      </c>
      <c r="AD29" s="280">
        <v>42</v>
      </c>
      <c r="AE29" s="280">
        <v>38</v>
      </c>
      <c r="AF29" s="280">
        <v>31</v>
      </c>
      <c r="AG29" s="280">
        <v>32</v>
      </c>
      <c r="AH29" s="277">
        <v>173</v>
      </c>
      <c r="AI29" s="282">
        <v>238</v>
      </c>
      <c r="AJ29" s="276">
        <v>0</v>
      </c>
      <c r="AK29" s="280">
        <v>2</v>
      </c>
      <c r="AL29" s="277">
        <v>2</v>
      </c>
      <c r="AM29" s="279">
        <v>0</v>
      </c>
      <c r="AN29" s="280">
        <v>1</v>
      </c>
      <c r="AO29" s="280">
        <v>1</v>
      </c>
      <c r="AP29" s="280">
        <v>0</v>
      </c>
      <c r="AQ29" s="280">
        <v>3</v>
      </c>
      <c r="AR29" s="280">
        <v>2</v>
      </c>
      <c r="AS29" s="277">
        <v>7</v>
      </c>
      <c r="AT29" s="282">
        <v>9</v>
      </c>
      <c r="AU29" s="276">
        <v>12</v>
      </c>
      <c r="AV29" s="280">
        <v>15</v>
      </c>
      <c r="AW29" s="277">
        <v>27</v>
      </c>
      <c r="AX29" s="279">
        <v>0</v>
      </c>
      <c r="AY29" s="280">
        <v>60</v>
      </c>
      <c r="AZ29" s="280">
        <v>63</v>
      </c>
      <c r="BA29" s="280">
        <v>80</v>
      </c>
      <c r="BB29" s="280">
        <v>68</v>
      </c>
      <c r="BC29" s="280">
        <v>44</v>
      </c>
      <c r="BD29" s="281">
        <v>315</v>
      </c>
      <c r="BE29" s="282">
        <v>342</v>
      </c>
      <c r="BF29" s="276">
        <v>0</v>
      </c>
      <c r="BG29" s="280">
        <v>0</v>
      </c>
      <c r="BH29" s="277">
        <v>0</v>
      </c>
      <c r="BI29" s="279">
        <v>0</v>
      </c>
      <c r="BJ29" s="280">
        <v>108</v>
      </c>
      <c r="BK29" s="280">
        <v>70</v>
      </c>
      <c r="BL29" s="280">
        <v>42</v>
      </c>
      <c r="BM29" s="280">
        <v>32</v>
      </c>
      <c r="BN29" s="280">
        <v>16</v>
      </c>
      <c r="BO29" s="277">
        <v>268</v>
      </c>
      <c r="BP29" s="282">
        <v>268</v>
      </c>
      <c r="BQ29" s="276">
        <v>11</v>
      </c>
      <c r="BR29" s="280">
        <v>33</v>
      </c>
      <c r="BS29" s="277">
        <v>44</v>
      </c>
      <c r="BT29" s="279">
        <v>0</v>
      </c>
      <c r="BU29" s="280">
        <v>16</v>
      </c>
      <c r="BV29" s="280">
        <v>25</v>
      </c>
      <c r="BW29" s="280">
        <v>15</v>
      </c>
      <c r="BX29" s="280">
        <v>5</v>
      </c>
      <c r="BY29" s="280">
        <v>6</v>
      </c>
      <c r="BZ29" s="277">
        <v>67</v>
      </c>
      <c r="CA29" s="282">
        <v>111</v>
      </c>
      <c r="CB29" s="276">
        <v>0</v>
      </c>
      <c r="CC29" s="280">
        <v>1</v>
      </c>
      <c r="CD29" s="277">
        <v>1</v>
      </c>
      <c r="CE29" s="279">
        <v>0</v>
      </c>
      <c r="CF29" s="280">
        <v>10</v>
      </c>
      <c r="CG29" s="280">
        <v>11</v>
      </c>
      <c r="CH29" s="280">
        <v>13</v>
      </c>
      <c r="CI29" s="280">
        <v>15</v>
      </c>
      <c r="CJ29" s="280">
        <v>8</v>
      </c>
      <c r="CK29" s="277">
        <v>57</v>
      </c>
      <c r="CL29" s="282">
        <v>58</v>
      </c>
      <c r="CM29" s="276">
        <v>0</v>
      </c>
      <c r="CN29" s="280">
        <v>0</v>
      </c>
      <c r="CO29" s="277">
        <v>0</v>
      </c>
      <c r="CP29" s="279">
        <v>0</v>
      </c>
      <c r="CQ29" s="280">
        <v>4</v>
      </c>
      <c r="CR29" s="280">
        <v>1</v>
      </c>
      <c r="CS29" s="280">
        <v>1</v>
      </c>
      <c r="CT29" s="280">
        <v>4</v>
      </c>
      <c r="CU29" s="280">
        <v>2</v>
      </c>
      <c r="CV29" s="277">
        <v>12</v>
      </c>
      <c r="CW29" s="282">
        <v>12</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81</v>
      </c>
      <c r="DU29" s="280">
        <v>128</v>
      </c>
      <c r="DV29" s="277">
        <v>209</v>
      </c>
      <c r="DW29" s="279">
        <v>0</v>
      </c>
      <c r="DX29" s="280">
        <v>71</v>
      </c>
      <c r="DY29" s="280">
        <v>136</v>
      </c>
      <c r="DZ29" s="280">
        <v>88</v>
      </c>
      <c r="EA29" s="280">
        <v>67</v>
      </c>
      <c r="EB29" s="280">
        <v>46</v>
      </c>
      <c r="EC29" s="277">
        <v>408</v>
      </c>
      <c r="ED29" s="282">
        <v>617</v>
      </c>
      <c r="EE29" s="276">
        <v>10</v>
      </c>
      <c r="EF29" s="280">
        <v>13</v>
      </c>
      <c r="EG29" s="277">
        <v>23</v>
      </c>
      <c r="EH29" s="279">
        <v>0</v>
      </c>
      <c r="EI29" s="280">
        <v>37</v>
      </c>
      <c r="EJ29" s="280">
        <v>27</v>
      </c>
      <c r="EK29" s="280">
        <v>39</v>
      </c>
      <c r="EL29" s="280">
        <v>35</v>
      </c>
      <c r="EM29" s="280">
        <v>10</v>
      </c>
      <c r="EN29" s="277">
        <v>148</v>
      </c>
      <c r="EO29" s="282">
        <v>171</v>
      </c>
      <c r="EP29" s="276">
        <v>103</v>
      </c>
      <c r="EQ29" s="280">
        <v>155</v>
      </c>
      <c r="ER29" s="277">
        <v>258</v>
      </c>
      <c r="ES29" s="279">
        <v>0</v>
      </c>
      <c r="ET29" s="280">
        <v>201</v>
      </c>
      <c r="EU29" s="280">
        <v>170</v>
      </c>
      <c r="EV29" s="280">
        <v>110</v>
      </c>
      <c r="EW29" s="280">
        <v>71</v>
      </c>
      <c r="EX29" s="280">
        <v>47</v>
      </c>
      <c r="EY29" s="277">
        <v>599</v>
      </c>
      <c r="EZ29" s="282">
        <v>857</v>
      </c>
    </row>
    <row r="30" spans="2:156" ht="21" customHeight="1" x14ac:dyDescent="0.2">
      <c r="B30" s="261" t="s">
        <v>28</v>
      </c>
      <c r="C30" s="276">
        <v>0</v>
      </c>
      <c r="D30" s="280">
        <v>0</v>
      </c>
      <c r="E30" s="384">
        <v>0</v>
      </c>
      <c r="F30" s="279">
        <v>0</v>
      </c>
      <c r="G30" s="280">
        <v>12</v>
      </c>
      <c r="H30" s="280">
        <v>15</v>
      </c>
      <c r="I30" s="280">
        <v>5</v>
      </c>
      <c r="J30" s="280">
        <v>9</v>
      </c>
      <c r="K30" s="280">
        <v>10</v>
      </c>
      <c r="L30" s="281">
        <v>51</v>
      </c>
      <c r="M30" s="282">
        <v>51</v>
      </c>
      <c r="N30" s="276">
        <v>0</v>
      </c>
      <c r="O30" s="280">
        <v>0</v>
      </c>
      <c r="P30" s="277">
        <v>0</v>
      </c>
      <c r="Q30" s="279">
        <v>0</v>
      </c>
      <c r="R30" s="280">
        <v>0</v>
      </c>
      <c r="S30" s="280">
        <v>0</v>
      </c>
      <c r="T30" s="280">
        <v>2</v>
      </c>
      <c r="U30" s="280">
        <v>1</v>
      </c>
      <c r="V30" s="280">
        <v>1</v>
      </c>
      <c r="W30" s="277">
        <v>4</v>
      </c>
      <c r="X30" s="282">
        <v>4</v>
      </c>
      <c r="Y30" s="276">
        <v>2</v>
      </c>
      <c r="Z30" s="280">
        <v>2</v>
      </c>
      <c r="AA30" s="277">
        <v>4</v>
      </c>
      <c r="AB30" s="279">
        <v>0</v>
      </c>
      <c r="AC30" s="280">
        <v>5</v>
      </c>
      <c r="AD30" s="280">
        <v>22</v>
      </c>
      <c r="AE30" s="280">
        <v>9</v>
      </c>
      <c r="AF30" s="280">
        <v>11</v>
      </c>
      <c r="AG30" s="280">
        <v>12</v>
      </c>
      <c r="AH30" s="277">
        <v>59</v>
      </c>
      <c r="AI30" s="282">
        <v>63</v>
      </c>
      <c r="AJ30" s="276">
        <v>0</v>
      </c>
      <c r="AK30" s="280">
        <v>0</v>
      </c>
      <c r="AL30" s="277">
        <v>0</v>
      </c>
      <c r="AM30" s="279">
        <v>0</v>
      </c>
      <c r="AN30" s="280">
        <v>3</v>
      </c>
      <c r="AO30" s="280">
        <v>1</v>
      </c>
      <c r="AP30" s="280">
        <v>0</v>
      </c>
      <c r="AQ30" s="280">
        <v>2</v>
      </c>
      <c r="AR30" s="280">
        <v>2</v>
      </c>
      <c r="AS30" s="277">
        <v>8</v>
      </c>
      <c r="AT30" s="282">
        <v>8</v>
      </c>
      <c r="AU30" s="276">
        <v>1</v>
      </c>
      <c r="AV30" s="280">
        <v>1</v>
      </c>
      <c r="AW30" s="277">
        <v>2</v>
      </c>
      <c r="AX30" s="279">
        <v>0</v>
      </c>
      <c r="AY30" s="280">
        <v>13</v>
      </c>
      <c r="AZ30" s="280">
        <v>24</v>
      </c>
      <c r="BA30" s="280">
        <v>19</v>
      </c>
      <c r="BB30" s="280">
        <v>20</v>
      </c>
      <c r="BC30" s="280">
        <v>18</v>
      </c>
      <c r="BD30" s="281">
        <v>94</v>
      </c>
      <c r="BE30" s="282">
        <v>96</v>
      </c>
      <c r="BF30" s="276">
        <v>0</v>
      </c>
      <c r="BG30" s="280">
        <v>0</v>
      </c>
      <c r="BH30" s="277">
        <v>0</v>
      </c>
      <c r="BI30" s="279">
        <v>0</v>
      </c>
      <c r="BJ30" s="280">
        <v>30</v>
      </c>
      <c r="BK30" s="280">
        <v>38</v>
      </c>
      <c r="BL30" s="280">
        <v>14</v>
      </c>
      <c r="BM30" s="280">
        <v>13</v>
      </c>
      <c r="BN30" s="280">
        <v>9</v>
      </c>
      <c r="BO30" s="277">
        <v>104</v>
      </c>
      <c r="BP30" s="282">
        <v>104</v>
      </c>
      <c r="BQ30" s="276">
        <v>0</v>
      </c>
      <c r="BR30" s="280">
        <v>4</v>
      </c>
      <c r="BS30" s="277">
        <v>4</v>
      </c>
      <c r="BT30" s="279">
        <v>0</v>
      </c>
      <c r="BU30" s="280">
        <v>6</v>
      </c>
      <c r="BV30" s="280">
        <v>15</v>
      </c>
      <c r="BW30" s="280">
        <v>4</v>
      </c>
      <c r="BX30" s="280">
        <v>6</v>
      </c>
      <c r="BY30" s="280">
        <v>6</v>
      </c>
      <c r="BZ30" s="277">
        <v>37</v>
      </c>
      <c r="CA30" s="282">
        <v>41</v>
      </c>
      <c r="CB30" s="276">
        <v>0</v>
      </c>
      <c r="CC30" s="280">
        <v>1</v>
      </c>
      <c r="CD30" s="277">
        <v>1</v>
      </c>
      <c r="CE30" s="279">
        <v>0</v>
      </c>
      <c r="CF30" s="280">
        <v>1</v>
      </c>
      <c r="CG30" s="280">
        <v>6</v>
      </c>
      <c r="CH30" s="280">
        <v>4</v>
      </c>
      <c r="CI30" s="280">
        <v>7</v>
      </c>
      <c r="CJ30" s="280">
        <v>4</v>
      </c>
      <c r="CK30" s="277">
        <v>22</v>
      </c>
      <c r="CL30" s="282">
        <v>23</v>
      </c>
      <c r="CM30" s="276">
        <v>0</v>
      </c>
      <c r="CN30" s="280">
        <v>0</v>
      </c>
      <c r="CO30" s="277">
        <v>0</v>
      </c>
      <c r="CP30" s="279">
        <v>0</v>
      </c>
      <c r="CQ30" s="280">
        <v>2</v>
      </c>
      <c r="CR30" s="280">
        <v>0</v>
      </c>
      <c r="CS30" s="280">
        <v>1</v>
      </c>
      <c r="CT30" s="280">
        <v>4</v>
      </c>
      <c r="CU30" s="280">
        <v>3</v>
      </c>
      <c r="CV30" s="277">
        <v>10</v>
      </c>
      <c r="CW30" s="282">
        <v>1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8</v>
      </c>
      <c r="DU30" s="280">
        <v>15</v>
      </c>
      <c r="DV30" s="277">
        <v>23</v>
      </c>
      <c r="DW30" s="279">
        <v>0</v>
      </c>
      <c r="DX30" s="280">
        <v>32</v>
      </c>
      <c r="DY30" s="280">
        <v>62</v>
      </c>
      <c r="DZ30" s="280">
        <v>25</v>
      </c>
      <c r="EA30" s="280">
        <v>27</v>
      </c>
      <c r="EB30" s="280">
        <v>22</v>
      </c>
      <c r="EC30" s="277">
        <v>168</v>
      </c>
      <c r="ED30" s="282">
        <v>191</v>
      </c>
      <c r="EE30" s="276">
        <v>1</v>
      </c>
      <c r="EF30" s="280">
        <v>0</v>
      </c>
      <c r="EG30" s="277">
        <v>1</v>
      </c>
      <c r="EH30" s="279">
        <v>0</v>
      </c>
      <c r="EI30" s="280">
        <v>4</v>
      </c>
      <c r="EJ30" s="280">
        <v>7</v>
      </c>
      <c r="EK30" s="280">
        <v>4</v>
      </c>
      <c r="EL30" s="280">
        <v>6</v>
      </c>
      <c r="EM30" s="280">
        <v>2</v>
      </c>
      <c r="EN30" s="277">
        <v>23</v>
      </c>
      <c r="EO30" s="282">
        <v>24</v>
      </c>
      <c r="EP30" s="276">
        <v>10</v>
      </c>
      <c r="EQ30" s="280">
        <v>17</v>
      </c>
      <c r="ER30" s="277">
        <v>27</v>
      </c>
      <c r="ES30" s="279">
        <v>0</v>
      </c>
      <c r="ET30" s="280">
        <v>67</v>
      </c>
      <c r="EU30" s="280">
        <v>86</v>
      </c>
      <c r="EV30" s="280">
        <v>30</v>
      </c>
      <c r="EW30" s="280">
        <v>31</v>
      </c>
      <c r="EX30" s="280">
        <v>23</v>
      </c>
      <c r="EY30" s="277">
        <v>237</v>
      </c>
      <c r="EZ30" s="282">
        <v>264</v>
      </c>
    </row>
    <row r="31" spans="2:156" ht="21" customHeight="1" x14ac:dyDescent="0.2">
      <c r="B31" s="261" t="s">
        <v>29</v>
      </c>
      <c r="C31" s="276">
        <v>0</v>
      </c>
      <c r="D31" s="280">
        <v>0</v>
      </c>
      <c r="E31" s="384">
        <v>0</v>
      </c>
      <c r="F31" s="279">
        <v>0</v>
      </c>
      <c r="G31" s="280">
        <v>23</v>
      </c>
      <c r="H31" s="280">
        <v>20</v>
      </c>
      <c r="I31" s="280">
        <v>14</v>
      </c>
      <c r="J31" s="280">
        <v>17</v>
      </c>
      <c r="K31" s="280">
        <v>10</v>
      </c>
      <c r="L31" s="281">
        <v>84</v>
      </c>
      <c r="M31" s="282">
        <v>84</v>
      </c>
      <c r="N31" s="276">
        <v>0</v>
      </c>
      <c r="O31" s="280">
        <v>0</v>
      </c>
      <c r="P31" s="277">
        <v>0</v>
      </c>
      <c r="Q31" s="279">
        <v>0</v>
      </c>
      <c r="R31" s="280">
        <v>0</v>
      </c>
      <c r="S31" s="280">
        <v>0</v>
      </c>
      <c r="T31" s="280">
        <v>1</v>
      </c>
      <c r="U31" s="280">
        <v>3</v>
      </c>
      <c r="V31" s="280">
        <v>5</v>
      </c>
      <c r="W31" s="277">
        <v>9</v>
      </c>
      <c r="X31" s="282">
        <v>9</v>
      </c>
      <c r="Y31" s="276">
        <v>1</v>
      </c>
      <c r="Z31" s="280">
        <v>4</v>
      </c>
      <c r="AA31" s="277">
        <v>5</v>
      </c>
      <c r="AB31" s="279">
        <v>0</v>
      </c>
      <c r="AC31" s="280">
        <v>16</v>
      </c>
      <c r="AD31" s="280">
        <v>14</v>
      </c>
      <c r="AE31" s="280">
        <v>16</v>
      </c>
      <c r="AF31" s="280">
        <v>11</v>
      </c>
      <c r="AG31" s="280">
        <v>7</v>
      </c>
      <c r="AH31" s="277">
        <v>64</v>
      </c>
      <c r="AI31" s="282">
        <v>69</v>
      </c>
      <c r="AJ31" s="276">
        <v>0</v>
      </c>
      <c r="AK31" s="280">
        <v>1</v>
      </c>
      <c r="AL31" s="277">
        <v>1</v>
      </c>
      <c r="AM31" s="279">
        <v>0</v>
      </c>
      <c r="AN31" s="280">
        <v>2</v>
      </c>
      <c r="AO31" s="280">
        <v>3</v>
      </c>
      <c r="AP31" s="280">
        <v>1</v>
      </c>
      <c r="AQ31" s="280">
        <v>3</v>
      </c>
      <c r="AR31" s="280">
        <v>0</v>
      </c>
      <c r="AS31" s="277">
        <v>9</v>
      </c>
      <c r="AT31" s="282">
        <v>10</v>
      </c>
      <c r="AU31" s="276">
        <v>1</v>
      </c>
      <c r="AV31" s="280">
        <v>1</v>
      </c>
      <c r="AW31" s="277">
        <v>2</v>
      </c>
      <c r="AX31" s="279">
        <v>0</v>
      </c>
      <c r="AY31" s="280">
        <v>12</v>
      </c>
      <c r="AZ31" s="280">
        <v>27</v>
      </c>
      <c r="BA31" s="280">
        <v>12</v>
      </c>
      <c r="BB31" s="280">
        <v>20</v>
      </c>
      <c r="BC31" s="280">
        <v>10</v>
      </c>
      <c r="BD31" s="281">
        <v>81</v>
      </c>
      <c r="BE31" s="282">
        <v>83</v>
      </c>
      <c r="BF31" s="276">
        <v>0</v>
      </c>
      <c r="BG31" s="280">
        <v>0</v>
      </c>
      <c r="BH31" s="277">
        <v>0</v>
      </c>
      <c r="BI31" s="279">
        <v>0</v>
      </c>
      <c r="BJ31" s="280">
        <v>35</v>
      </c>
      <c r="BK31" s="280">
        <v>39</v>
      </c>
      <c r="BL31" s="280">
        <v>21</v>
      </c>
      <c r="BM31" s="280">
        <v>19</v>
      </c>
      <c r="BN31" s="280">
        <v>7</v>
      </c>
      <c r="BO31" s="277">
        <v>121</v>
      </c>
      <c r="BP31" s="282">
        <v>121</v>
      </c>
      <c r="BQ31" s="276">
        <v>2</v>
      </c>
      <c r="BR31" s="280">
        <v>2</v>
      </c>
      <c r="BS31" s="277">
        <v>4</v>
      </c>
      <c r="BT31" s="279">
        <v>0</v>
      </c>
      <c r="BU31" s="280">
        <v>13</v>
      </c>
      <c r="BV31" s="280">
        <v>12</v>
      </c>
      <c r="BW31" s="280">
        <v>8</v>
      </c>
      <c r="BX31" s="280">
        <v>6</v>
      </c>
      <c r="BY31" s="280">
        <v>2</v>
      </c>
      <c r="BZ31" s="277">
        <v>41</v>
      </c>
      <c r="CA31" s="282">
        <v>45</v>
      </c>
      <c r="CB31" s="276">
        <v>0</v>
      </c>
      <c r="CC31" s="280">
        <v>0</v>
      </c>
      <c r="CD31" s="277">
        <v>0</v>
      </c>
      <c r="CE31" s="279">
        <v>0</v>
      </c>
      <c r="CF31" s="280">
        <v>1</v>
      </c>
      <c r="CG31" s="280">
        <v>14</v>
      </c>
      <c r="CH31" s="280">
        <v>12</v>
      </c>
      <c r="CI31" s="280">
        <v>6</v>
      </c>
      <c r="CJ31" s="280">
        <v>8</v>
      </c>
      <c r="CK31" s="277">
        <v>41</v>
      </c>
      <c r="CL31" s="282">
        <v>41</v>
      </c>
      <c r="CM31" s="276">
        <v>0</v>
      </c>
      <c r="CN31" s="280">
        <v>1</v>
      </c>
      <c r="CO31" s="277">
        <v>1</v>
      </c>
      <c r="CP31" s="279">
        <v>0</v>
      </c>
      <c r="CQ31" s="280">
        <v>1</v>
      </c>
      <c r="CR31" s="280">
        <v>2</v>
      </c>
      <c r="CS31" s="280">
        <v>2</v>
      </c>
      <c r="CT31" s="280">
        <v>1</v>
      </c>
      <c r="CU31" s="280">
        <v>1</v>
      </c>
      <c r="CV31" s="277">
        <v>7</v>
      </c>
      <c r="CW31" s="282">
        <v>8</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6</v>
      </c>
      <c r="DU31" s="280">
        <v>26</v>
      </c>
      <c r="DV31" s="277">
        <v>52</v>
      </c>
      <c r="DW31" s="279">
        <v>0</v>
      </c>
      <c r="DX31" s="280">
        <v>38</v>
      </c>
      <c r="DY31" s="280">
        <v>66</v>
      </c>
      <c r="DZ31" s="280">
        <v>45</v>
      </c>
      <c r="EA31" s="280">
        <v>40</v>
      </c>
      <c r="EB31" s="280">
        <v>20</v>
      </c>
      <c r="EC31" s="277">
        <v>209</v>
      </c>
      <c r="ED31" s="282">
        <v>261</v>
      </c>
      <c r="EE31" s="276">
        <v>0</v>
      </c>
      <c r="EF31" s="280">
        <v>0</v>
      </c>
      <c r="EG31" s="277">
        <v>0</v>
      </c>
      <c r="EH31" s="279">
        <v>0</v>
      </c>
      <c r="EI31" s="280">
        <v>7</v>
      </c>
      <c r="EJ31" s="280">
        <v>10</v>
      </c>
      <c r="EK31" s="280">
        <v>2</v>
      </c>
      <c r="EL31" s="280">
        <v>10</v>
      </c>
      <c r="EM31" s="280">
        <v>4</v>
      </c>
      <c r="EN31" s="277">
        <v>33</v>
      </c>
      <c r="EO31" s="282">
        <v>33</v>
      </c>
      <c r="EP31" s="276">
        <v>29</v>
      </c>
      <c r="EQ31" s="280">
        <v>31</v>
      </c>
      <c r="ER31" s="277">
        <v>60</v>
      </c>
      <c r="ES31" s="279">
        <v>0</v>
      </c>
      <c r="ET31" s="280">
        <v>80</v>
      </c>
      <c r="EU31" s="280">
        <v>96</v>
      </c>
      <c r="EV31" s="280">
        <v>53</v>
      </c>
      <c r="EW31" s="280">
        <v>41</v>
      </c>
      <c r="EX31" s="280">
        <v>20</v>
      </c>
      <c r="EY31" s="277">
        <v>290</v>
      </c>
      <c r="EZ31" s="282">
        <v>350</v>
      </c>
    </row>
    <row r="32" spans="2:156" ht="21" customHeight="1" x14ac:dyDescent="0.2">
      <c r="B32" s="261" t="s">
        <v>30</v>
      </c>
      <c r="C32" s="276">
        <v>0</v>
      </c>
      <c r="D32" s="280">
        <v>0</v>
      </c>
      <c r="E32" s="384">
        <v>0</v>
      </c>
      <c r="F32" s="279">
        <v>0</v>
      </c>
      <c r="G32" s="280">
        <v>25</v>
      </c>
      <c r="H32" s="280">
        <v>20</v>
      </c>
      <c r="I32" s="280">
        <v>17</v>
      </c>
      <c r="J32" s="280">
        <v>14</v>
      </c>
      <c r="K32" s="280">
        <v>6</v>
      </c>
      <c r="L32" s="281">
        <v>82</v>
      </c>
      <c r="M32" s="282">
        <v>82</v>
      </c>
      <c r="N32" s="276">
        <v>0</v>
      </c>
      <c r="O32" s="280">
        <v>0</v>
      </c>
      <c r="P32" s="277">
        <v>0</v>
      </c>
      <c r="Q32" s="279">
        <v>0</v>
      </c>
      <c r="R32" s="280">
        <v>1</v>
      </c>
      <c r="S32" s="280">
        <v>1</v>
      </c>
      <c r="T32" s="280">
        <v>1</v>
      </c>
      <c r="U32" s="280">
        <v>5</v>
      </c>
      <c r="V32" s="280">
        <v>7</v>
      </c>
      <c r="W32" s="277">
        <v>15</v>
      </c>
      <c r="X32" s="282">
        <v>15</v>
      </c>
      <c r="Y32" s="276">
        <v>2</v>
      </c>
      <c r="Z32" s="280">
        <v>5</v>
      </c>
      <c r="AA32" s="277">
        <v>7</v>
      </c>
      <c r="AB32" s="279">
        <v>0</v>
      </c>
      <c r="AC32" s="280">
        <v>20</v>
      </c>
      <c r="AD32" s="280">
        <v>24</v>
      </c>
      <c r="AE32" s="280">
        <v>17</v>
      </c>
      <c r="AF32" s="280">
        <v>16</v>
      </c>
      <c r="AG32" s="280">
        <v>6</v>
      </c>
      <c r="AH32" s="277">
        <v>83</v>
      </c>
      <c r="AI32" s="282">
        <v>90</v>
      </c>
      <c r="AJ32" s="276">
        <v>1</v>
      </c>
      <c r="AK32" s="280">
        <v>0</v>
      </c>
      <c r="AL32" s="277">
        <v>1</v>
      </c>
      <c r="AM32" s="279">
        <v>0</v>
      </c>
      <c r="AN32" s="280">
        <v>1</v>
      </c>
      <c r="AO32" s="280">
        <v>0</v>
      </c>
      <c r="AP32" s="280">
        <v>2</v>
      </c>
      <c r="AQ32" s="280">
        <v>1</v>
      </c>
      <c r="AR32" s="280">
        <v>0</v>
      </c>
      <c r="AS32" s="277">
        <v>4</v>
      </c>
      <c r="AT32" s="282">
        <v>5</v>
      </c>
      <c r="AU32" s="276">
        <v>2</v>
      </c>
      <c r="AV32" s="280">
        <v>0</v>
      </c>
      <c r="AW32" s="277">
        <v>2</v>
      </c>
      <c r="AX32" s="279">
        <v>0</v>
      </c>
      <c r="AY32" s="280">
        <v>21</v>
      </c>
      <c r="AZ32" s="280">
        <v>17</v>
      </c>
      <c r="BA32" s="280">
        <v>16</v>
      </c>
      <c r="BB32" s="280">
        <v>20</v>
      </c>
      <c r="BC32" s="280">
        <v>10</v>
      </c>
      <c r="BD32" s="281">
        <v>84</v>
      </c>
      <c r="BE32" s="282">
        <v>86</v>
      </c>
      <c r="BF32" s="276">
        <v>0</v>
      </c>
      <c r="BG32" s="280">
        <v>0</v>
      </c>
      <c r="BH32" s="277">
        <v>0</v>
      </c>
      <c r="BI32" s="279">
        <v>0</v>
      </c>
      <c r="BJ32" s="280">
        <v>33</v>
      </c>
      <c r="BK32" s="280">
        <v>27</v>
      </c>
      <c r="BL32" s="280">
        <v>18</v>
      </c>
      <c r="BM32" s="280">
        <v>13</v>
      </c>
      <c r="BN32" s="280">
        <v>2</v>
      </c>
      <c r="BO32" s="277">
        <v>93</v>
      </c>
      <c r="BP32" s="282">
        <v>93</v>
      </c>
      <c r="BQ32" s="276">
        <v>2</v>
      </c>
      <c r="BR32" s="280">
        <v>3</v>
      </c>
      <c r="BS32" s="277">
        <v>5</v>
      </c>
      <c r="BT32" s="279">
        <v>0</v>
      </c>
      <c r="BU32" s="280">
        <v>6</v>
      </c>
      <c r="BV32" s="280">
        <v>9</v>
      </c>
      <c r="BW32" s="280">
        <v>5</v>
      </c>
      <c r="BX32" s="280">
        <v>5</v>
      </c>
      <c r="BY32" s="280">
        <v>0</v>
      </c>
      <c r="BZ32" s="277">
        <v>25</v>
      </c>
      <c r="CA32" s="282">
        <v>30</v>
      </c>
      <c r="CB32" s="276">
        <v>0</v>
      </c>
      <c r="CC32" s="280">
        <v>0</v>
      </c>
      <c r="CD32" s="277">
        <v>0</v>
      </c>
      <c r="CE32" s="279">
        <v>0</v>
      </c>
      <c r="CF32" s="280">
        <v>9</v>
      </c>
      <c r="CG32" s="280">
        <v>5</v>
      </c>
      <c r="CH32" s="280">
        <v>10</v>
      </c>
      <c r="CI32" s="280">
        <v>6</v>
      </c>
      <c r="CJ32" s="280">
        <v>1</v>
      </c>
      <c r="CK32" s="277">
        <v>31</v>
      </c>
      <c r="CL32" s="282">
        <v>31</v>
      </c>
      <c r="CM32" s="276">
        <v>0</v>
      </c>
      <c r="CN32" s="280">
        <v>0</v>
      </c>
      <c r="CO32" s="277">
        <v>0</v>
      </c>
      <c r="CP32" s="279">
        <v>0</v>
      </c>
      <c r="CQ32" s="280">
        <v>1</v>
      </c>
      <c r="CR32" s="280">
        <v>1</v>
      </c>
      <c r="CS32" s="280">
        <v>0</v>
      </c>
      <c r="CT32" s="280">
        <v>0</v>
      </c>
      <c r="CU32" s="280">
        <v>3</v>
      </c>
      <c r="CV32" s="277">
        <v>5</v>
      </c>
      <c r="CW32" s="282">
        <v>5</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28</v>
      </c>
      <c r="DU32" s="280">
        <v>27</v>
      </c>
      <c r="DV32" s="277">
        <v>55</v>
      </c>
      <c r="DW32" s="279">
        <v>0</v>
      </c>
      <c r="DX32" s="280">
        <v>50</v>
      </c>
      <c r="DY32" s="280">
        <v>65</v>
      </c>
      <c r="DZ32" s="280">
        <v>47</v>
      </c>
      <c r="EA32" s="280">
        <v>37</v>
      </c>
      <c r="EB32" s="280">
        <v>14</v>
      </c>
      <c r="EC32" s="277">
        <v>213</v>
      </c>
      <c r="ED32" s="282">
        <v>268</v>
      </c>
      <c r="EE32" s="276">
        <v>2</v>
      </c>
      <c r="EF32" s="280">
        <v>0</v>
      </c>
      <c r="EG32" s="277">
        <v>2</v>
      </c>
      <c r="EH32" s="279">
        <v>0</v>
      </c>
      <c r="EI32" s="280">
        <v>5</v>
      </c>
      <c r="EJ32" s="280">
        <v>4</v>
      </c>
      <c r="EK32" s="280">
        <v>2</v>
      </c>
      <c r="EL32" s="280">
        <v>4</v>
      </c>
      <c r="EM32" s="280">
        <v>2</v>
      </c>
      <c r="EN32" s="277">
        <v>17</v>
      </c>
      <c r="EO32" s="282">
        <v>19</v>
      </c>
      <c r="EP32" s="276">
        <v>33</v>
      </c>
      <c r="EQ32" s="280">
        <v>31</v>
      </c>
      <c r="ER32" s="277">
        <v>64</v>
      </c>
      <c r="ES32" s="279">
        <v>0</v>
      </c>
      <c r="ET32" s="280">
        <v>90</v>
      </c>
      <c r="EU32" s="280">
        <v>81</v>
      </c>
      <c r="EV32" s="280">
        <v>52</v>
      </c>
      <c r="EW32" s="280">
        <v>41</v>
      </c>
      <c r="EX32" s="280">
        <v>15</v>
      </c>
      <c r="EY32" s="277">
        <v>279</v>
      </c>
      <c r="EZ32" s="282">
        <v>343</v>
      </c>
    </row>
    <row r="33" spans="2:156" ht="21" customHeight="1" x14ac:dyDescent="0.2">
      <c r="B33" s="261" t="s">
        <v>31</v>
      </c>
      <c r="C33" s="276">
        <v>0</v>
      </c>
      <c r="D33" s="280">
        <v>0</v>
      </c>
      <c r="E33" s="384">
        <v>0</v>
      </c>
      <c r="F33" s="279">
        <v>0</v>
      </c>
      <c r="G33" s="280">
        <v>18</v>
      </c>
      <c r="H33" s="280">
        <v>20</v>
      </c>
      <c r="I33" s="280">
        <v>5</v>
      </c>
      <c r="J33" s="280">
        <v>2</v>
      </c>
      <c r="K33" s="280">
        <v>9</v>
      </c>
      <c r="L33" s="281">
        <v>54</v>
      </c>
      <c r="M33" s="282">
        <v>54</v>
      </c>
      <c r="N33" s="276">
        <v>0</v>
      </c>
      <c r="O33" s="280">
        <v>0</v>
      </c>
      <c r="P33" s="277">
        <v>0</v>
      </c>
      <c r="Q33" s="279">
        <v>0</v>
      </c>
      <c r="R33" s="280">
        <v>1</v>
      </c>
      <c r="S33" s="280">
        <v>3</v>
      </c>
      <c r="T33" s="280">
        <v>5</v>
      </c>
      <c r="U33" s="280">
        <v>4</v>
      </c>
      <c r="V33" s="280">
        <v>4</v>
      </c>
      <c r="W33" s="277">
        <v>17</v>
      </c>
      <c r="X33" s="282">
        <v>17</v>
      </c>
      <c r="Y33" s="276">
        <v>3</v>
      </c>
      <c r="Z33" s="280">
        <v>3</v>
      </c>
      <c r="AA33" s="277">
        <v>6</v>
      </c>
      <c r="AB33" s="279">
        <v>0</v>
      </c>
      <c r="AC33" s="280">
        <v>12</v>
      </c>
      <c r="AD33" s="280">
        <v>19</v>
      </c>
      <c r="AE33" s="280">
        <v>9</v>
      </c>
      <c r="AF33" s="280">
        <v>14</v>
      </c>
      <c r="AG33" s="280">
        <v>9</v>
      </c>
      <c r="AH33" s="277">
        <v>63</v>
      </c>
      <c r="AI33" s="282">
        <v>69</v>
      </c>
      <c r="AJ33" s="276">
        <v>0</v>
      </c>
      <c r="AK33" s="280">
        <v>2</v>
      </c>
      <c r="AL33" s="277">
        <v>2</v>
      </c>
      <c r="AM33" s="279">
        <v>0</v>
      </c>
      <c r="AN33" s="280">
        <v>2</v>
      </c>
      <c r="AO33" s="280">
        <v>2</v>
      </c>
      <c r="AP33" s="280">
        <v>3</v>
      </c>
      <c r="AQ33" s="280">
        <v>4</v>
      </c>
      <c r="AR33" s="280">
        <v>1</v>
      </c>
      <c r="AS33" s="277">
        <v>12</v>
      </c>
      <c r="AT33" s="282">
        <v>14</v>
      </c>
      <c r="AU33" s="276">
        <v>3</v>
      </c>
      <c r="AV33" s="280">
        <v>1</v>
      </c>
      <c r="AW33" s="277">
        <v>4</v>
      </c>
      <c r="AX33" s="279">
        <v>0</v>
      </c>
      <c r="AY33" s="280">
        <v>12</v>
      </c>
      <c r="AZ33" s="280">
        <v>15</v>
      </c>
      <c r="BA33" s="280">
        <v>13</v>
      </c>
      <c r="BB33" s="280">
        <v>8</v>
      </c>
      <c r="BC33" s="280">
        <v>10</v>
      </c>
      <c r="BD33" s="281">
        <v>58</v>
      </c>
      <c r="BE33" s="282">
        <v>62</v>
      </c>
      <c r="BF33" s="276">
        <v>0</v>
      </c>
      <c r="BG33" s="280">
        <v>0</v>
      </c>
      <c r="BH33" s="277">
        <v>0</v>
      </c>
      <c r="BI33" s="279">
        <v>0</v>
      </c>
      <c r="BJ33" s="280">
        <v>36</v>
      </c>
      <c r="BK33" s="280">
        <v>44</v>
      </c>
      <c r="BL33" s="280">
        <v>20</v>
      </c>
      <c r="BM33" s="280">
        <v>12</v>
      </c>
      <c r="BN33" s="280">
        <v>3</v>
      </c>
      <c r="BO33" s="277">
        <v>115</v>
      </c>
      <c r="BP33" s="282">
        <v>115</v>
      </c>
      <c r="BQ33" s="276">
        <v>0</v>
      </c>
      <c r="BR33" s="280">
        <v>1</v>
      </c>
      <c r="BS33" s="277">
        <v>1</v>
      </c>
      <c r="BT33" s="279">
        <v>0</v>
      </c>
      <c r="BU33" s="280">
        <v>3</v>
      </c>
      <c r="BV33" s="280">
        <v>9</v>
      </c>
      <c r="BW33" s="280">
        <v>5</v>
      </c>
      <c r="BX33" s="280">
        <v>3</v>
      </c>
      <c r="BY33" s="280">
        <v>2</v>
      </c>
      <c r="BZ33" s="277">
        <v>22</v>
      </c>
      <c r="CA33" s="282">
        <v>23</v>
      </c>
      <c r="CB33" s="276">
        <v>0</v>
      </c>
      <c r="CC33" s="280">
        <v>0</v>
      </c>
      <c r="CD33" s="277">
        <v>0</v>
      </c>
      <c r="CE33" s="279">
        <v>0</v>
      </c>
      <c r="CF33" s="280">
        <v>4</v>
      </c>
      <c r="CG33" s="280">
        <v>9</v>
      </c>
      <c r="CH33" s="280">
        <v>12</v>
      </c>
      <c r="CI33" s="280">
        <v>10</v>
      </c>
      <c r="CJ33" s="280">
        <v>1</v>
      </c>
      <c r="CK33" s="277">
        <v>36</v>
      </c>
      <c r="CL33" s="282">
        <v>36</v>
      </c>
      <c r="CM33" s="276">
        <v>0</v>
      </c>
      <c r="CN33" s="280">
        <v>0</v>
      </c>
      <c r="CO33" s="277">
        <v>0</v>
      </c>
      <c r="CP33" s="279">
        <v>0</v>
      </c>
      <c r="CQ33" s="280">
        <v>1</v>
      </c>
      <c r="CR33" s="280">
        <v>1</v>
      </c>
      <c r="CS33" s="280">
        <v>1</v>
      </c>
      <c r="CT33" s="280">
        <v>0</v>
      </c>
      <c r="CU33" s="280">
        <v>1</v>
      </c>
      <c r="CV33" s="277">
        <v>4</v>
      </c>
      <c r="CW33" s="282">
        <v>4</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0</v>
      </c>
      <c r="DU33" s="280">
        <v>49</v>
      </c>
      <c r="DV33" s="277">
        <v>69</v>
      </c>
      <c r="DW33" s="279">
        <v>0</v>
      </c>
      <c r="DX33" s="280">
        <v>62</v>
      </c>
      <c r="DY33" s="280">
        <v>74</v>
      </c>
      <c r="DZ33" s="280">
        <v>36</v>
      </c>
      <c r="EA33" s="280">
        <v>23</v>
      </c>
      <c r="EB33" s="280">
        <v>15</v>
      </c>
      <c r="EC33" s="277">
        <v>210</v>
      </c>
      <c r="ED33" s="282">
        <v>279</v>
      </c>
      <c r="EE33" s="276">
        <v>1</v>
      </c>
      <c r="EF33" s="280">
        <v>1</v>
      </c>
      <c r="EG33" s="277">
        <v>2</v>
      </c>
      <c r="EH33" s="279">
        <v>0</v>
      </c>
      <c r="EI33" s="280">
        <v>7</v>
      </c>
      <c r="EJ33" s="280">
        <v>6</v>
      </c>
      <c r="EK33" s="280">
        <v>4</v>
      </c>
      <c r="EL33" s="280">
        <v>2</v>
      </c>
      <c r="EM33" s="280">
        <v>3</v>
      </c>
      <c r="EN33" s="277">
        <v>22</v>
      </c>
      <c r="EO33" s="282">
        <v>24</v>
      </c>
      <c r="EP33" s="276">
        <v>23</v>
      </c>
      <c r="EQ33" s="280">
        <v>49</v>
      </c>
      <c r="ER33" s="277">
        <v>72</v>
      </c>
      <c r="ES33" s="279">
        <v>0</v>
      </c>
      <c r="ET33" s="280">
        <v>104</v>
      </c>
      <c r="EU33" s="280">
        <v>90</v>
      </c>
      <c r="EV33" s="280">
        <v>45</v>
      </c>
      <c r="EW33" s="280">
        <v>25</v>
      </c>
      <c r="EX33" s="280">
        <v>14</v>
      </c>
      <c r="EY33" s="277">
        <v>278</v>
      </c>
      <c r="EZ33" s="282">
        <v>350</v>
      </c>
    </row>
    <row r="34" spans="2:156" ht="21" customHeight="1" x14ac:dyDescent="0.2">
      <c r="B34" s="261" t="s">
        <v>32</v>
      </c>
      <c r="C34" s="276">
        <v>0</v>
      </c>
      <c r="D34" s="280">
        <v>0</v>
      </c>
      <c r="E34" s="384">
        <v>0</v>
      </c>
      <c r="F34" s="279">
        <v>0</v>
      </c>
      <c r="G34" s="280">
        <v>35</v>
      </c>
      <c r="H34" s="280">
        <v>17</v>
      </c>
      <c r="I34" s="280">
        <v>10</v>
      </c>
      <c r="J34" s="280">
        <v>12</v>
      </c>
      <c r="K34" s="280">
        <v>11</v>
      </c>
      <c r="L34" s="281">
        <v>85</v>
      </c>
      <c r="M34" s="282">
        <v>85</v>
      </c>
      <c r="N34" s="276">
        <v>0</v>
      </c>
      <c r="O34" s="280">
        <v>0</v>
      </c>
      <c r="P34" s="277">
        <v>0</v>
      </c>
      <c r="Q34" s="279">
        <v>0</v>
      </c>
      <c r="R34" s="280">
        <v>0</v>
      </c>
      <c r="S34" s="280">
        <v>1</v>
      </c>
      <c r="T34" s="280">
        <v>0</v>
      </c>
      <c r="U34" s="280">
        <v>2</v>
      </c>
      <c r="V34" s="280">
        <v>10</v>
      </c>
      <c r="W34" s="277">
        <v>13</v>
      </c>
      <c r="X34" s="282">
        <v>13</v>
      </c>
      <c r="Y34" s="276">
        <v>7</v>
      </c>
      <c r="Z34" s="280">
        <v>5</v>
      </c>
      <c r="AA34" s="277">
        <v>12</v>
      </c>
      <c r="AB34" s="279">
        <v>0</v>
      </c>
      <c r="AC34" s="280">
        <v>34</v>
      </c>
      <c r="AD34" s="280">
        <v>23</v>
      </c>
      <c r="AE34" s="280">
        <v>10</v>
      </c>
      <c r="AF34" s="280">
        <v>15</v>
      </c>
      <c r="AG34" s="280">
        <v>10</v>
      </c>
      <c r="AH34" s="277">
        <v>92</v>
      </c>
      <c r="AI34" s="282">
        <v>104</v>
      </c>
      <c r="AJ34" s="276">
        <v>1</v>
      </c>
      <c r="AK34" s="280">
        <v>0</v>
      </c>
      <c r="AL34" s="277">
        <v>1</v>
      </c>
      <c r="AM34" s="279">
        <v>0</v>
      </c>
      <c r="AN34" s="280">
        <v>7</v>
      </c>
      <c r="AO34" s="280">
        <v>1</v>
      </c>
      <c r="AP34" s="280">
        <v>1</v>
      </c>
      <c r="AQ34" s="280">
        <v>3</v>
      </c>
      <c r="AR34" s="280">
        <v>4</v>
      </c>
      <c r="AS34" s="277">
        <v>16</v>
      </c>
      <c r="AT34" s="282">
        <v>17</v>
      </c>
      <c r="AU34" s="276">
        <v>2</v>
      </c>
      <c r="AV34" s="280">
        <v>0</v>
      </c>
      <c r="AW34" s="277">
        <v>2</v>
      </c>
      <c r="AX34" s="279">
        <v>0</v>
      </c>
      <c r="AY34" s="280">
        <v>20</v>
      </c>
      <c r="AZ34" s="280">
        <v>19</v>
      </c>
      <c r="BA34" s="280">
        <v>20</v>
      </c>
      <c r="BB34" s="280">
        <v>30</v>
      </c>
      <c r="BC34" s="280">
        <v>21</v>
      </c>
      <c r="BD34" s="281">
        <v>110</v>
      </c>
      <c r="BE34" s="282">
        <v>112</v>
      </c>
      <c r="BF34" s="276">
        <v>0</v>
      </c>
      <c r="BG34" s="280">
        <v>0</v>
      </c>
      <c r="BH34" s="277">
        <v>0</v>
      </c>
      <c r="BI34" s="279">
        <v>0</v>
      </c>
      <c r="BJ34" s="280">
        <v>52</v>
      </c>
      <c r="BK34" s="280">
        <v>48</v>
      </c>
      <c r="BL34" s="280">
        <v>20</v>
      </c>
      <c r="BM34" s="280">
        <v>24</v>
      </c>
      <c r="BN34" s="280">
        <v>4</v>
      </c>
      <c r="BO34" s="277">
        <v>148</v>
      </c>
      <c r="BP34" s="282">
        <v>148</v>
      </c>
      <c r="BQ34" s="276">
        <v>1</v>
      </c>
      <c r="BR34" s="280">
        <v>0</v>
      </c>
      <c r="BS34" s="277">
        <v>1</v>
      </c>
      <c r="BT34" s="279">
        <v>0</v>
      </c>
      <c r="BU34" s="280">
        <v>7</v>
      </c>
      <c r="BV34" s="280">
        <v>9</v>
      </c>
      <c r="BW34" s="280">
        <v>6</v>
      </c>
      <c r="BX34" s="280">
        <v>6</v>
      </c>
      <c r="BY34" s="280">
        <v>1</v>
      </c>
      <c r="BZ34" s="277">
        <v>29</v>
      </c>
      <c r="CA34" s="282">
        <v>30</v>
      </c>
      <c r="CB34" s="276">
        <v>2</v>
      </c>
      <c r="CC34" s="280">
        <v>0</v>
      </c>
      <c r="CD34" s="277">
        <v>2</v>
      </c>
      <c r="CE34" s="279">
        <v>0</v>
      </c>
      <c r="CF34" s="280">
        <v>5</v>
      </c>
      <c r="CG34" s="280">
        <v>7</v>
      </c>
      <c r="CH34" s="280">
        <v>13</v>
      </c>
      <c r="CI34" s="280">
        <v>7</v>
      </c>
      <c r="CJ34" s="280">
        <v>2</v>
      </c>
      <c r="CK34" s="277">
        <v>34</v>
      </c>
      <c r="CL34" s="282">
        <v>36</v>
      </c>
      <c r="CM34" s="276">
        <v>0</v>
      </c>
      <c r="CN34" s="280">
        <v>0</v>
      </c>
      <c r="CO34" s="277">
        <v>0</v>
      </c>
      <c r="CP34" s="279">
        <v>0</v>
      </c>
      <c r="CQ34" s="280">
        <v>0</v>
      </c>
      <c r="CR34" s="280">
        <v>0</v>
      </c>
      <c r="CS34" s="280">
        <v>3</v>
      </c>
      <c r="CT34" s="280">
        <v>2</v>
      </c>
      <c r="CU34" s="280">
        <v>1</v>
      </c>
      <c r="CV34" s="277">
        <v>6</v>
      </c>
      <c r="CW34" s="282">
        <v>6</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25</v>
      </c>
      <c r="DU34" s="280">
        <v>38</v>
      </c>
      <c r="DV34" s="277">
        <v>63</v>
      </c>
      <c r="DW34" s="279">
        <v>0</v>
      </c>
      <c r="DX34" s="280">
        <v>77</v>
      </c>
      <c r="DY34" s="280">
        <v>82</v>
      </c>
      <c r="DZ34" s="280">
        <v>44</v>
      </c>
      <c r="EA34" s="280">
        <v>37</v>
      </c>
      <c r="EB34" s="280">
        <v>20</v>
      </c>
      <c r="EC34" s="277">
        <v>260</v>
      </c>
      <c r="ED34" s="282">
        <v>323</v>
      </c>
      <c r="EE34" s="276">
        <v>3</v>
      </c>
      <c r="EF34" s="280">
        <v>3</v>
      </c>
      <c r="EG34" s="277">
        <v>6</v>
      </c>
      <c r="EH34" s="279">
        <v>0</v>
      </c>
      <c r="EI34" s="280">
        <v>8</v>
      </c>
      <c r="EJ34" s="280">
        <v>4</v>
      </c>
      <c r="EK34" s="280">
        <v>4</v>
      </c>
      <c r="EL34" s="280">
        <v>9</v>
      </c>
      <c r="EM34" s="280">
        <v>5</v>
      </c>
      <c r="EN34" s="277">
        <v>30</v>
      </c>
      <c r="EO34" s="282">
        <v>36</v>
      </c>
      <c r="EP34" s="276">
        <v>30</v>
      </c>
      <c r="EQ34" s="280">
        <v>39</v>
      </c>
      <c r="ER34" s="277">
        <v>69</v>
      </c>
      <c r="ES34" s="279">
        <v>0</v>
      </c>
      <c r="ET34" s="280">
        <v>145</v>
      </c>
      <c r="EU34" s="280">
        <v>114</v>
      </c>
      <c r="EV34" s="280">
        <v>49</v>
      </c>
      <c r="EW34" s="280">
        <v>38</v>
      </c>
      <c r="EX34" s="280">
        <v>22</v>
      </c>
      <c r="EY34" s="277">
        <v>368</v>
      </c>
      <c r="EZ34" s="282">
        <v>437</v>
      </c>
    </row>
    <row r="35" spans="2:156" ht="21" customHeight="1" x14ac:dyDescent="0.2">
      <c r="B35" s="261" t="s">
        <v>33</v>
      </c>
      <c r="C35" s="276">
        <v>0</v>
      </c>
      <c r="D35" s="280">
        <v>0</v>
      </c>
      <c r="E35" s="384">
        <v>0</v>
      </c>
      <c r="F35" s="279">
        <v>0</v>
      </c>
      <c r="G35" s="280">
        <v>25</v>
      </c>
      <c r="H35" s="280">
        <v>16</v>
      </c>
      <c r="I35" s="280">
        <v>12</v>
      </c>
      <c r="J35" s="280">
        <v>8</v>
      </c>
      <c r="K35" s="280">
        <v>9</v>
      </c>
      <c r="L35" s="281">
        <v>70</v>
      </c>
      <c r="M35" s="282">
        <v>70</v>
      </c>
      <c r="N35" s="276">
        <v>0</v>
      </c>
      <c r="O35" s="280">
        <v>0</v>
      </c>
      <c r="P35" s="277">
        <v>0</v>
      </c>
      <c r="Q35" s="279">
        <v>0</v>
      </c>
      <c r="R35" s="280">
        <v>0</v>
      </c>
      <c r="S35" s="280">
        <v>0</v>
      </c>
      <c r="T35" s="280">
        <v>2</v>
      </c>
      <c r="U35" s="280">
        <v>3</v>
      </c>
      <c r="V35" s="280">
        <v>4</v>
      </c>
      <c r="W35" s="277">
        <v>9</v>
      </c>
      <c r="X35" s="282">
        <v>9</v>
      </c>
      <c r="Y35" s="276">
        <v>1</v>
      </c>
      <c r="Z35" s="280">
        <v>2</v>
      </c>
      <c r="AA35" s="277">
        <v>3</v>
      </c>
      <c r="AB35" s="279">
        <v>0</v>
      </c>
      <c r="AC35" s="280">
        <v>14</v>
      </c>
      <c r="AD35" s="280">
        <v>16</v>
      </c>
      <c r="AE35" s="280">
        <v>4</v>
      </c>
      <c r="AF35" s="280">
        <v>9</v>
      </c>
      <c r="AG35" s="280">
        <v>8</v>
      </c>
      <c r="AH35" s="277">
        <v>51</v>
      </c>
      <c r="AI35" s="282">
        <v>54</v>
      </c>
      <c r="AJ35" s="276">
        <v>14</v>
      </c>
      <c r="AK35" s="280">
        <v>25</v>
      </c>
      <c r="AL35" s="277">
        <v>39</v>
      </c>
      <c r="AM35" s="279">
        <v>0</v>
      </c>
      <c r="AN35" s="280">
        <v>30</v>
      </c>
      <c r="AO35" s="280">
        <v>17</v>
      </c>
      <c r="AP35" s="280">
        <v>6</v>
      </c>
      <c r="AQ35" s="280">
        <v>7</v>
      </c>
      <c r="AR35" s="280">
        <v>3</v>
      </c>
      <c r="AS35" s="277">
        <v>63</v>
      </c>
      <c r="AT35" s="282">
        <v>102</v>
      </c>
      <c r="AU35" s="276">
        <v>6</v>
      </c>
      <c r="AV35" s="280">
        <v>12</v>
      </c>
      <c r="AW35" s="277">
        <v>18</v>
      </c>
      <c r="AX35" s="279">
        <v>0</v>
      </c>
      <c r="AY35" s="280">
        <v>21</v>
      </c>
      <c r="AZ35" s="280">
        <v>32</v>
      </c>
      <c r="BA35" s="280">
        <v>28</v>
      </c>
      <c r="BB35" s="280">
        <v>18</v>
      </c>
      <c r="BC35" s="280">
        <v>13</v>
      </c>
      <c r="BD35" s="281">
        <v>112</v>
      </c>
      <c r="BE35" s="282">
        <v>130</v>
      </c>
      <c r="BF35" s="276">
        <v>0</v>
      </c>
      <c r="BG35" s="280">
        <v>0</v>
      </c>
      <c r="BH35" s="277">
        <v>0</v>
      </c>
      <c r="BI35" s="279">
        <v>0</v>
      </c>
      <c r="BJ35" s="280">
        <v>15</v>
      </c>
      <c r="BK35" s="280">
        <v>7</v>
      </c>
      <c r="BL35" s="280">
        <v>3</v>
      </c>
      <c r="BM35" s="280">
        <v>5</v>
      </c>
      <c r="BN35" s="280">
        <v>3</v>
      </c>
      <c r="BO35" s="277">
        <v>33</v>
      </c>
      <c r="BP35" s="282">
        <v>33</v>
      </c>
      <c r="BQ35" s="276">
        <v>7</v>
      </c>
      <c r="BR35" s="280">
        <v>9</v>
      </c>
      <c r="BS35" s="277">
        <v>16</v>
      </c>
      <c r="BT35" s="279">
        <v>0</v>
      </c>
      <c r="BU35" s="280">
        <v>29</v>
      </c>
      <c r="BV35" s="280">
        <v>17</v>
      </c>
      <c r="BW35" s="280">
        <v>8</v>
      </c>
      <c r="BX35" s="280">
        <v>3</v>
      </c>
      <c r="BY35" s="280">
        <v>1</v>
      </c>
      <c r="BZ35" s="277">
        <v>58</v>
      </c>
      <c r="CA35" s="282">
        <v>74</v>
      </c>
      <c r="CB35" s="276">
        <v>0</v>
      </c>
      <c r="CC35" s="280">
        <v>0</v>
      </c>
      <c r="CD35" s="277">
        <v>0</v>
      </c>
      <c r="CE35" s="279">
        <v>0</v>
      </c>
      <c r="CF35" s="280">
        <v>1</v>
      </c>
      <c r="CG35" s="280">
        <v>9</v>
      </c>
      <c r="CH35" s="280">
        <v>4</v>
      </c>
      <c r="CI35" s="280">
        <v>6</v>
      </c>
      <c r="CJ35" s="280">
        <v>0</v>
      </c>
      <c r="CK35" s="277">
        <v>20</v>
      </c>
      <c r="CL35" s="282">
        <v>20</v>
      </c>
      <c r="CM35" s="276">
        <v>0</v>
      </c>
      <c r="CN35" s="280">
        <v>0</v>
      </c>
      <c r="CO35" s="277">
        <v>0</v>
      </c>
      <c r="CP35" s="279">
        <v>0</v>
      </c>
      <c r="CQ35" s="280">
        <v>0</v>
      </c>
      <c r="CR35" s="280">
        <v>1</v>
      </c>
      <c r="CS35" s="280">
        <v>4</v>
      </c>
      <c r="CT35" s="280">
        <v>0</v>
      </c>
      <c r="CU35" s="280">
        <v>1</v>
      </c>
      <c r="CV35" s="277">
        <v>6</v>
      </c>
      <c r="CW35" s="282">
        <v>6</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21</v>
      </c>
      <c r="DU35" s="280">
        <v>33</v>
      </c>
      <c r="DV35" s="277">
        <v>54</v>
      </c>
      <c r="DW35" s="279">
        <v>0</v>
      </c>
      <c r="DX35" s="280">
        <v>65</v>
      </c>
      <c r="DY35" s="280">
        <v>48</v>
      </c>
      <c r="DZ35" s="280">
        <v>27</v>
      </c>
      <c r="EA35" s="280">
        <v>19</v>
      </c>
      <c r="EB35" s="280">
        <v>17</v>
      </c>
      <c r="EC35" s="277">
        <v>176</v>
      </c>
      <c r="ED35" s="282">
        <v>230</v>
      </c>
      <c r="EE35" s="276">
        <v>4</v>
      </c>
      <c r="EF35" s="280">
        <v>6</v>
      </c>
      <c r="EG35" s="277">
        <v>10</v>
      </c>
      <c r="EH35" s="279">
        <v>0</v>
      </c>
      <c r="EI35" s="280">
        <v>13</v>
      </c>
      <c r="EJ35" s="280">
        <v>15</v>
      </c>
      <c r="EK35" s="280">
        <v>8</v>
      </c>
      <c r="EL35" s="280">
        <v>12</v>
      </c>
      <c r="EM35" s="280">
        <v>2</v>
      </c>
      <c r="EN35" s="277">
        <v>50</v>
      </c>
      <c r="EO35" s="282">
        <v>60</v>
      </c>
      <c r="EP35" s="276">
        <v>36</v>
      </c>
      <c r="EQ35" s="280">
        <v>50</v>
      </c>
      <c r="ER35" s="277">
        <v>86</v>
      </c>
      <c r="ES35" s="279">
        <v>0</v>
      </c>
      <c r="ET35" s="280">
        <v>115</v>
      </c>
      <c r="EU35" s="280">
        <v>65</v>
      </c>
      <c r="EV35" s="280">
        <v>33</v>
      </c>
      <c r="EW35" s="280">
        <v>22</v>
      </c>
      <c r="EX35" s="280">
        <v>17</v>
      </c>
      <c r="EY35" s="277">
        <v>252</v>
      </c>
      <c r="EZ35" s="282">
        <v>338</v>
      </c>
    </row>
    <row r="36" spans="2:156" ht="21" customHeight="1" x14ac:dyDescent="0.2">
      <c r="B36" s="261" t="s">
        <v>34</v>
      </c>
      <c r="C36" s="276">
        <v>0</v>
      </c>
      <c r="D36" s="280">
        <v>0</v>
      </c>
      <c r="E36" s="384">
        <v>0</v>
      </c>
      <c r="F36" s="279">
        <v>0</v>
      </c>
      <c r="G36" s="280">
        <v>14</v>
      </c>
      <c r="H36" s="280">
        <v>8</v>
      </c>
      <c r="I36" s="280">
        <v>9</v>
      </c>
      <c r="J36" s="280">
        <v>4</v>
      </c>
      <c r="K36" s="280">
        <v>3</v>
      </c>
      <c r="L36" s="281">
        <v>38</v>
      </c>
      <c r="M36" s="282">
        <v>38</v>
      </c>
      <c r="N36" s="276">
        <v>0</v>
      </c>
      <c r="O36" s="280">
        <v>0</v>
      </c>
      <c r="P36" s="277">
        <v>0</v>
      </c>
      <c r="Q36" s="279">
        <v>0</v>
      </c>
      <c r="R36" s="280">
        <v>0</v>
      </c>
      <c r="S36" s="280">
        <v>2</v>
      </c>
      <c r="T36" s="280">
        <v>1</v>
      </c>
      <c r="U36" s="280">
        <v>2</v>
      </c>
      <c r="V36" s="280">
        <v>5</v>
      </c>
      <c r="W36" s="277">
        <v>10</v>
      </c>
      <c r="X36" s="282">
        <v>10</v>
      </c>
      <c r="Y36" s="276">
        <v>1</v>
      </c>
      <c r="Z36" s="280">
        <v>6</v>
      </c>
      <c r="AA36" s="277">
        <v>7</v>
      </c>
      <c r="AB36" s="279">
        <v>0</v>
      </c>
      <c r="AC36" s="280">
        <v>11</v>
      </c>
      <c r="AD36" s="280">
        <v>10</v>
      </c>
      <c r="AE36" s="280">
        <v>7</v>
      </c>
      <c r="AF36" s="280">
        <v>4</v>
      </c>
      <c r="AG36" s="280">
        <v>3</v>
      </c>
      <c r="AH36" s="277">
        <v>35</v>
      </c>
      <c r="AI36" s="282">
        <v>42</v>
      </c>
      <c r="AJ36" s="276">
        <v>0</v>
      </c>
      <c r="AK36" s="280">
        <v>0</v>
      </c>
      <c r="AL36" s="277">
        <v>0</v>
      </c>
      <c r="AM36" s="279">
        <v>0</v>
      </c>
      <c r="AN36" s="280">
        <v>8</v>
      </c>
      <c r="AO36" s="280">
        <v>7</v>
      </c>
      <c r="AP36" s="280">
        <v>4</v>
      </c>
      <c r="AQ36" s="280">
        <v>1</v>
      </c>
      <c r="AR36" s="280">
        <v>2</v>
      </c>
      <c r="AS36" s="277">
        <v>22</v>
      </c>
      <c r="AT36" s="282">
        <v>22</v>
      </c>
      <c r="AU36" s="276">
        <v>4</v>
      </c>
      <c r="AV36" s="280">
        <v>5</v>
      </c>
      <c r="AW36" s="277">
        <v>9</v>
      </c>
      <c r="AX36" s="279">
        <v>0</v>
      </c>
      <c r="AY36" s="280">
        <v>26</v>
      </c>
      <c r="AZ36" s="280">
        <v>29</v>
      </c>
      <c r="BA36" s="280">
        <v>18</v>
      </c>
      <c r="BB36" s="280">
        <v>18</v>
      </c>
      <c r="BC36" s="280">
        <v>14</v>
      </c>
      <c r="BD36" s="281">
        <v>105</v>
      </c>
      <c r="BE36" s="282">
        <v>114</v>
      </c>
      <c r="BF36" s="276">
        <v>0</v>
      </c>
      <c r="BG36" s="280">
        <v>0</v>
      </c>
      <c r="BH36" s="277">
        <v>0</v>
      </c>
      <c r="BI36" s="279">
        <v>0</v>
      </c>
      <c r="BJ36" s="280">
        <v>32</v>
      </c>
      <c r="BK36" s="280">
        <v>15</v>
      </c>
      <c r="BL36" s="280">
        <v>13</v>
      </c>
      <c r="BM36" s="280">
        <v>10</v>
      </c>
      <c r="BN36" s="280">
        <v>1</v>
      </c>
      <c r="BO36" s="277">
        <v>71</v>
      </c>
      <c r="BP36" s="282">
        <v>71</v>
      </c>
      <c r="BQ36" s="276">
        <v>2</v>
      </c>
      <c r="BR36" s="280">
        <v>4</v>
      </c>
      <c r="BS36" s="277">
        <v>6</v>
      </c>
      <c r="BT36" s="279">
        <v>0</v>
      </c>
      <c r="BU36" s="280">
        <v>9</v>
      </c>
      <c r="BV36" s="280">
        <v>4</v>
      </c>
      <c r="BW36" s="280">
        <v>2</v>
      </c>
      <c r="BX36" s="280">
        <v>4</v>
      </c>
      <c r="BY36" s="280">
        <v>0</v>
      </c>
      <c r="BZ36" s="277">
        <v>19</v>
      </c>
      <c r="CA36" s="282">
        <v>25</v>
      </c>
      <c r="CB36" s="276">
        <v>0</v>
      </c>
      <c r="CC36" s="280">
        <v>0</v>
      </c>
      <c r="CD36" s="277">
        <v>0</v>
      </c>
      <c r="CE36" s="279">
        <v>0</v>
      </c>
      <c r="CF36" s="280">
        <v>2</v>
      </c>
      <c r="CG36" s="280">
        <v>0</v>
      </c>
      <c r="CH36" s="280">
        <v>2</v>
      </c>
      <c r="CI36" s="280">
        <v>4</v>
      </c>
      <c r="CJ36" s="280">
        <v>0</v>
      </c>
      <c r="CK36" s="277">
        <v>8</v>
      </c>
      <c r="CL36" s="282">
        <v>8</v>
      </c>
      <c r="CM36" s="276">
        <v>0</v>
      </c>
      <c r="CN36" s="280">
        <v>0</v>
      </c>
      <c r="CO36" s="277">
        <v>0</v>
      </c>
      <c r="CP36" s="279">
        <v>0</v>
      </c>
      <c r="CQ36" s="280">
        <v>0</v>
      </c>
      <c r="CR36" s="280">
        <v>0</v>
      </c>
      <c r="CS36" s="280">
        <v>0</v>
      </c>
      <c r="CT36" s="280">
        <v>1</v>
      </c>
      <c r="CU36" s="280">
        <v>0</v>
      </c>
      <c r="CV36" s="277">
        <v>1</v>
      </c>
      <c r="CW36" s="282">
        <v>1</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12</v>
      </c>
      <c r="DU36" s="280">
        <v>17</v>
      </c>
      <c r="DV36" s="277">
        <v>29</v>
      </c>
      <c r="DW36" s="279">
        <v>0</v>
      </c>
      <c r="DX36" s="280">
        <v>50</v>
      </c>
      <c r="DY36" s="280">
        <v>48</v>
      </c>
      <c r="DZ36" s="280">
        <v>30</v>
      </c>
      <c r="EA36" s="280">
        <v>29</v>
      </c>
      <c r="EB36" s="280">
        <v>9</v>
      </c>
      <c r="EC36" s="277">
        <v>166</v>
      </c>
      <c r="ED36" s="282">
        <v>195</v>
      </c>
      <c r="EE36" s="276">
        <v>3</v>
      </c>
      <c r="EF36" s="280">
        <v>1</v>
      </c>
      <c r="EG36" s="277">
        <v>4</v>
      </c>
      <c r="EH36" s="279">
        <v>0</v>
      </c>
      <c r="EI36" s="280">
        <v>10</v>
      </c>
      <c r="EJ36" s="280">
        <v>8</v>
      </c>
      <c r="EK36" s="280">
        <v>2</v>
      </c>
      <c r="EL36" s="280">
        <v>7</v>
      </c>
      <c r="EM36" s="280">
        <v>3</v>
      </c>
      <c r="EN36" s="277">
        <v>30</v>
      </c>
      <c r="EO36" s="282">
        <v>34</v>
      </c>
      <c r="EP36" s="276">
        <v>14</v>
      </c>
      <c r="EQ36" s="280">
        <v>23</v>
      </c>
      <c r="ER36" s="277">
        <v>37</v>
      </c>
      <c r="ES36" s="279">
        <v>0</v>
      </c>
      <c r="ET36" s="280">
        <v>81</v>
      </c>
      <c r="EU36" s="280">
        <v>45</v>
      </c>
      <c r="EV36" s="280">
        <v>30</v>
      </c>
      <c r="EW36" s="280">
        <v>22</v>
      </c>
      <c r="EX36" s="280">
        <v>8</v>
      </c>
      <c r="EY36" s="277">
        <v>186</v>
      </c>
      <c r="EZ36" s="282">
        <v>223</v>
      </c>
    </row>
    <row r="37" spans="2:156" ht="21" customHeight="1" x14ac:dyDescent="0.2">
      <c r="B37" s="261" t="s">
        <v>35</v>
      </c>
      <c r="C37" s="276">
        <v>0</v>
      </c>
      <c r="D37" s="280">
        <v>0</v>
      </c>
      <c r="E37" s="384">
        <v>0</v>
      </c>
      <c r="F37" s="279">
        <v>0</v>
      </c>
      <c r="G37" s="280">
        <v>105</v>
      </c>
      <c r="H37" s="280">
        <v>55</v>
      </c>
      <c r="I37" s="280">
        <v>34</v>
      </c>
      <c r="J37" s="280">
        <v>28</v>
      </c>
      <c r="K37" s="280">
        <v>16</v>
      </c>
      <c r="L37" s="281">
        <v>238</v>
      </c>
      <c r="M37" s="282">
        <v>238</v>
      </c>
      <c r="N37" s="276">
        <v>0</v>
      </c>
      <c r="O37" s="280">
        <v>0</v>
      </c>
      <c r="P37" s="277">
        <v>0</v>
      </c>
      <c r="Q37" s="279">
        <v>0</v>
      </c>
      <c r="R37" s="280">
        <v>0</v>
      </c>
      <c r="S37" s="280">
        <v>4</v>
      </c>
      <c r="T37" s="280">
        <v>3</v>
      </c>
      <c r="U37" s="280">
        <v>9</v>
      </c>
      <c r="V37" s="280">
        <v>10</v>
      </c>
      <c r="W37" s="277">
        <v>26</v>
      </c>
      <c r="X37" s="282">
        <v>26</v>
      </c>
      <c r="Y37" s="276">
        <v>0</v>
      </c>
      <c r="Z37" s="280">
        <v>4</v>
      </c>
      <c r="AA37" s="277">
        <v>4</v>
      </c>
      <c r="AB37" s="279">
        <v>0</v>
      </c>
      <c r="AC37" s="280">
        <v>42</v>
      </c>
      <c r="AD37" s="280">
        <v>34</v>
      </c>
      <c r="AE37" s="280">
        <v>20</v>
      </c>
      <c r="AF37" s="280">
        <v>22</v>
      </c>
      <c r="AG37" s="280">
        <v>10</v>
      </c>
      <c r="AH37" s="277">
        <v>128</v>
      </c>
      <c r="AI37" s="282">
        <v>132</v>
      </c>
      <c r="AJ37" s="276">
        <v>2</v>
      </c>
      <c r="AK37" s="280">
        <v>3</v>
      </c>
      <c r="AL37" s="277">
        <v>5</v>
      </c>
      <c r="AM37" s="279">
        <v>0</v>
      </c>
      <c r="AN37" s="280">
        <v>21</v>
      </c>
      <c r="AO37" s="280">
        <v>11</v>
      </c>
      <c r="AP37" s="280">
        <v>7</v>
      </c>
      <c r="AQ37" s="280">
        <v>6</v>
      </c>
      <c r="AR37" s="280">
        <v>3</v>
      </c>
      <c r="AS37" s="277">
        <v>48</v>
      </c>
      <c r="AT37" s="282">
        <v>53</v>
      </c>
      <c r="AU37" s="276">
        <v>23</v>
      </c>
      <c r="AV37" s="280">
        <v>20</v>
      </c>
      <c r="AW37" s="277">
        <v>43</v>
      </c>
      <c r="AX37" s="279">
        <v>0</v>
      </c>
      <c r="AY37" s="280">
        <v>87</v>
      </c>
      <c r="AZ37" s="280">
        <v>81</v>
      </c>
      <c r="BA37" s="280">
        <v>73</v>
      </c>
      <c r="BB37" s="280">
        <v>87</v>
      </c>
      <c r="BC37" s="280">
        <v>34</v>
      </c>
      <c r="BD37" s="281">
        <v>362</v>
      </c>
      <c r="BE37" s="282">
        <v>405</v>
      </c>
      <c r="BF37" s="276">
        <v>0</v>
      </c>
      <c r="BG37" s="280">
        <v>0</v>
      </c>
      <c r="BH37" s="277">
        <v>0</v>
      </c>
      <c r="BI37" s="279">
        <v>0</v>
      </c>
      <c r="BJ37" s="280">
        <v>148</v>
      </c>
      <c r="BK37" s="280">
        <v>85</v>
      </c>
      <c r="BL37" s="280">
        <v>44</v>
      </c>
      <c r="BM37" s="280">
        <v>23</v>
      </c>
      <c r="BN37" s="280">
        <v>14</v>
      </c>
      <c r="BO37" s="277">
        <v>314</v>
      </c>
      <c r="BP37" s="282">
        <v>314</v>
      </c>
      <c r="BQ37" s="276">
        <v>9</v>
      </c>
      <c r="BR37" s="280">
        <v>18</v>
      </c>
      <c r="BS37" s="277">
        <v>27</v>
      </c>
      <c r="BT37" s="279">
        <v>0</v>
      </c>
      <c r="BU37" s="280">
        <v>55</v>
      </c>
      <c r="BV37" s="280">
        <v>28</v>
      </c>
      <c r="BW37" s="280">
        <v>13</v>
      </c>
      <c r="BX37" s="280">
        <v>8</v>
      </c>
      <c r="BY37" s="280">
        <v>1</v>
      </c>
      <c r="BZ37" s="277">
        <v>105</v>
      </c>
      <c r="CA37" s="282">
        <v>132</v>
      </c>
      <c r="CB37" s="276">
        <v>0</v>
      </c>
      <c r="CC37" s="280">
        <v>1</v>
      </c>
      <c r="CD37" s="277">
        <v>1</v>
      </c>
      <c r="CE37" s="279">
        <v>0</v>
      </c>
      <c r="CF37" s="280">
        <v>4</v>
      </c>
      <c r="CG37" s="280">
        <v>11</v>
      </c>
      <c r="CH37" s="280">
        <v>7</v>
      </c>
      <c r="CI37" s="280">
        <v>13</v>
      </c>
      <c r="CJ37" s="280">
        <v>2</v>
      </c>
      <c r="CK37" s="277">
        <v>37</v>
      </c>
      <c r="CL37" s="282">
        <v>38</v>
      </c>
      <c r="CM37" s="276">
        <v>0</v>
      </c>
      <c r="CN37" s="280">
        <v>2</v>
      </c>
      <c r="CO37" s="277">
        <v>2</v>
      </c>
      <c r="CP37" s="279">
        <v>0</v>
      </c>
      <c r="CQ37" s="280">
        <v>3</v>
      </c>
      <c r="CR37" s="280">
        <v>2</v>
      </c>
      <c r="CS37" s="280">
        <v>1</v>
      </c>
      <c r="CT37" s="280">
        <v>2</v>
      </c>
      <c r="CU37" s="280">
        <v>0</v>
      </c>
      <c r="CV37" s="277">
        <v>8</v>
      </c>
      <c r="CW37" s="282">
        <v>1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37</v>
      </c>
      <c r="DU37" s="280">
        <v>70</v>
      </c>
      <c r="DV37" s="277">
        <v>107</v>
      </c>
      <c r="DW37" s="279">
        <v>0</v>
      </c>
      <c r="DX37" s="280">
        <v>173</v>
      </c>
      <c r="DY37" s="280">
        <v>155</v>
      </c>
      <c r="DZ37" s="280">
        <v>79</v>
      </c>
      <c r="EA37" s="280">
        <v>59</v>
      </c>
      <c r="EB37" s="280">
        <v>31</v>
      </c>
      <c r="EC37" s="277">
        <v>497</v>
      </c>
      <c r="ED37" s="282">
        <v>604</v>
      </c>
      <c r="EE37" s="276">
        <v>22</v>
      </c>
      <c r="EF37" s="280">
        <v>13</v>
      </c>
      <c r="EG37" s="277">
        <v>35</v>
      </c>
      <c r="EH37" s="279">
        <v>0</v>
      </c>
      <c r="EI37" s="280">
        <v>40</v>
      </c>
      <c r="EJ37" s="280">
        <v>25</v>
      </c>
      <c r="EK37" s="280">
        <v>25</v>
      </c>
      <c r="EL37" s="280">
        <v>32</v>
      </c>
      <c r="EM37" s="280">
        <v>8</v>
      </c>
      <c r="EN37" s="277">
        <v>130</v>
      </c>
      <c r="EO37" s="282">
        <v>165</v>
      </c>
      <c r="EP37" s="276">
        <v>44</v>
      </c>
      <c r="EQ37" s="280">
        <v>84</v>
      </c>
      <c r="ER37" s="277">
        <v>128</v>
      </c>
      <c r="ES37" s="279">
        <v>0</v>
      </c>
      <c r="ET37" s="280">
        <v>311</v>
      </c>
      <c r="EU37" s="280">
        <v>203</v>
      </c>
      <c r="EV37" s="280">
        <v>87</v>
      </c>
      <c r="EW37" s="280">
        <v>71</v>
      </c>
      <c r="EX37" s="280">
        <v>28</v>
      </c>
      <c r="EY37" s="277">
        <v>700</v>
      </c>
      <c r="EZ37" s="282">
        <v>828</v>
      </c>
    </row>
    <row r="38" spans="2:156" ht="21" customHeight="1" x14ac:dyDescent="0.2">
      <c r="B38" s="261" t="s">
        <v>36</v>
      </c>
      <c r="C38" s="276">
        <v>0</v>
      </c>
      <c r="D38" s="280">
        <v>0</v>
      </c>
      <c r="E38" s="384">
        <v>0</v>
      </c>
      <c r="F38" s="279">
        <v>0</v>
      </c>
      <c r="G38" s="280">
        <v>68</v>
      </c>
      <c r="H38" s="280">
        <v>68</v>
      </c>
      <c r="I38" s="280">
        <v>29</v>
      </c>
      <c r="J38" s="280">
        <v>31</v>
      </c>
      <c r="K38" s="280">
        <v>33</v>
      </c>
      <c r="L38" s="281">
        <v>229</v>
      </c>
      <c r="M38" s="282">
        <v>229</v>
      </c>
      <c r="N38" s="276">
        <v>0</v>
      </c>
      <c r="O38" s="280">
        <v>0</v>
      </c>
      <c r="P38" s="277">
        <v>0</v>
      </c>
      <c r="Q38" s="279">
        <v>0</v>
      </c>
      <c r="R38" s="280">
        <v>4</v>
      </c>
      <c r="S38" s="280">
        <v>5</v>
      </c>
      <c r="T38" s="280">
        <v>2</v>
      </c>
      <c r="U38" s="280">
        <v>8</v>
      </c>
      <c r="V38" s="280">
        <v>15</v>
      </c>
      <c r="W38" s="277">
        <v>34</v>
      </c>
      <c r="X38" s="282">
        <v>34</v>
      </c>
      <c r="Y38" s="276">
        <v>11</v>
      </c>
      <c r="Z38" s="280">
        <v>24</v>
      </c>
      <c r="AA38" s="277">
        <v>35</v>
      </c>
      <c r="AB38" s="279">
        <v>0</v>
      </c>
      <c r="AC38" s="280">
        <v>55</v>
      </c>
      <c r="AD38" s="280">
        <v>52</v>
      </c>
      <c r="AE38" s="280">
        <v>29</v>
      </c>
      <c r="AF38" s="280">
        <v>32</v>
      </c>
      <c r="AG38" s="280">
        <v>33</v>
      </c>
      <c r="AH38" s="277">
        <v>201</v>
      </c>
      <c r="AI38" s="282">
        <v>236</v>
      </c>
      <c r="AJ38" s="276">
        <v>6</v>
      </c>
      <c r="AK38" s="280">
        <v>6</v>
      </c>
      <c r="AL38" s="277">
        <v>12</v>
      </c>
      <c r="AM38" s="279">
        <v>0</v>
      </c>
      <c r="AN38" s="280">
        <v>16</v>
      </c>
      <c r="AO38" s="280">
        <v>13</v>
      </c>
      <c r="AP38" s="280">
        <v>13</v>
      </c>
      <c r="AQ38" s="280">
        <v>5</v>
      </c>
      <c r="AR38" s="280">
        <v>6</v>
      </c>
      <c r="AS38" s="277">
        <v>53</v>
      </c>
      <c r="AT38" s="282">
        <v>65</v>
      </c>
      <c r="AU38" s="276">
        <v>5</v>
      </c>
      <c r="AV38" s="280">
        <v>5</v>
      </c>
      <c r="AW38" s="277">
        <v>10</v>
      </c>
      <c r="AX38" s="279">
        <v>0</v>
      </c>
      <c r="AY38" s="280">
        <v>31</v>
      </c>
      <c r="AZ38" s="280">
        <v>67</v>
      </c>
      <c r="BA38" s="280">
        <v>70</v>
      </c>
      <c r="BB38" s="280">
        <v>44</v>
      </c>
      <c r="BC38" s="280">
        <v>42</v>
      </c>
      <c r="BD38" s="281">
        <v>254</v>
      </c>
      <c r="BE38" s="282">
        <v>264</v>
      </c>
      <c r="BF38" s="276">
        <v>0</v>
      </c>
      <c r="BG38" s="280">
        <v>0</v>
      </c>
      <c r="BH38" s="277">
        <v>0</v>
      </c>
      <c r="BI38" s="279">
        <v>0</v>
      </c>
      <c r="BJ38" s="280">
        <v>80</v>
      </c>
      <c r="BK38" s="280">
        <v>90</v>
      </c>
      <c r="BL38" s="280">
        <v>48</v>
      </c>
      <c r="BM38" s="280">
        <v>28</v>
      </c>
      <c r="BN38" s="280">
        <v>17</v>
      </c>
      <c r="BO38" s="277">
        <v>263</v>
      </c>
      <c r="BP38" s="282">
        <v>263</v>
      </c>
      <c r="BQ38" s="276">
        <v>4</v>
      </c>
      <c r="BR38" s="280">
        <v>11</v>
      </c>
      <c r="BS38" s="277">
        <v>15</v>
      </c>
      <c r="BT38" s="279">
        <v>0</v>
      </c>
      <c r="BU38" s="280">
        <v>25</v>
      </c>
      <c r="BV38" s="280">
        <v>24</v>
      </c>
      <c r="BW38" s="280">
        <v>12</v>
      </c>
      <c r="BX38" s="280">
        <v>4</v>
      </c>
      <c r="BY38" s="280">
        <v>2</v>
      </c>
      <c r="BZ38" s="277">
        <v>67</v>
      </c>
      <c r="CA38" s="282">
        <v>82</v>
      </c>
      <c r="CB38" s="276">
        <v>0</v>
      </c>
      <c r="CC38" s="280">
        <v>2</v>
      </c>
      <c r="CD38" s="277">
        <v>2</v>
      </c>
      <c r="CE38" s="279">
        <v>0</v>
      </c>
      <c r="CF38" s="280">
        <v>11</v>
      </c>
      <c r="CG38" s="280">
        <v>18</v>
      </c>
      <c r="CH38" s="280">
        <v>27</v>
      </c>
      <c r="CI38" s="280">
        <v>13</v>
      </c>
      <c r="CJ38" s="280">
        <v>9</v>
      </c>
      <c r="CK38" s="277">
        <v>78</v>
      </c>
      <c r="CL38" s="282">
        <v>80</v>
      </c>
      <c r="CM38" s="276">
        <v>0</v>
      </c>
      <c r="CN38" s="280">
        <v>0</v>
      </c>
      <c r="CO38" s="277">
        <v>0</v>
      </c>
      <c r="CP38" s="279">
        <v>0</v>
      </c>
      <c r="CQ38" s="280">
        <v>1</v>
      </c>
      <c r="CR38" s="280">
        <v>0</v>
      </c>
      <c r="CS38" s="280">
        <v>1</v>
      </c>
      <c r="CT38" s="280">
        <v>2</v>
      </c>
      <c r="CU38" s="280">
        <v>1</v>
      </c>
      <c r="CV38" s="277">
        <v>5</v>
      </c>
      <c r="CW38" s="282">
        <v>5</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34</v>
      </c>
      <c r="DU38" s="280">
        <v>93</v>
      </c>
      <c r="DV38" s="277">
        <v>127</v>
      </c>
      <c r="DW38" s="279">
        <v>0</v>
      </c>
      <c r="DX38" s="280">
        <v>159</v>
      </c>
      <c r="DY38" s="280">
        <v>176</v>
      </c>
      <c r="DZ38" s="280">
        <v>101</v>
      </c>
      <c r="EA38" s="280">
        <v>77</v>
      </c>
      <c r="EB38" s="280">
        <v>48</v>
      </c>
      <c r="EC38" s="277">
        <v>561</v>
      </c>
      <c r="ED38" s="282">
        <v>688</v>
      </c>
      <c r="EE38" s="276">
        <v>1</v>
      </c>
      <c r="EF38" s="280">
        <v>1</v>
      </c>
      <c r="EG38" s="277">
        <v>2</v>
      </c>
      <c r="EH38" s="279">
        <v>0</v>
      </c>
      <c r="EI38" s="280">
        <v>8</v>
      </c>
      <c r="EJ38" s="280">
        <v>16</v>
      </c>
      <c r="EK38" s="280">
        <v>16</v>
      </c>
      <c r="EL38" s="280">
        <v>6</v>
      </c>
      <c r="EM38" s="280">
        <v>5</v>
      </c>
      <c r="EN38" s="277">
        <v>51</v>
      </c>
      <c r="EO38" s="282">
        <v>53</v>
      </c>
      <c r="EP38" s="276">
        <v>49</v>
      </c>
      <c r="EQ38" s="280">
        <v>116</v>
      </c>
      <c r="ER38" s="277">
        <v>165</v>
      </c>
      <c r="ES38" s="279">
        <v>0</v>
      </c>
      <c r="ET38" s="280">
        <v>262</v>
      </c>
      <c r="EU38" s="280">
        <v>248</v>
      </c>
      <c r="EV38" s="280">
        <v>131</v>
      </c>
      <c r="EW38" s="280">
        <v>86</v>
      </c>
      <c r="EX38" s="280">
        <v>57</v>
      </c>
      <c r="EY38" s="277">
        <v>784</v>
      </c>
      <c r="EZ38" s="282">
        <v>949</v>
      </c>
    </row>
    <row r="39" spans="2:156" ht="21" customHeight="1" thickBot="1" x14ac:dyDescent="0.25">
      <c r="B39" s="262" t="s">
        <v>37</v>
      </c>
      <c r="C39" s="283">
        <v>0</v>
      </c>
      <c r="D39" s="287">
        <v>0</v>
      </c>
      <c r="E39" s="385">
        <v>0</v>
      </c>
      <c r="F39" s="286">
        <v>0</v>
      </c>
      <c r="G39" s="287">
        <v>4</v>
      </c>
      <c r="H39" s="287">
        <v>6</v>
      </c>
      <c r="I39" s="287">
        <v>4</v>
      </c>
      <c r="J39" s="287">
        <v>2</v>
      </c>
      <c r="K39" s="287">
        <v>3</v>
      </c>
      <c r="L39" s="288">
        <v>19</v>
      </c>
      <c r="M39" s="289">
        <v>19</v>
      </c>
      <c r="N39" s="283">
        <v>0</v>
      </c>
      <c r="O39" s="287">
        <v>0</v>
      </c>
      <c r="P39" s="284">
        <v>0</v>
      </c>
      <c r="Q39" s="286">
        <v>0</v>
      </c>
      <c r="R39" s="287">
        <v>0</v>
      </c>
      <c r="S39" s="287">
        <v>0</v>
      </c>
      <c r="T39" s="287">
        <v>1</v>
      </c>
      <c r="U39" s="287">
        <v>1</v>
      </c>
      <c r="V39" s="287">
        <v>0</v>
      </c>
      <c r="W39" s="284">
        <v>2</v>
      </c>
      <c r="X39" s="289">
        <v>2</v>
      </c>
      <c r="Y39" s="283">
        <v>1</v>
      </c>
      <c r="Z39" s="287">
        <v>2</v>
      </c>
      <c r="AA39" s="284">
        <v>3</v>
      </c>
      <c r="AB39" s="286">
        <v>0</v>
      </c>
      <c r="AC39" s="287">
        <v>3</v>
      </c>
      <c r="AD39" s="287">
        <v>3</v>
      </c>
      <c r="AE39" s="287">
        <v>2</v>
      </c>
      <c r="AF39" s="287">
        <v>5</v>
      </c>
      <c r="AG39" s="287">
        <v>1</v>
      </c>
      <c r="AH39" s="284">
        <v>14</v>
      </c>
      <c r="AI39" s="289">
        <v>17</v>
      </c>
      <c r="AJ39" s="283">
        <v>0</v>
      </c>
      <c r="AK39" s="287">
        <v>0</v>
      </c>
      <c r="AL39" s="284">
        <v>0</v>
      </c>
      <c r="AM39" s="286">
        <v>0</v>
      </c>
      <c r="AN39" s="287">
        <v>0</v>
      </c>
      <c r="AO39" s="287">
        <v>3</v>
      </c>
      <c r="AP39" s="287">
        <v>2</v>
      </c>
      <c r="AQ39" s="287">
        <v>2</v>
      </c>
      <c r="AR39" s="287">
        <v>0</v>
      </c>
      <c r="AS39" s="284">
        <v>7</v>
      </c>
      <c r="AT39" s="289">
        <v>7</v>
      </c>
      <c r="AU39" s="283">
        <v>1</v>
      </c>
      <c r="AV39" s="287">
        <v>0</v>
      </c>
      <c r="AW39" s="284">
        <v>1</v>
      </c>
      <c r="AX39" s="286">
        <v>0</v>
      </c>
      <c r="AY39" s="287">
        <v>2</v>
      </c>
      <c r="AZ39" s="287">
        <v>3</v>
      </c>
      <c r="BA39" s="287">
        <v>4</v>
      </c>
      <c r="BB39" s="287">
        <v>3</v>
      </c>
      <c r="BC39" s="287">
        <v>3</v>
      </c>
      <c r="BD39" s="288">
        <v>15</v>
      </c>
      <c r="BE39" s="289">
        <v>16</v>
      </c>
      <c r="BF39" s="283">
        <v>0</v>
      </c>
      <c r="BG39" s="287">
        <v>0</v>
      </c>
      <c r="BH39" s="284">
        <v>0</v>
      </c>
      <c r="BI39" s="286">
        <v>0</v>
      </c>
      <c r="BJ39" s="287">
        <v>6</v>
      </c>
      <c r="BK39" s="287">
        <v>3</v>
      </c>
      <c r="BL39" s="287">
        <v>5</v>
      </c>
      <c r="BM39" s="287">
        <v>1</v>
      </c>
      <c r="BN39" s="287">
        <v>1</v>
      </c>
      <c r="BO39" s="284">
        <v>16</v>
      </c>
      <c r="BP39" s="289">
        <v>16</v>
      </c>
      <c r="BQ39" s="283">
        <v>1</v>
      </c>
      <c r="BR39" s="287">
        <v>1</v>
      </c>
      <c r="BS39" s="284">
        <v>2</v>
      </c>
      <c r="BT39" s="286">
        <v>0</v>
      </c>
      <c r="BU39" s="287">
        <v>7</v>
      </c>
      <c r="BV39" s="287">
        <v>1</v>
      </c>
      <c r="BW39" s="287">
        <v>4</v>
      </c>
      <c r="BX39" s="287">
        <v>2</v>
      </c>
      <c r="BY39" s="287">
        <v>0</v>
      </c>
      <c r="BZ39" s="284">
        <v>14</v>
      </c>
      <c r="CA39" s="289">
        <v>16</v>
      </c>
      <c r="CB39" s="283">
        <v>0</v>
      </c>
      <c r="CC39" s="287">
        <v>0</v>
      </c>
      <c r="CD39" s="284">
        <v>0</v>
      </c>
      <c r="CE39" s="286">
        <v>0</v>
      </c>
      <c r="CF39" s="287">
        <v>2</v>
      </c>
      <c r="CG39" s="287">
        <v>1</v>
      </c>
      <c r="CH39" s="287">
        <v>7</v>
      </c>
      <c r="CI39" s="287">
        <v>2</v>
      </c>
      <c r="CJ39" s="287">
        <v>2</v>
      </c>
      <c r="CK39" s="284">
        <v>14</v>
      </c>
      <c r="CL39" s="289">
        <v>14</v>
      </c>
      <c r="CM39" s="283">
        <v>0</v>
      </c>
      <c r="CN39" s="287">
        <v>0</v>
      </c>
      <c r="CO39" s="284">
        <v>0</v>
      </c>
      <c r="CP39" s="286">
        <v>0</v>
      </c>
      <c r="CQ39" s="287">
        <v>0</v>
      </c>
      <c r="CR39" s="287">
        <v>0</v>
      </c>
      <c r="CS39" s="287">
        <v>1</v>
      </c>
      <c r="CT39" s="287">
        <v>1</v>
      </c>
      <c r="CU39" s="287">
        <v>0</v>
      </c>
      <c r="CV39" s="284">
        <v>2</v>
      </c>
      <c r="CW39" s="289">
        <v>2</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9</v>
      </c>
      <c r="DU39" s="287">
        <v>5</v>
      </c>
      <c r="DV39" s="284">
        <v>14</v>
      </c>
      <c r="DW39" s="286">
        <v>0</v>
      </c>
      <c r="DX39" s="287">
        <v>22</v>
      </c>
      <c r="DY39" s="287">
        <v>15</v>
      </c>
      <c r="DZ39" s="287">
        <v>17</v>
      </c>
      <c r="EA39" s="287">
        <v>7</v>
      </c>
      <c r="EB39" s="287">
        <v>4</v>
      </c>
      <c r="EC39" s="284">
        <v>65</v>
      </c>
      <c r="ED39" s="289">
        <v>79</v>
      </c>
      <c r="EE39" s="283">
        <v>0</v>
      </c>
      <c r="EF39" s="287">
        <v>0</v>
      </c>
      <c r="EG39" s="284">
        <v>0</v>
      </c>
      <c r="EH39" s="286">
        <v>0</v>
      </c>
      <c r="EI39" s="287">
        <v>0</v>
      </c>
      <c r="EJ39" s="287">
        <v>0</v>
      </c>
      <c r="EK39" s="287">
        <v>0</v>
      </c>
      <c r="EL39" s="287">
        <v>1</v>
      </c>
      <c r="EM39" s="287">
        <v>1</v>
      </c>
      <c r="EN39" s="284">
        <v>2</v>
      </c>
      <c r="EO39" s="289">
        <v>2</v>
      </c>
      <c r="EP39" s="283">
        <v>11</v>
      </c>
      <c r="EQ39" s="287">
        <v>7</v>
      </c>
      <c r="ER39" s="284">
        <v>18</v>
      </c>
      <c r="ES39" s="286">
        <v>0</v>
      </c>
      <c r="ET39" s="287">
        <v>30</v>
      </c>
      <c r="EU39" s="287">
        <v>18</v>
      </c>
      <c r="EV39" s="287">
        <v>20</v>
      </c>
      <c r="EW39" s="287">
        <v>7</v>
      </c>
      <c r="EX39" s="287">
        <v>4</v>
      </c>
      <c r="EY39" s="284">
        <v>79</v>
      </c>
      <c r="EZ39" s="289">
        <v>97</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4</v>
      </c>
      <c r="J1" s="524"/>
      <c r="K1" s="248">
        <f>第１表!G2</f>
        <v>11</v>
      </c>
      <c r="L1" s="529">
        <f>IF(K1&lt;3,K1+12-2,K1-2)</f>
        <v>9</v>
      </c>
      <c r="M1" s="529"/>
    </row>
    <row r="2" spans="2:156" ht="24" customHeight="1" thickBot="1" x14ac:dyDescent="0.25">
      <c r="B2" s="290" t="s">
        <v>131</v>
      </c>
      <c r="G2" s="247"/>
      <c r="H2" s="248"/>
      <c r="J2" s="322"/>
      <c r="K2" s="322"/>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323" t="s">
        <v>43</v>
      </c>
      <c r="D5" s="259" t="s">
        <v>44</v>
      </c>
      <c r="E5" s="382" t="s">
        <v>45</v>
      </c>
      <c r="F5" s="267" t="s">
        <v>83</v>
      </c>
      <c r="G5" s="259" t="s">
        <v>47</v>
      </c>
      <c r="H5" s="259" t="s">
        <v>48</v>
      </c>
      <c r="I5" s="259" t="s">
        <v>49</v>
      </c>
      <c r="J5" s="259" t="s">
        <v>50</v>
      </c>
      <c r="K5" s="259" t="s">
        <v>51</v>
      </c>
      <c r="L5" s="268" t="s">
        <v>45</v>
      </c>
      <c r="M5" s="531"/>
      <c r="N5" s="323" t="s">
        <v>43</v>
      </c>
      <c r="O5" s="259" t="s">
        <v>44</v>
      </c>
      <c r="P5" s="265" t="s">
        <v>45</v>
      </c>
      <c r="Q5" s="267" t="s">
        <v>83</v>
      </c>
      <c r="R5" s="259" t="s">
        <v>47</v>
      </c>
      <c r="S5" s="259" t="s">
        <v>48</v>
      </c>
      <c r="T5" s="259" t="s">
        <v>49</v>
      </c>
      <c r="U5" s="259" t="s">
        <v>50</v>
      </c>
      <c r="V5" s="259" t="s">
        <v>51</v>
      </c>
      <c r="W5" s="265" t="s">
        <v>45</v>
      </c>
      <c r="X5" s="531"/>
      <c r="Y5" s="323" t="s">
        <v>43</v>
      </c>
      <c r="Z5" s="259" t="s">
        <v>44</v>
      </c>
      <c r="AA5" s="265" t="s">
        <v>45</v>
      </c>
      <c r="AB5" s="267" t="s">
        <v>83</v>
      </c>
      <c r="AC5" s="259" t="s">
        <v>47</v>
      </c>
      <c r="AD5" s="259" t="s">
        <v>48</v>
      </c>
      <c r="AE5" s="259" t="s">
        <v>49</v>
      </c>
      <c r="AF5" s="259" t="s">
        <v>50</v>
      </c>
      <c r="AG5" s="259" t="s">
        <v>51</v>
      </c>
      <c r="AH5" s="265" t="s">
        <v>45</v>
      </c>
      <c r="AI5" s="531"/>
      <c r="AJ5" s="323" t="s">
        <v>43</v>
      </c>
      <c r="AK5" s="259" t="s">
        <v>44</v>
      </c>
      <c r="AL5" s="265" t="s">
        <v>45</v>
      </c>
      <c r="AM5" s="267" t="s">
        <v>83</v>
      </c>
      <c r="AN5" s="259" t="s">
        <v>47</v>
      </c>
      <c r="AO5" s="259" t="s">
        <v>48</v>
      </c>
      <c r="AP5" s="259" t="s">
        <v>49</v>
      </c>
      <c r="AQ5" s="259" t="s">
        <v>50</v>
      </c>
      <c r="AR5" s="259" t="s">
        <v>51</v>
      </c>
      <c r="AS5" s="265" t="s">
        <v>45</v>
      </c>
      <c r="AT5" s="531"/>
      <c r="AU5" s="323" t="s">
        <v>43</v>
      </c>
      <c r="AV5" s="259" t="s">
        <v>44</v>
      </c>
      <c r="AW5" s="265" t="s">
        <v>45</v>
      </c>
      <c r="AX5" s="267" t="s">
        <v>83</v>
      </c>
      <c r="AY5" s="259" t="s">
        <v>47</v>
      </c>
      <c r="AZ5" s="259" t="s">
        <v>48</v>
      </c>
      <c r="BA5" s="259" t="s">
        <v>49</v>
      </c>
      <c r="BB5" s="259" t="s">
        <v>50</v>
      </c>
      <c r="BC5" s="259" t="s">
        <v>51</v>
      </c>
      <c r="BD5" s="268" t="s">
        <v>45</v>
      </c>
      <c r="BE5" s="531"/>
      <c r="BF5" s="323" t="s">
        <v>43</v>
      </c>
      <c r="BG5" s="259" t="s">
        <v>44</v>
      </c>
      <c r="BH5" s="265" t="s">
        <v>45</v>
      </c>
      <c r="BI5" s="267" t="s">
        <v>83</v>
      </c>
      <c r="BJ5" s="259" t="s">
        <v>47</v>
      </c>
      <c r="BK5" s="259" t="s">
        <v>48</v>
      </c>
      <c r="BL5" s="259" t="s">
        <v>49</v>
      </c>
      <c r="BM5" s="259" t="s">
        <v>50</v>
      </c>
      <c r="BN5" s="259" t="s">
        <v>51</v>
      </c>
      <c r="BO5" s="265" t="s">
        <v>45</v>
      </c>
      <c r="BP5" s="531"/>
      <c r="BQ5" s="323" t="s">
        <v>43</v>
      </c>
      <c r="BR5" s="259" t="s">
        <v>44</v>
      </c>
      <c r="BS5" s="265" t="s">
        <v>45</v>
      </c>
      <c r="BT5" s="267" t="s">
        <v>83</v>
      </c>
      <c r="BU5" s="259" t="s">
        <v>47</v>
      </c>
      <c r="BV5" s="259" t="s">
        <v>48</v>
      </c>
      <c r="BW5" s="259" t="s">
        <v>49</v>
      </c>
      <c r="BX5" s="259" t="s">
        <v>50</v>
      </c>
      <c r="BY5" s="259" t="s">
        <v>51</v>
      </c>
      <c r="BZ5" s="265" t="s">
        <v>45</v>
      </c>
      <c r="CA5" s="531"/>
      <c r="CB5" s="323" t="s">
        <v>43</v>
      </c>
      <c r="CC5" s="259" t="s">
        <v>44</v>
      </c>
      <c r="CD5" s="265" t="s">
        <v>45</v>
      </c>
      <c r="CE5" s="267" t="s">
        <v>83</v>
      </c>
      <c r="CF5" s="259" t="s">
        <v>47</v>
      </c>
      <c r="CG5" s="259" t="s">
        <v>48</v>
      </c>
      <c r="CH5" s="259" t="s">
        <v>49</v>
      </c>
      <c r="CI5" s="259" t="s">
        <v>50</v>
      </c>
      <c r="CJ5" s="259" t="s">
        <v>51</v>
      </c>
      <c r="CK5" s="265" t="s">
        <v>45</v>
      </c>
      <c r="CL5" s="531"/>
      <c r="CM5" s="323" t="s">
        <v>43</v>
      </c>
      <c r="CN5" s="259" t="s">
        <v>44</v>
      </c>
      <c r="CO5" s="265" t="s">
        <v>45</v>
      </c>
      <c r="CP5" s="267" t="s">
        <v>83</v>
      </c>
      <c r="CQ5" s="259" t="s">
        <v>47</v>
      </c>
      <c r="CR5" s="259" t="s">
        <v>48</v>
      </c>
      <c r="CS5" s="259" t="s">
        <v>49</v>
      </c>
      <c r="CT5" s="259" t="s">
        <v>50</v>
      </c>
      <c r="CU5" s="259" t="s">
        <v>51</v>
      </c>
      <c r="CV5" s="265" t="s">
        <v>45</v>
      </c>
      <c r="CW5" s="531"/>
      <c r="CX5" s="323" t="s">
        <v>43</v>
      </c>
      <c r="CY5" s="259" t="s">
        <v>44</v>
      </c>
      <c r="CZ5" s="265" t="s">
        <v>45</v>
      </c>
      <c r="DA5" s="267" t="s">
        <v>83</v>
      </c>
      <c r="DB5" s="259" t="s">
        <v>47</v>
      </c>
      <c r="DC5" s="259" t="s">
        <v>48</v>
      </c>
      <c r="DD5" s="259" t="s">
        <v>49</v>
      </c>
      <c r="DE5" s="259" t="s">
        <v>50</v>
      </c>
      <c r="DF5" s="259" t="s">
        <v>51</v>
      </c>
      <c r="DG5" s="265" t="s">
        <v>45</v>
      </c>
      <c r="DH5" s="531"/>
      <c r="DI5" s="344" t="s">
        <v>43</v>
      </c>
      <c r="DJ5" s="259" t="s">
        <v>44</v>
      </c>
      <c r="DK5" s="265" t="s">
        <v>45</v>
      </c>
      <c r="DL5" s="267" t="s">
        <v>83</v>
      </c>
      <c r="DM5" s="259" t="s">
        <v>47</v>
      </c>
      <c r="DN5" s="259" t="s">
        <v>48</v>
      </c>
      <c r="DO5" s="259" t="s">
        <v>49</v>
      </c>
      <c r="DP5" s="259" t="s">
        <v>50</v>
      </c>
      <c r="DQ5" s="259" t="s">
        <v>51</v>
      </c>
      <c r="DR5" s="265" t="s">
        <v>45</v>
      </c>
      <c r="DS5" s="531"/>
      <c r="DT5" s="323" t="s">
        <v>43</v>
      </c>
      <c r="DU5" s="259" t="s">
        <v>44</v>
      </c>
      <c r="DV5" s="265" t="s">
        <v>45</v>
      </c>
      <c r="DW5" s="267" t="s">
        <v>83</v>
      </c>
      <c r="DX5" s="259" t="s">
        <v>47</v>
      </c>
      <c r="DY5" s="259" t="s">
        <v>48</v>
      </c>
      <c r="DZ5" s="259" t="s">
        <v>49</v>
      </c>
      <c r="EA5" s="259" t="s">
        <v>50</v>
      </c>
      <c r="EB5" s="259" t="s">
        <v>51</v>
      </c>
      <c r="EC5" s="265" t="s">
        <v>45</v>
      </c>
      <c r="ED5" s="531"/>
      <c r="EE5" s="323" t="s">
        <v>43</v>
      </c>
      <c r="EF5" s="259" t="s">
        <v>44</v>
      </c>
      <c r="EG5" s="265" t="s">
        <v>45</v>
      </c>
      <c r="EH5" s="267" t="s">
        <v>83</v>
      </c>
      <c r="EI5" s="259" t="s">
        <v>47</v>
      </c>
      <c r="EJ5" s="259" t="s">
        <v>48</v>
      </c>
      <c r="EK5" s="259" t="s">
        <v>49</v>
      </c>
      <c r="EL5" s="259" t="s">
        <v>50</v>
      </c>
      <c r="EM5" s="259" t="s">
        <v>51</v>
      </c>
      <c r="EN5" s="265" t="s">
        <v>45</v>
      </c>
      <c r="EO5" s="531"/>
      <c r="EP5" s="323"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3">
        <v>0</v>
      </c>
      <c r="F6" s="272">
        <v>0</v>
      </c>
      <c r="G6" s="273">
        <v>1287</v>
      </c>
      <c r="H6" s="273">
        <v>1342</v>
      </c>
      <c r="I6" s="273">
        <v>800</v>
      </c>
      <c r="J6" s="273">
        <v>577</v>
      </c>
      <c r="K6" s="273">
        <v>384</v>
      </c>
      <c r="L6" s="274">
        <v>4390</v>
      </c>
      <c r="M6" s="275">
        <v>4390</v>
      </c>
      <c r="N6" s="269">
        <v>0</v>
      </c>
      <c r="O6" s="273">
        <v>2</v>
      </c>
      <c r="P6" s="270">
        <v>2</v>
      </c>
      <c r="Q6" s="272">
        <v>0</v>
      </c>
      <c r="R6" s="273">
        <v>7</v>
      </c>
      <c r="S6" s="273">
        <v>36</v>
      </c>
      <c r="T6" s="273">
        <v>53</v>
      </c>
      <c r="U6" s="273">
        <v>132</v>
      </c>
      <c r="V6" s="273">
        <v>198</v>
      </c>
      <c r="W6" s="270">
        <v>426</v>
      </c>
      <c r="X6" s="275">
        <v>428</v>
      </c>
      <c r="Y6" s="269">
        <v>179</v>
      </c>
      <c r="Z6" s="273">
        <v>367</v>
      </c>
      <c r="AA6" s="270">
        <v>546</v>
      </c>
      <c r="AB6" s="272">
        <v>0</v>
      </c>
      <c r="AC6" s="273">
        <v>922</v>
      </c>
      <c r="AD6" s="273">
        <v>1220</v>
      </c>
      <c r="AE6" s="273">
        <v>752</v>
      </c>
      <c r="AF6" s="273">
        <v>588</v>
      </c>
      <c r="AG6" s="273">
        <v>388</v>
      </c>
      <c r="AH6" s="270">
        <v>3870</v>
      </c>
      <c r="AI6" s="275">
        <v>4416</v>
      </c>
      <c r="AJ6" s="269">
        <v>13</v>
      </c>
      <c r="AK6" s="273">
        <v>46</v>
      </c>
      <c r="AL6" s="270">
        <v>59</v>
      </c>
      <c r="AM6" s="272">
        <v>0</v>
      </c>
      <c r="AN6" s="273">
        <v>71</v>
      </c>
      <c r="AO6" s="273">
        <v>122</v>
      </c>
      <c r="AP6" s="273">
        <v>60</v>
      </c>
      <c r="AQ6" s="273">
        <v>74</v>
      </c>
      <c r="AR6" s="273">
        <v>25</v>
      </c>
      <c r="AS6" s="270">
        <v>352</v>
      </c>
      <c r="AT6" s="275">
        <v>411</v>
      </c>
      <c r="AU6" s="269">
        <v>285</v>
      </c>
      <c r="AV6" s="273">
        <v>324</v>
      </c>
      <c r="AW6" s="270">
        <v>609</v>
      </c>
      <c r="AX6" s="272">
        <v>0</v>
      </c>
      <c r="AY6" s="273">
        <v>1321</v>
      </c>
      <c r="AZ6" s="273">
        <v>1593</v>
      </c>
      <c r="BA6" s="273">
        <v>1438</v>
      </c>
      <c r="BB6" s="273">
        <v>1258</v>
      </c>
      <c r="BC6" s="273">
        <v>850</v>
      </c>
      <c r="BD6" s="274">
        <v>6460</v>
      </c>
      <c r="BE6" s="275">
        <v>7069</v>
      </c>
      <c r="BF6" s="269">
        <v>0</v>
      </c>
      <c r="BG6" s="273">
        <v>0</v>
      </c>
      <c r="BH6" s="270">
        <v>0</v>
      </c>
      <c r="BI6" s="272">
        <v>0</v>
      </c>
      <c r="BJ6" s="273">
        <v>1635</v>
      </c>
      <c r="BK6" s="273">
        <v>1425</v>
      </c>
      <c r="BL6" s="273">
        <v>774</v>
      </c>
      <c r="BM6" s="273">
        <v>349</v>
      </c>
      <c r="BN6" s="273">
        <v>159</v>
      </c>
      <c r="BO6" s="270">
        <v>4342</v>
      </c>
      <c r="BP6" s="275">
        <v>4342</v>
      </c>
      <c r="BQ6" s="269">
        <v>121</v>
      </c>
      <c r="BR6" s="273">
        <v>149</v>
      </c>
      <c r="BS6" s="270">
        <v>270</v>
      </c>
      <c r="BT6" s="272">
        <v>0</v>
      </c>
      <c r="BU6" s="273">
        <v>373</v>
      </c>
      <c r="BV6" s="273">
        <v>520</v>
      </c>
      <c r="BW6" s="273">
        <v>292</v>
      </c>
      <c r="BX6" s="273">
        <v>160</v>
      </c>
      <c r="BY6" s="273">
        <v>55</v>
      </c>
      <c r="BZ6" s="270">
        <v>1400</v>
      </c>
      <c r="CA6" s="275">
        <v>1670</v>
      </c>
      <c r="CB6" s="269">
        <v>8</v>
      </c>
      <c r="CC6" s="273">
        <v>18</v>
      </c>
      <c r="CD6" s="270">
        <v>26</v>
      </c>
      <c r="CE6" s="272">
        <v>0</v>
      </c>
      <c r="CF6" s="273">
        <v>187</v>
      </c>
      <c r="CG6" s="273">
        <v>232</v>
      </c>
      <c r="CH6" s="273">
        <v>296</v>
      </c>
      <c r="CI6" s="273">
        <v>203</v>
      </c>
      <c r="CJ6" s="273">
        <v>80</v>
      </c>
      <c r="CK6" s="270">
        <v>998</v>
      </c>
      <c r="CL6" s="275">
        <v>1024</v>
      </c>
      <c r="CM6" s="269">
        <v>0</v>
      </c>
      <c r="CN6" s="273">
        <v>1</v>
      </c>
      <c r="CO6" s="270">
        <v>1</v>
      </c>
      <c r="CP6" s="272">
        <v>0</v>
      </c>
      <c r="CQ6" s="273">
        <v>21</v>
      </c>
      <c r="CR6" s="273">
        <v>45</v>
      </c>
      <c r="CS6" s="273">
        <v>41</v>
      </c>
      <c r="CT6" s="273">
        <v>35</v>
      </c>
      <c r="CU6" s="273">
        <v>20</v>
      </c>
      <c r="CV6" s="270">
        <v>162</v>
      </c>
      <c r="CW6" s="275">
        <v>163</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35</v>
      </c>
      <c r="DU6" s="273">
        <v>1188</v>
      </c>
      <c r="DV6" s="270">
        <v>1823</v>
      </c>
      <c r="DW6" s="272">
        <v>0</v>
      </c>
      <c r="DX6" s="273">
        <v>1799</v>
      </c>
      <c r="DY6" s="273">
        <v>3048</v>
      </c>
      <c r="DZ6" s="273">
        <v>1866</v>
      </c>
      <c r="EA6" s="273">
        <v>1320</v>
      </c>
      <c r="EB6" s="273">
        <v>749</v>
      </c>
      <c r="EC6" s="270">
        <v>8782</v>
      </c>
      <c r="ED6" s="275">
        <v>10605</v>
      </c>
      <c r="EE6" s="269">
        <v>185</v>
      </c>
      <c r="EF6" s="273">
        <v>143</v>
      </c>
      <c r="EG6" s="270">
        <v>328</v>
      </c>
      <c r="EH6" s="272">
        <v>0</v>
      </c>
      <c r="EI6" s="273">
        <v>546</v>
      </c>
      <c r="EJ6" s="273">
        <v>503</v>
      </c>
      <c r="EK6" s="273">
        <v>461</v>
      </c>
      <c r="EL6" s="273">
        <v>434</v>
      </c>
      <c r="EM6" s="273">
        <v>248</v>
      </c>
      <c r="EN6" s="270">
        <v>2192</v>
      </c>
      <c r="EO6" s="275">
        <v>2520</v>
      </c>
      <c r="EP6" s="269">
        <v>899</v>
      </c>
      <c r="EQ6" s="273">
        <v>1533</v>
      </c>
      <c r="ER6" s="270">
        <v>2432</v>
      </c>
      <c r="ES6" s="272">
        <v>0</v>
      </c>
      <c r="ET6" s="273">
        <v>4323</v>
      </c>
      <c r="EU6" s="273">
        <v>4310</v>
      </c>
      <c r="EV6" s="273">
        <v>2264</v>
      </c>
      <c r="EW6" s="273">
        <v>1409</v>
      </c>
      <c r="EX6" s="273">
        <v>765</v>
      </c>
      <c r="EY6" s="270">
        <v>13071</v>
      </c>
      <c r="EZ6" s="275">
        <v>15503</v>
      </c>
    </row>
    <row r="7" spans="2:156" ht="21" customHeight="1" x14ac:dyDescent="0.2">
      <c r="B7" s="261" t="s">
        <v>5</v>
      </c>
      <c r="C7" s="276">
        <v>0</v>
      </c>
      <c r="D7" s="280">
        <v>0</v>
      </c>
      <c r="E7" s="384">
        <v>0</v>
      </c>
      <c r="F7" s="279">
        <v>0</v>
      </c>
      <c r="G7" s="280">
        <v>540</v>
      </c>
      <c r="H7" s="280">
        <v>681</v>
      </c>
      <c r="I7" s="280">
        <v>361</v>
      </c>
      <c r="J7" s="280">
        <v>260</v>
      </c>
      <c r="K7" s="280">
        <v>172</v>
      </c>
      <c r="L7" s="281">
        <v>2014</v>
      </c>
      <c r="M7" s="282">
        <v>2014</v>
      </c>
      <c r="N7" s="276">
        <v>0</v>
      </c>
      <c r="O7" s="280">
        <v>1</v>
      </c>
      <c r="P7" s="277">
        <v>1</v>
      </c>
      <c r="Q7" s="279">
        <v>0</v>
      </c>
      <c r="R7" s="280">
        <v>3</v>
      </c>
      <c r="S7" s="280">
        <v>18</v>
      </c>
      <c r="T7" s="280">
        <v>19</v>
      </c>
      <c r="U7" s="280">
        <v>52</v>
      </c>
      <c r="V7" s="280">
        <v>97</v>
      </c>
      <c r="W7" s="277">
        <v>189</v>
      </c>
      <c r="X7" s="282">
        <v>190</v>
      </c>
      <c r="Y7" s="276">
        <v>81</v>
      </c>
      <c r="Z7" s="280">
        <v>201</v>
      </c>
      <c r="AA7" s="277">
        <v>282</v>
      </c>
      <c r="AB7" s="279">
        <v>0</v>
      </c>
      <c r="AC7" s="280">
        <v>358</v>
      </c>
      <c r="AD7" s="280">
        <v>657</v>
      </c>
      <c r="AE7" s="280">
        <v>361</v>
      </c>
      <c r="AF7" s="280">
        <v>288</v>
      </c>
      <c r="AG7" s="280">
        <v>180</v>
      </c>
      <c r="AH7" s="277">
        <v>1844</v>
      </c>
      <c r="AI7" s="282">
        <v>2126</v>
      </c>
      <c r="AJ7" s="276">
        <v>7</v>
      </c>
      <c r="AK7" s="280">
        <v>25</v>
      </c>
      <c r="AL7" s="277">
        <v>32</v>
      </c>
      <c r="AM7" s="279">
        <v>0</v>
      </c>
      <c r="AN7" s="280">
        <v>14</v>
      </c>
      <c r="AO7" s="280">
        <v>53</v>
      </c>
      <c r="AP7" s="280">
        <v>23</v>
      </c>
      <c r="AQ7" s="280">
        <v>28</v>
      </c>
      <c r="AR7" s="280">
        <v>8</v>
      </c>
      <c r="AS7" s="277">
        <v>126</v>
      </c>
      <c r="AT7" s="282">
        <v>158</v>
      </c>
      <c r="AU7" s="276">
        <v>128</v>
      </c>
      <c r="AV7" s="280">
        <v>172</v>
      </c>
      <c r="AW7" s="277">
        <v>300</v>
      </c>
      <c r="AX7" s="279">
        <v>0</v>
      </c>
      <c r="AY7" s="280">
        <v>468</v>
      </c>
      <c r="AZ7" s="280">
        <v>754</v>
      </c>
      <c r="BA7" s="280">
        <v>626</v>
      </c>
      <c r="BB7" s="280">
        <v>539</v>
      </c>
      <c r="BC7" s="280">
        <v>375</v>
      </c>
      <c r="BD7" s="281">
        <v>2762</v>
      </c>
      <c r="BE7" s="282">
        <v>3062</v>
      </c>
      <c r="BF7" s="276">
        <v>0</v>
      </c>
      <c r="BG7" s="280">
        <v>0</v>
      </c>
      <c r="BH7" s="277">
        <v>0</v>
      </c>
      <c r="BI7" s="279">
        <v>0</v>
      </c>
      <c r="BJ7" s="280">
        <v>633</v>
      </c>
      <c r="BK7" s="280">
        <v>632</v>
      </c>
      <c r="BL7" s="280">
        <v>298</v>
      </c>
      <c r="BM7" s="280">
        <v>131</v>
      </c>
      <c r="BN7" s="280">
        <v>59</v>
      </c>
      <c r="BO7" s="277">
        <v>1753</v>
      </c>
      <c r="BP7" s="282">
        <v>1753</v>
      </c>
      <c r="BQ7" s="276">
        <v>55</v>
      </c>
      <c r="BR7" s="280">
        <v>78</v>
      </c>
      <c r="BS7" s="277">
        <v>133</v>
      </c>
      <c r="BT7" s="279">
        <v>0</v>
      </c>
      <c r="BU7" s="280">
        <v>133</v>
      </c>
      <c r="BV7" s="280">
        <v>240</v>
      </c>
      <c r="BW7" s="280">
        <v>141</v>
      </c>
      <c r="BX7" s="280">
        <v>71</v>
      </c>
      <c r="BY7" s="280">
        <v>23</v>
      </c>
      <c r="BZ7" s="277">
        <v>608</v>
      </c>
      <c r="CA7" s="282">
        <v>741</v>
      </c>
      <c r="CB7" s="276">
        <v>3</v>
      </c>
      <c r="CC7" s="280">
        <v>9</v>
      </c>
      <c r="CD7" s="277">
        <v>12</v>
      </c>
      <c r="CE7" s="279">
        <v>0</v>
      </c>
      <c r="CF7" s="280">
        <v>59</v>
      </c>
      <c r="CG7" s="280">
        <v>95</v>
      </c>
      <c r="CH7" s="280">
        <v>117</v>
      </c>
      <c r="CI7" s="280">
        <v>79</v>
      </c>
      <c r="CJ7" s="280">
        <v>27</v>
      </c>
      <c r="CK7" s="277">
        <v>377</v>
      </c>
      <c r="CL7" s="282">
        <v>389</v>
      </c>
      <c r="CM7" s="276">
        <v>0</v>
      </c>
      <c r="CN7" s="280">
        <v>1</v>
      </c>
      <c r="CO7" s="277">
        <v>1</v>
      </c>
      <c r="CP7" s="279">
        <v>0</v>
      </c>
      <c r="CQ7" s="280">
        <v>10</v>
      </c>
      <c r="CR7" s="280">
        <v>27</v>
      </c>
      <c r="CS7" s="280">
        <v>31</v>
      </c>
      <c r="CT7" s="280">
        <v>16</v>
      </c>
      <c r="CU7" s="280">
        <v>13</v>
      </c>
      <c r="CV7" s="277">
        <v>97</v>
      </c>
      <c r="CW7" s="282">
        <v>98</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38</v>
      </c>
      <c r="DU7" s="280">
        <v>550</v>
      </c>
      <c r="DV7" s="277">
        <v>788</v>
      </c>
      <c r="DW7" s="279">
        <v>0</v>
      </c>
      <c r="DX7" s="280">
        <v>587</v>
      </c>
      <c r="DY7" s="280">
        <v>1395</v>
      </c>
      <c r="DZ7" s="280">
        <v>806</v>
      </c>
      <c r="EA7" s="280">
        <v>559</v>
      </c>
      <c r="EB7" s="280">
        <v>331</v>
      </c>
      <c r="EC7" s="277">
        <v>3678</v>
      </c>
      <c r="ED7" s="282">
        <v>4466</v>
      </c>
      <c r="EE7" s="276">
        <v>75</v>
      </c>
      <c r="EF7" s="280">
        <v>63</v>
      </c>
      <c r="EG7" s="277">
        <v>138</v>
      </c>
      <c r="EH7" s="279">
        <v>0</v>
      </c>
      <c r="EI7" s="280">
        <v>206</v>
      </c>
      <c r="EJ7" s="280">
        <v>246</v>
      </c>
      <c r="EK7" s="280">
        <v>219</v>
      </c>
      <c r="EL7" s="280">
        <v>192</v>
      </c>
      <c r="EM7" s="280">
        <v>114</v>
      </c>
      <c r="EN7" s="277">
        <v>977</v>
      </c>
      <c r="EO7" s="282">
        <v>1115</v>
      </c>
      <c r="EP7" s="276">
        <v>360</v>
      </c>
      <c r="EQ7" s="280">
        <v>737</v>
      </c>
      <c r="ER7" s="277">
        <v>1097</v>
      </c>
      <c r="ES7" s="279">
        <v>0</v>
      </c>
      <c r="ET7" s="280">
        <v>1620</v>
      </c>
      <c r="EU7" s="280">
        <v>2061</v>
      </c>
      <c r="EV7" s="280">
        <v>1004</v>
      </c>
      <c r="EW7" s="280">
        <v>604</v>
      </c>
      <c r="EX7" s="280">
        <v>330</v>
      </c>
      <c r="EY7" s="277">
        <v>5619</v>
      </c>
      <c r="EZ7" s="282">
        <v>6716</v>
      </c>
    </row>
    <row r="8" spans="2:156" ht="21" customHeight="1" x14ac:dyDescent="0.2">
      <c r="B8" s="261" t="s">
        <v>6</v>
      </c>
      <c r="C8" s="276">
        <v>0</v>
      </c>
      <c r="D8" s="280">
        <v>0</v>
      </c>
      <c r="E8" s="384">
        <v>0</v>
      </c>
      <c r="F8" s="279">
        <v>0</v>
      </c>
      <c r="G8" s="280">
        <v>179</v>
      </c>
      <c r="H8" s="280">
        <v>140</v>
      </c>
      <c r="I8" s="280">
        <v>92</v>
      </c>
      <c r="J8" s="280">
        <v>71</v>
      </c>
      <c r="K8" s="280">
        <v>55</v>
      </c>
      <c r="L8" s="281">
        <v>537</v>
      </c>
      <c r="M8" s="282">
        <v>537</v>
      </c>
      <c r="N8" s="276">
        <v>0</v>
      </c>
      <c r="O8" s="280">
        <v>0</v>
      </c>
      <c r="P8" s="277">
        <v>0</v>
      </c>
      <c r="Q8" s="279">
        <v>0</v>
      </c>
      <c r="R8" s="280">
        <v>1</v>
      </c>
      <c r="S8" s="280">
        <v>2</v>
      </c>
      <c r="T8" s="280">
        <v>4</v>
      </c>
      <c r="U8" s="280">
        <v>16</v>
      </c>
      <c r="V8" s="280">
        <v>25</v>
      </c>
      <c r="W8" s="277">
        <v>48</v>
      </c>
      <c r="X8" s="282">
        <v>48</v>
      </c>
      <c r="Y8" s="276">
        <v>22</v>
      </c>
      <c r="Z8" s="280">
        <v>41</v>
      </c>
      <c r="AA8" s="277">
        <v>63</v>
      </c>
      <c r="AB8" s="279">
        <v>0</v>
      </c>
      <c r="AC8" s="280">
        <v>125</v>
      </c>
      <c r="AD8" s="280">
        <v>134</v>
      </c>
      <c r="AE8" s="280">
        <v>86</v>
      </c>
      <c r="AF8" s="280">
        <v>84</v>
      </c>
      <c r="AG8" s="280">
        <v>59</v>
      </c>
      <c r="AH8" s="277">
        <v>488</v>
      </c>
      <c r="AI8" s="282">
        <v>551</v>
      </c>
      <c r="AJ8" s="276">
        <v>1</v>
      </c>
      <c r="AK8" s="280">
        <v>0</v>
      </c>
      <c r="AL8" s="277">
        <v>1</v>
      </c>
      <c r="AM8" s="279">
        <v>0</v>
      </c>
      <c r="AN8" s="280">
        <v>12</v>
      </c>
      <c r="AO8" s="280">
        <v>14</v>
      </c>
      <c r="AP8" s="280">
        <v>6</v>
      </c>
      <c r="AQ8" s="280">
        <v>10</v>
      </c>
      <c r="AR8" s="280">
        <v>4</v>
      </c>
      <c r="AS8" s="277">
        <v>46</v>
      </c>
      <c r="AT8" s="282">
        <v>47</v>
      </c>
      <c r="AU8" s="276">
        <v>47</v>
      </c>
      <c r="AV8" s="280">
        <v>40</v>
      </c>
      <c r="AW8" s="277">
        <v>87</v>
      </c>
      <c r="AX8" s="279">
        <v>0</v>
      </c>
      <c r="AY8" s="280">
        <v>206</v>
      </c>
      <c r="AZ8" s="280">
        <v>205</v>
      </c>
      <c r="BA8" s="280">
        <v>198</v>
      </c>
      <c r="BB8" s="280">
        <v>187</v>
      </c>
      <c r="BC8" s="280">
        <v>142</v>
      </c>
      <c r="BD8" s="281">
        <v>938</v>
      </c>
      <c r="BE8" s="282">
        <v>1025</v>
      </c>
      <c r="BF8" s="276">
        <v>0</v>
      </c>
      <c r="BG8" s="280">
        <v>0</v>
      </c>
      <c r="BH8" s="277">
        <v>0</v>
      </c>
      <c r="BI8" s="279">
        <v>0</v>
      </c>
      <c r="BJ8" s="280">
        <v>223</v>
      </c>
      <c r="BK8" s="280">
        <v>162</v>
      </c>
      <c r="BL8" s="280">
        <v>89</v>
      </c>
      <c r="BM8" s="280">
        <v>49</v>
      </c>
      <c r="BN8" s="280">
        <v>24</v>
      </c>
      <c r="BO8" s="277">
        <v>547</v>
      </c>
      <c r="BP8" s="282">
        <v>547</v>
      </c>
      <c r="BQ8" s="276">
        <v>5</v>
      </c>
      <c r="BR8" s="280">
        <v>10</v>
      </c>
      <c r="BS8" s="277">
        <v>15</v>
      </c>
      <c r="BT8" s="279">
        <v>0</v>
      </c>
      <c r="BU8" s="280">
        <v>48</v>
      </c>
      <c r="BV8" s="280">
        <v>52</v>
      </c>
      <c r="BW8" s="280">
        <v>37</v>
      </c>
      <c r="BX8" s="280">
        <v>21</v>
      </c>
      <c r="BY8" s="280">
        <v>11</v>
      </c>
      <c r="BZ8" s="277">
        <v>169</v>
      </c>
      <c r="CA8" s="282">
        <v>184</v>
      </c>
      <c r="CB8" s="276">
        <v>2</v>
      </c>
      <c r="CC8" s="280">
        <v>4</v>
      </c>
      <c r="CD8" s="277">
        <v>6</v>
      </c>
      <c r="CE8" s="279">
        <v>0</v>
      </c>
      <c r="CF8" s="280">
        <v>23</v>
      </c>
      <c r="CG8" s="280">
        <v>27</v>
      </c>
      <c r="CH8" s="280">
        <v>31</v>
      </c>
      <c r="CI8" s="280">
        <v>12</v>
      </c>
      <c r="CJ8" s="280">
        <v>11</v>
      </c>
      <c r="CK8" s="277">
        <v>104</v>
      </c>
      <c r="CL8" s="282">
        <v>110</v>
      </c>
      <c r="CM8" s="276">
        <v>0</v>
      </c>
      <c r="CN8" s="280">
        <v>0</v>
      </c>
      <c r="CO8" s="277">
        <v>0</v>
      </c>
      <c r="CP8" s="279">
        <v>0</v>
      </c>
      <c r="CQ8" s="280">
        <v>2</v>
      </c>
      <c r="CR8" s="280">
        <v>5</v>
      </c>
      <c r="CS8" s="280">
        <v>4</v>
      </c>
      <c r="CT8" s="280">
        <v>7</v>
      </c>
      <c r="CU8" s="280">
        <v>2</v>
      </c>
      <c r="CV8" s="277">
        <v>20</v>
      </c>
      <c r="CW8" s="282">
        <v>20</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89</v>
      </c>
      <c r="DU8" s="280">
        <v>115</v>
      </c>
      <c r="DV8" s="277">
        <v>204</v>
      </c>
      <c r="DW8" s="279">
        <v>0</v>
      </c>
      <c r="DX8" s="280">
        <v>248</v>
      </c>
      <c r="DY8" s="280">
        <v>331</v>
      </c>
      <c r="DZ8" s="280">
        <v>221</v>
      </c>
      <c r="EA8" s="280">
        <v>186</v>
      </c>
      <c r="EB8" s="280">
        <v>123</v>
      </c>
      <c r="EC8" s="277">
        <v>1109</v>
      </c>
      <c r="ED8" s="282">
        <v>1313</v>
      </c>
      <c r="EE8" s="276">
        <v>37</v>
      </c>
      <c r="EF8" s="280">
        <v>19</v>
      </c>
      <c r="EG8" s="277">
        <v>56</v>
      </c>
      <c r="EH8" s="279">
        <v>0</v>
      </c>
      <c r="EI8" s="280">
        <v>76</v>
      </c>
      <c r="EJ8" s="280">
        <v>63</v>
      </c>
      <c r="EK8" s="280">
        <v>62</v>
      </c>
      <c r="EL8" s="280">
        <v>53</v>
      </c>
      <c r="EM8" s="280">
        <v>34</v>
      </c>
      <c r="EN8" s="277">
        <v>288</v>
      </c>
      <c r="EO8" s="282">
        <v>344</v>
      </c>
      <c r="EP8" s="276">
        <v>110</v>
      </c>
      <c r="EQ8" s="280">
        <v>149</v>
      </c>
      <c r="ER8" s="277">
        <v>259</v>
      </c>
      <c r="ES8" s="279">
        <v>0</v>
      </c>
      <c r="ET8" s="280">
        <v>589</v>
      </c>
      <c r="EU8" s="280">
        <v>454</v>
      </c>
      <c r="EV8" s="280">
        <v>266</v>
      </c>
      <c r="EW8" s="280">
        <v>189</v>
      </c>
      <c r="EX8" s="280">
        <v>128</v>
      </c>
      <c r="EY8" s="277">
        <v>1626</v>
      </c>
      <c r="EZ8" s="282">
        <v>1885</v>
      </c>
    </row>
    <row r="9" spans="2:156" ht="21" customHeight="1" x14ac:dyDescent="0.2">
      <c r="B9" s="261" t="s">
        <v>14</v>
      </c>
      <c r="C9" s="276">
        <v>0</v>
      </c>
      <c r="D9" s="280">
        <v>0</v>
      </c>
      <c r="E9" s="384">
        <v>0</v>
      </c>
      <c r="F9" s="279">
        <v>0</v>
      </c>
      <c r="G9" s="280">
        <v>75</v>
      </c>
      <c r="H9" s="280">
        <v>90</v>
      </c>
      <c r="I9" s="280">
        <v>59</v>
      </c>
      <c r="J9" s="280">
        <v>23</v>
      </c>
      <c r="K9" s="280">
        <v>21</v>
      </c>
      <c r="L9" s="281">
        <v>268</v>
      </c>
      <c r="M9" s="282">
        <v>268</v>
      </c>
      <c r="N9" s="276">
        <v>0</v>
      </c>
      <c r="O9" s="280">
        <v>0</v>
      </c>
      <c r="P9" s="277">
        <v>0</v>
      </c>
      <c r="Q9" s="279">
        <v>0</v>
      </c>
      <c r="R9" s="280">
        <v>1</v>
      </c>
      <c r="S9" s="280">
        <v>0</v>
      </c>
      <c r="T9" s="280">
        <v>1</v>
      </c>
      <c r="U9" s="280">
        <v>4</v>
      </c>
      <c r="V9" s="280">
        <v>8</v>
      </c>
      <c r="W9" s="277">
        <v>14</v>
      </c>
      <c r="X9" s="282">
        <v>14</v>
      </c>
      <c r="Y9" s="276">
        <v>3</v>
      </c>
      <c r="Z9" s="280">
        <v>26</v>
      </c>
      <c r="AA9" s="277">
        <v>29</v>
      </c>
      <c r="AB9" s="279">
        <v>0</v>
      </c>
      <c r="AC9" s="280">
        <v>60</v>
      </c>
      <c r="AD9" s="280">
        <v>78</v>
      </c>
      <c r="AE9" s="280">
        <v>57</v>
      </c>
      <c r="AF9" s="280">
        <v>29</v>
      </c>
      <c r="AG9" s="280">
        <v>19</v>
      </c>
      <c r="AH9" s="277">
        <v>243</v>
      </c>
      <c r="AI9" s="282">
        <v>272</v>
      </c>
      <c r="AJ9" s="276">
        <v>0</v>
      </c>
      <c r="AK9" s="280">
        <v>3</v>
      </c>
      <c r="AL9" s="277">
        <v>3</v>
      </c>
      <c r="AM9" s="279">
        <v>0</v>
      </c>
      <c r="AN9" s="280">
        <v>1</v>
      </c>
      <c r="AO9" s="280">
        <v>2</v>
      </c>
      <c r="AP9" s="280">
        <v>1</v>
      </c>
      <c r="AQ9" s="280">
        <v>2</v>
      </c>
      <c r="AR9" s="280">
        <v>1</v>
      </c>
      <c r="AS9" s="277">
        <v>7</v>
      </c>
      <c r="AT9" s="282">
        <v>10</v>
      </c>
      <c r="AU9" s="276">
        <v>19</v>
      </c>
      <c r="AV9" s="280">
        <v>22</v>
      </c>
      <c r="AW9" s="277">
        <v>41</v>
      </c>
      <c r="AX9" s="279">
        <v>0</v>
      </c>
      <c r="AY9" s="280">
        <v>99</v>
      </c>
      <c r="AZ9" s="280">
        <v>105</v>
      </c>
      <c r="BA9" s="280">
        <v>115</v>
      </c>
      <c r="BB9" s="280">
        <v>74</v>
      </c>
      <c r="BC9" s="280">
        <v>53</v>
      </c>
      <c r="BD9" s="281">
        <v>446</v>
      </c>
      <c r="BE9" s="282">
        <v>487</v>
      </c>
      <c r="BF9" s="276">
        <v>0</v>
      </c>
      <c r="BG9" s="280">
        <v>0</v>
      </c>
      <c r="BH9" s="277">
        <v>0</v>
      </c>
      <c r="BI9" s="279">
        <v>0</v>
      </c>
      <c r="BJ9" s="280">
        <v>117</v>
      </c>
      <c r="BK9" s="280">
        <v>125</v>
      </c>
      <c r="BL9" s="280">
        <v>74</v>
      </c>
      <c r="BM9" s="280">
        <v>34</v>
      </c>
      <c r="BN9" s="280">
        <v>13</v>
      </c>
      <c r="BO9" s="277">
        <v>363</v>
      </c>
      <c r="BP9" s="282">
        <v>363</v>
      </c>
      <c r="BQ9" s="276">
        <v>7</v>
      </c>
      <c r="BR9" s="280">
        <v>7</v>
      </c>
      <c r="BS9" s="277">
        <v>14</v>
      </c>
      <c r="BT9" s="279">
        <v>0</v>
      </c>
      <c r="BU9" s="280">
        <v>12</v>
      </c>
      <c r="BV9" s="280">
        <v>30</v>
      </c>
      <c r="BW9" s="280">
        <v>13</v>
      </c>
      <c r="BX9" s="280">
        <v>9</v>
      </c>
      <c r="BY9" s="280">
        <v>2</v>
      </c>
      <c r="BZ9" s="277">
        <v>66</v>
      </c>
      <c r="CA9" s="282">
        <v>80</v>
      </c>
      <c r="CB9" s="276">
        <v>0</v>
      </c>
      <c r="CC9" s="280">
        <v>1</v>
      </c>
      <c r="CD9" s="277">
        <v>1</v>
      </c>
      <c r="CE9" s="279">
        <v>0</v>
      </c>
      <c r="CF9" s="280">
        <v>15</v>
      </c>
      <c r="CG9" s="280">
        <v>20</v>
      </c>
      <c r="CH9" s="280">
        <v>24</v>
      </c>
      <c r="CI9" s="280">
        <v>8</v>
      </c>
      <c r="CJ9" s="280">
        <v>5</v>
      </c>
      <c r="CK9" s="277">
        <v>72</v>
      </c>
      <c r="CL9" s="282">
        <v>73</v>
      </c>
      <c r="CM9" s="276">
        <v>0</v>
      </c>
      <c r="CN9" s="280">
        <v>0</v>
      </c>
      <c r="CO9" s="277">
        <v>0</v>
      </c>
      <c r="CP9" s="279">
        <v>0</v>
      </c>
      <c r="CQ9" s="280">
        <v>0</v>
      </c>
      <c r="CR9" s="280">
        <v>0</v>
      </c>
      <c r="CS9" s="280">
        <v>1</v>
      </c>
      <c r="CT9" s="280">
        <v>2</v>
      </c>
      <c r="CU9" s="280">
        <v>1</v>
      </c>
      <c r="CV9" s="277">
        <v>4</v>
      </c>
      <c r="CW9" s="282">
        <v>4</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42</v>
      </c>
      <c r="DU9" s="280">
        <v>114</v>
      </c>
      <c r="DV9" s="277">
        <v>156</v>
      </c>
      <c r="DW9" s="279">
        <v>0</v>
      </c>
      <c r="DX9" s="280">
        <v>119</v>
      </c>
      <c r="DY9" s="280">
        <v>232</v>
      </c>
      <c r="DZ9" s="280">
        <v>150</v>
      </c>
      <c r="EA9" s="280">
        <v>91</v>
      </c>
      <c r="EB9" s="280">
        <v>44</v>
      </c>
      <c r="EC9" s="277">
        <v>636</v>
      </c>
      <c r="ED9" s="282">
        <v>792</v>
      </c>
      <c r="EE9" s="276">
        <v>14</v>
      </c>
      <c r="EF9" s="280">
        <v>13</v>
      </c>
      <c r="EG9" s="277">
        <v>27</v>
      </c>
      <c r="EH9" s="279">
        <v>0</v>
      </c>
      <c r="EI9" s="280">
        <v>34</v>
      </c>
      <c r="EJ9" s="280">
        <v>27</v>
      </c>
      <c r="EK9" s="280">
        <v>30</v>
      </c>
      <c r="EL9" s="280">
        <v>18</v>
      </c>
      <c r="EM9" s="280">
        <v>14</v>
      </c>
      <c r="EN9" s="277">
        <v>123</v>
      </c>
      <c r="EO9" s="282">
        <v>150</v>
      </c>
      <c r="EP9" s="276">
        <v>49</v>
      </c>
      <c r="EQ9" s="280">
        <v>133</v>
      </c>
      <c r="ER9" s="277">
        <v>182</v>
      </c>
      <c r="ES9" s="279">
        <v>0</v>
      </c>
      <c r="ET9" s="280">
        <v>293</v>
      </c>
      <c r="EU9" s="280">
        <v>333</v>
      </c>
      <c r="EV9" s="280">
        <v>180</v>
      </c>
      <c r="EW9" s="280">
        <v>99</v>
      </c>
      <c r="EX9" s="280">
        <v>43</v>
      </c>
      <c r="EY9" s="277">
        <v>948</v>
      </c>
      <c r="EZ9" s="282">
        <v>1130</v>
      </c>
    </row>
    <row r="10" spans="2:156" ht="21" customHeight="1" x14ac:dyDescent="0.2">
      <c r="B10" s="261" t="s">
        <v>7</v>
      </c>
      <c r="C10" s="276">
        <v>0</v>
      </c>
      <c r="D10" s="280">
        <v>0</v>
      </c>
      <c r="E10" s="384">
        <v>0</v>
      </c>
      <c r="F10" s="279">
        <v>0</v>
      </c>
      <c r="G10" s="280">
        <v>128</v>
      </c>
      <c r="H10" s="280">
        <v>82</v>
      </c>
      <c r="I10" s="280">
        <v>60</v>
      </c>
      <c r="J10" s="280">
        <v>43</v>
      </c>
      <c r="K10" s="280">
        <v>26</v>
      </c>
      <c r="L10" s="281">
        <v>339</v>
      </c>
      <c r="M10" s="282">
        <v>339</v>
      </c>
      <c r="N10" s="276">
        <v>0</v>
      </c>
      <c r="O10" s="280">
        <v>0</v>
      </c>
      <c r="P10" s="277">
        <v>0</v>
      </c>
      <c r="Q10" s="279">
        <v>0</v>
      </c>
      <c r="R10" s="280">
        <v>1</v>
      </c>
      <c r="S10" s="280">
        <v>5</v>
      </c>
      <c r="T10" s="280">
        <v>10</v>
      </c>
      <c r="U10" s="280">
        <v>16</v>
      </c>
      <c r="V10" s="280">
        <v>10</v>
      </c>
      <c r="W10" s="277">
        <v>42</v>
      </c>
      <c r="X10" s="282">
        <v>42</v>
      </c>
      <c r="Y10" s="276">
        <v>3</v>
      </c>
      <c r="Z10" s="280">
        <v>5</v>
      </c>
      <c r="AA10" s="277">
        <v>8</v>
      </c>
      <c r="AB10" s="279">
        <v>0</v>
      </c>
      <c r="AC10" s="280">
        <v>55</v>
      </c>
      <c r="AD10" s="280">
        <v>45</v>
      </c>
      <c r="AE10" s="280">
        <v>31</v>
      </c>
      <c r="AF10" s="280">
        <v>22</v>
      </c>
      <c r="AG10" s="280">
        <v>15</v>
      </c>
      <c r="AH10" s="277">
        <v>168</v>
      </c>
      <c r="AI10" s="282">
        <v>176</v>
      </c>
      <c r="AJ10" s="276">
        <v>0</v>
      </c>
      <c r="AK10" s="280">
        <v>0</v>
      </c>
      <c r="AL10" s="277">
        <v>0</v>
      </c>
      <c r="AM10" s="279">
        <v>0</v>
      </c>
      <c r="AN10" s="280">
        <v>8</v>
      </c>
      <c r="AO10" s="280">
        <v>2</v>
      </c>
      <c r="AP10" s="280">
        <v>5</v>
      </c>
      <c r="AQ10" s="280">
        <v>4</v>
      </c>
      <c r="AR10" s="280">
        <v>0</v>
      </c>
      <c r="AS10" s="277">
        <v>19</v>
      </c>
      <c r="AT10" s="282">
        <v>19</v>
      </c>
      <c r="AU10" s="276">
        <v>13</v>
      </c>
      <c r="AV10" s="280">
        <v>10</v>
      </c>
      <c r="AW10" s="277">
        <v>23</v>
      </c>
      <c r="AX10" s="279">
        <v>0</v>
      </c>
      <c r="AY10" s="280">
        <v>123</v>
      </c>
      <c r="AZ10" s="280">
        <v>96</v>
      </c>
      <c r="BA10" s="280">
        <v>93</v>
      </c>
      <c r="BB10" s="280">
        <v>88</v>
      </c>
      <c r="BC10" s="280">
        <v>46</v>
      </c>
      <c r="BD10" s="281">
        <v>446</v>
      </c>
      <c r="BE10" s="282">
        <v>469</v>
      </c>
      <c r="BF10" s="276">
        <v>0</v>
      </c>
      <c r="BG10" s="280">
        <v>0</v>
      </c>
      <c r="BH10" s="277">
        <v>0</v>
      </c>
      <c r="BI10" s="279">
        <v>0</v>
      </c>
      <c r="BJ10" s="280">
        <v>149</v>
      </c>
      <c r="BK10" s="280">
        <v>95</v>
      </c>
      <c r="BL10" s="280">
        <v>52</v>
      </c>
      <c r="BM10" s="280">
        <v>24</v>
      </c>
      <c r="BN10" s="280">
        <v>8</v>
      </c>
      <c r="BO10" s="277">
        <v>328</v>
      </c>
      <c r="BP10" s="282">
        <v>328</v>
      </c>
      <c r="BQ10" s="276">
        <v>2</v>
      </c>
      <c r="BR10" s="280">
        <v>0</v>
      </c>
      <c r="BS10" s="277">
        <v>2</v>
      </c>
      <c r="BT10" s="279">
        <v>0</v>
      </c>
      <c r="BU10" s="280">
        <v>26</v>
      </c>
      <c r="BV10" s="280">
        <v>25</v>
      </c>
      <c r="BW10" s="280">
        <v>15</v>
      </c>
      <c r="BX10" s="280">
        <v>4</v>
      </c>
      <c r="BY10" s="280">
        <v>0</v>
      </c>
      <c r="BZ10" s="277">
        <v>70</v>
      </c>
      <c r="CA10" s="282">
        <v>72</v>
      </c>
      <c r="CB10" s="276">
        <v>0</v>
      </c>
      <c r="CC10" s="280">
        <v>0</v>
      </c>
      <c r="CD10" s="277">
        <v>0</v>
      </c>
      <c r="CE10" s="279">
        <v>0</v>
      </c>
      <c r="CF10" s="280">
        <v>27</v>
      </c>
      <c r="CG10" s="280">
        <v>19</v>
      </c>
      <c r="CH10" s="280">
        <v>21</v>
      </c>
      <c r="CI10" s="280">
        <v>14</v>
      </c>
      <c r="CJ10" s="280">
        <v>6</v>
      </c>
      <c r="CK10" s="277">
        <v>87</v>
      </c>
      <c r="CL10" s="282">
        <v>87</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27</v>
      </c>
      <c r="DU10" s="280">
        <v>32</v>
      </c>
      <c r="DV10" s="277">
        <v>59</v>
      </c>
      <c r="DW10" s="279">
        <v>0</v>
      </c>
      <c r="DX10" s="280">
        <v>163</v>
      </c>
      <c r="DY10" s="280">
        <v>204</v>
      </c>
      <c r="DZ10" s="280">
        <v>111</v>
      </c>
      <c r="EA10" s="280">
        <v>70</v>
      </c>
      <c r="EB10" s="280">
        <v>38</v>
      </c>
      <c r="EC10" s="277">
        <v>586</v>
      </c>
      <c r="ED10" s="282">
        <v>645</v>
      </c>
      <c r="EE10" s="276">
        <v>9</v>
      </c>
      <c r="EF10" s="280">
        <v>4</v>
      </c>
      <c r="EG10" s="277">
        <v>13</v>
      </c>
      <c r="EH10" s="279">
        <v>0</v>
      </c>
      <c r="EI10" s="280">
        <v>56</v>
      </c>
      <c r="EJ10" s="280">
        <v>29</v>
      </c>
      <c r="EK10" s="280">
        <v>25</v>
      </c>
      <c r="EL10" s="280">
        <v>34</v>
      </c>
      <c r="EM10" s="280">
        <v>14</v>
      </c>
      <c r="EN10" s="277">
        <v>158</v>
      </c>
      <c r="EO10" s="282">
        <v>171</v>
      </c>
      <c r="EP10" s="276">
        <v>32</v>
      </c>
      <c r="EQ10" s="280">
        <v>35</v>
      </c>
      <c r="ER10" s="277">
        <v>67</v>
      </c>
      <c r="ES10" s="279">
        <v>0</v>
      </c>
      <c r="ET10" s="280">
        <v>384</v>
      </c>
      <c r="EU10" s="280">
        <v>271</v>
      </c>
      <c r="EV10" s="280">
        <v>141</v>
      </c>
      <c r="EW10" s="280">
        <v>76</v>
      </c>
      <c r="EX10" s="280">
        <v>42</v>
      </c>
      <c r="EY10" s="277">
        <v>914</v>
      </c>
      <c r="EZ10" s="282">
        <v>981</v>
      </c>
    </row>
    <row r="11" spans="2:156" ht="21" customHeight="1" x14ac:dyDescent="0.2">
      <c r="B11" s="261" t="s">
        <v>8</v>
      </c>
      <c r="C11" s="276">
        <v>0</v>
      </c>
      <c r="D11" s="280">
        <v>0</v>
      </c>
      <c r="E11" s="384">
        <v>0</v>
      </c>
      <c r="F11" s="279">
        <v>0</v>
      </c>
      <c r="G11" s="280">
        <v>22</v>
      </c>
      <c r="H11" s="280">
        <v>35</v>
      </c>
      <c r="I11" s="280">
        <v>19</v>
      </c>
      <c r="J11" s="280">
        <v>9</v>
      </c>
      <c r="K11" s="280">
        <v>8</v>
      </c>
      <c r="L11" s="281">
        <v>93</v>
      </c>
      <c r="M11" s="282">
        <v>93</v>
      </c>
      <c r="N11" s="276">
        <v>0</v>
      </c>
      <c r="O11" s="280">
        <v>1</v>
      </c>
      <c r="P11" s="277">
        <v>1</v>
      </c>
      <c r="Q11" s="279">
        <v>0</v>
      </c>
      <c r="R11" s="280">
        <v>0</v>
      </c>
      <c r="S11" s="280">
        <v>1</v>
      </c>
      <c r="T11" s="280">
        <v>1</v>
      </c>
      <c r="U11" s="280">
        <v>5</v>
      </c>
      <c r="V11" s="280">
        <v>3</v>
      </c>
      <c r="W11" s="277">
        <v>10</v>
      </c>
      <c r="X11" s="282">
        <v>11</v>
      </c>
      <c r="Y11" s="276">
        <v>2</v>
      </c>
      <c r="Z11" s="280">
        <v>8</v>
      </c>
      <c r="AA11" s="277">
        <v>10</v>
      </c>
      <c r="AB11" s="279">
        <v>0</v>
      </c>
      <c r="AC11" s="280">
        <v>17</v>
      </c>
      <c r="AD11" s="280">
        <v>26</v>
      </c>
      <c r="AE11" s="280">
        <v>20</v>
      </c>
      <c r="AF11" s="280">
        <v>17</v>
      </c>
      <c r="AG11" s="280">
        <v>9</v>
      </c>
      <c r="AH11" s="277">
        <v>89</v>
      </c>
      <c r="AI11" s="282">
        <v>99</v>
      </c>
      <c r="AJ11" s="276">
        <v>0</v>
      </c>
      <c r="AK11" s="280">
        <v>1</v>
      </c>
      <c r="AL11" s="277">
        <v>1</v>
      </c>
      <c r="AM11" s="279">
        <v>0</v>
      </c>
      <c r="AN11" s="280">
        <v>3</v>
      </c>
      <c r="AO11" s="280">
        <v>3</v>
      </c>
      <c r="AP11" s="280">
        <v>3</v>
      </c>
      <c r="AQ11" s="280">
        <v>2</v>
      </c>
      <c r="AR11" s="280">
        <v>0</v>
      </c>
      <c r="AS11" s="277">
        <v>11</v>
      </c>
      <c r="AT11" s="282">
        <v>12</v>
      </c>
      <c r="AU11" s="276">
        <v>7</v>
      </c>
      <c r="AV11" s="280">
        <v>5</v>
      </c>
      <c r="AW11" s="277">
        <v>12</v>
      </c>
      <c r="AX11" s="279">
        <v>0</v>
      </c>
      <c r="AY11" s="280">
        <v>34</v>
      </c>
      <c r="AZ11" s="280">
        <v>33</v>
      </c>
      <c r="BA11" s="280">
        <v>31</v>
      </c>
      <c r="BB11" s="280">
        <v>25</v>
      </c>
      <c r="BC11" s="280">
        <v>19</v>
      </c>
      <c r="BD11" s="281">
        <v>142</v>
      </c>
      <c r="BE11" s="282">
        <v>154</v>
      </c>
      <c r="BF11" s="276">
        <v>0</v>
      </c>
      <c r="BG11" s="280">
        <v>0</v>
      </c>
      <c r="BH11" s="277">
        <v>0</v>
      </c>
      <c r="BI11" s="279">
        <v>0</v>
      </c>
      <c r="BJ11" s="280">
        <v>31</v>
      </c>
      <c r="BK11" s="280">
        <v>37</v>
      </c>
      <c r="BL11" s="280">
        <v>22</v>
      </c>
      <c r="BM11" s="280">
        <v>7</v>
      </c>
      <c r="BN11" s="280">
        <v>2</v>
      </c>
      <c r="BO11" s="277">
        <v>99</v>
      </c>
      <c r="BP11" s="282">
        <v>99</v>
      </c>
      <c r="BQ11" s="276">
        <v>8</v>
      </c>
      <c r="BR11" s="280">
        <v>3</v>
      </c>
      <c r="BS11" s="277">
        <v>11</v>
      </c>
      <c r="BT11" s="279">
        <v>0</v>
      </c>
      <c r="BU11" s="280">
        <v>9</v>
      </c>
      <c r="BV11" s="280">
        <v>9</v>
      </c>
      <c r="BW11" s="280">
        <v>7</v>
      </c>
      <c r="BX11" s="280">
        <v>3</v>
      </c>
      <c r="BY11" s="280">
        <v>0</v>
      </c>
      <c r="BZ11" s="277">
        <v>28</v>
      </c>
      <c r="CA11" s="282">
        <v>39</v>
      </c>
      <c r="CB11" s="276">
        <v>0</v>
      </c>
      <c r="CC11" s="280">
        <v>0</v>
      </c>
      <c r="CD11" s="277">
        <v>0</v>
      </c>
      <c r="CE11" s="279">
        <v>0</v>
      </c>
      <c r="CF11" s="280">
        <v>4</v>
      </c>
      <c r="CG11" s="280">
        <v>4</v>
      </c>
      <c r="CH11" s="280">
        <v>9</v>
      </c>
      <c r="CI11" s="280">
        <v>3</v>
      </c>
      <c r="CJ11" s="280">
        <v>1</v>
      </c>
      <c r="CK11" s="277">
        <v>21</v>
      </c>
      <c r="CL11" s="282">
        <v>21</v>
      </c>
      <c r="CM11" s="276">
        <v>0</v>
      </c>
      <c r="CN11" s="280">
        <v>0</v>
      </c>
      <c r="CO11" s="277">
        <v>0</v>
      </c>
      <c r="CP11" s="279">
        <v>0</v>
      </c>
      <c r="CQ11" s="280">
        <v>0</v>
      </c>
      <c r="CR11" s="280">
        <v>1</v>
      </c>
      <c r="CS11" s="280">
        <v>1</v>
      </c>
      <c r="CT11" s="280">
        <v>1</v>
      </c>
      <c r="CU11" s="280">
        <v>0</v>
      </c>
      <c r="CV11" s="277">
        <v>3</v>
      </c>
      <c r="CW11" s="282">
        <v>3</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22</v>
      </c>
      <c r="DU11" s="280">
        <v>18</v>
      </c>
      <c r="DV11" s="277">
        <v>40</v>
      </c>
      <c r="DW11" s="279">
        <v>0</v>
      </c>
      <c r="DX11" s="280">
        <v>55</v>
      </c>
      <c r="DY11" s="280">
        <v>89</v>
      </c>
      <c r="DZ11" s="280">
        <v>52</v>
      </c>
      <c r="EA11" s="280">
        <v>31</v>
      </c>
      <c r="EB11" s="280">
        <v>15</v>
      </c>
      <c r="EC11" s="277">
        <v>242</v>
      </c>
      <c r="ED11" s="282">
        <v>282</v>
      </c>
      <c r="EE11" s="276">
        <v>6</v>
      </c>
      <c r="EF11" s="280">
        <v>6</v>
      </c>
      <c r="EG11" s="277">
        <v>12</v>
      </c>
      <c r="EH11" s="279">
        <v>0</v>
      </c>
      <c r="EI11" s="280">
        <v>12</v>
      </c>
      <c r="EJ11" s="280">
        <v>7</v>
      </c>
      <c r="EK11" s="280">
        <v>8</v>
      </c>
      <c r="EL11" s="280">
        <v>6</v>
      </c>
      <c r="EM11" s="280">
        <v>10</v>
      </c>
      <c r="EN11" s="277">
        <v>43</v>
      </c>
      <c r="EO11" s="282">
        <v>55</v>
      </c>
      <c r="EP11" s="276">
        <v>31</v>
      </c>
      <c r="EQ11" s="280">
        <v>26</v>
      </c>
      <c r="ER11" s="277">
        <v>57</v>
      </c>
      <c r="ES11" s="279">
        <v>0</v>
      </c>
      <c r="ET11" s="280">
        <v>102</v>
      </c>
      <c r="EU11" s="280">
        <v>113</v>
      </c>
      <c r="EV11" s="280">
        <v>59</v>
      </c>
      <c r="EW11" s="280">
        <v>32</v>
      </c>
      <c r="EX11" s="280">
        <v>14</v>
      </c>
      <c r="EY11" s="277">
        <v>320</v>
      </c>
      <c r="EZ11" s="282">
        <v>377</v>
      </c>
    </row>
    <row r="12" spans="2:156" ht="21" customHeight="1" x14ac:dyDescent="0.2">
      <c r="B12" s="261" t="s">
        <v>9</v>
      </c>
      <c r="C12" s="276">
        <v>0</v>
      </c>
      <c r="D12" s="280">
        <v>0</v>
      </c>
      <c r="E12" s="384">
        <v>0</v>
      </c>
      <c r="F12" s="279">
        <v>0</v>
      </c>
      <c r="G12" s="280">
        <v>51</v>
      </c>
      <c r="H12" s="280">
        <v>49</v>
      </c>
      <c r="I12" s="280">
        <v>40</v>
      </c>
      <c r="J12" s="280">
        <v>28</v>
      </c>
      <c r="K12" s="280">
        <v>21</v>
      </c>
      <c r="L12" s="281">
        <v>189</v>
      </c>
      <c r="M12" s="282">
        <v>189</v>
      </c>
      <c r="N12" s="276">
        <v>0</v>
      </c>
      <c r="O12" s="280">
        <v>0</v>
      </c>
      <c r="P12" s="277">
        <v>0</v>
      </c>
      <c r="Q12" s="279">
        <v>0</v>
      </c>
      <c r="R12" s="280">
        <v>0</v>
      </c>
      <c r="S12" s="280">
        <v>1</v>
      </c>
      <c r="T12" s="280">
        <v>3</v>
      </c>
      <c r="U12" s="280">
        <v>3</v>
      </c>
      <c r="V12" s="280">
        <v>8</v>
      </c>
      <c r="W12" s="277">
        <v>15</v>
      </c>
      <c r="X12" s="282">
        <v>15</v>
      </c>
      <c r="Y12" s="276">
        <v>3</v>
      </c>
      <c r="Z12" s="280">
        <v>9</v>
      </c>
      <c r="AA12" s="277">
        <v>12</v>
      </c>
      <c r="AB12" s="279">
        <v>0</v>
      </c>
      <c r="AC12" s="280">
        <v>41</v>
      </c>
      <c r="AD12" s="280">
        <v>24</v>
      </c>
      <c r="AE12" s="280">
        <v>26</v>
      </c>
      <c r="AF12" s="280">
        <v>23</v>
      </c>
      <c r="AG12" s="280">
        <v>18</v>
      </c>
      <c r="AH12" s="277">
        <v>132</v>
      </c>
      <c r="AI12" s="282">
        <v>144</v>
      </c>
      <c r="AJ12" s="276">
        <v>0</v>
      </c>
      <c r="AK12" s="280">
        <v>0</v>
      </c>
      <c r="AL12" s="277">
        <v>0</v>
      </c>
      <c r="AM12" s="279">
        <v>0</v>
      </c>
      <c r="AN12" s="280">
        <v>1</v>
      </c>
      <c r="AO12" s="280">
        <v>7</v>
      </c>
      <c r="AP12" s="280">
        <v>5</v>
      </c>
      <c r="AQ12" s="280">
        <v>6</v>
      </c>
      <c r="AR12" s="280">
        <v>2</v>
      </c>
      <c r="AS12" s="277">
        <v>21</v>
      </c>
      <c r="AT12" s="282">
        <v>21</v>
      </c>
      <c r="AU12" s="276">
        <v>12</v>
      </c>
      <c r="AV12" s="280">
        <v>7</v>
      </c>
      <c r="AW12" s="277">
        <v>19</v>
      </c>
      <c r="AX12" s="279">
        <v>0</v>
      </c>
      <c r="AY12" s="280">
        <v>57</v>
      </c>
      <c r="AZ12" s="280">
        <v>45</v>
      </c>
      <c r="BA12" s="280">
        <v>57</v>
      </c>
      <c r="BB12" s="280">
        <v>43</v>
      </c>
      <c r="BC12" s="280">
        <v>32</v>
      </c>
      <c r="BD12" s="281">
        <v>234</v>
      </c>
      <c r="BE12" s="282">
        <v>253</v>
      </c>
      <c r="BF12" s="276">
        <v>0</v>
      </c>
      <c r="BG12" s="280">
        <v>0</v>
      </c>
      <c r="BH12" s="277">
        <v>0</v>
      </c>
      <c r="BI12" s="279">
        <v>0</v>
      </c>
      <c r="BJ12" s="280">
        <v>46</v>
      </c>
      <c r="BK12" s="280">
        <v>39</v>
      </c>
      <c r="BL12" s="280">
        <v>32</v>
      </c>
      <c r="BM12" s="280">
        <v>15</v>
      </c>
      <c r="BN12" s="280">
        <v>7</v>
      </c>
      <c r="BO12" s="277">
        <v>139</v>
      </c>
      <c r="BP12" s="282">
        <v>139</v>
      </c>
      <c r="BQ12" s="276">
        <v>2</v>
      </c>
      <c r="BR12" s="280">
        <v>5</v>
      </c>
      <c r="BS12" s="277">
        <v>7</v>
      </c>
      <c r="BT12" s="279">
        <v>0</v>
      </c>
      <c r="BU12" s="280">
        <v>15</v>
      </c>
      <c r="BV12" s="280">
        <v>18</v>
      </c>
      <c r="BW12" s="280">
        <v>10</v>
      </c>
      <c r="BX12" s="280">
        <v>8</v>
      </c>
      <c r="BY12" s="280">
        <v>2</v>
      </c>
      <c r="BZ12" s="277">
        <v>53</v>
      </c>
      <c r="CA12" s="282">
        <v>60</v>
      </c>
      <c r="CB12" s="276">
        <v>0</v>
      </c>
      <c r="CC12" s="280">
        <v>0</v>
      </c>
      <c r="CD12" s="277">
        <v>0</v>
      </c>
      <c r="CE12" s="279">
        <v>0</v>
      </c>
      <c r="CF12" s="280">
        <v>9</v>
      </c>
      <c r="CG12" s="280">
        <v>7</v>
      </c>
      <c r="CH12" s="280">
        <v>11</v>
      </c>
      <c r="CI12" s="280">
        <v>6</v>
      </c>
      <c r="CJ12" s="280">
        <v>5</v>
      </c>
      <c r="CK12" s="277">
        <v>38</v>
      </c>
      <c r="CL12" s="282">
        <v>38</v>
      </c>
      <c r="CM12" s="276">
        <v>0</v>
      </c>
      <c r="CN12" s="280">
        <v>0</v>
      </c>
      <c r="CO12" s="277">
        <v>0</v>
      </c>
      <c r="CP12" s="279">
        <v>0</v>
      </c>
      <c r="CQ12" s="280">
        <v>1</v>
      </c>
      <c r="CR12" s="280">
        <v>0</v>
      </c>
      <c r="CS12" s="280">
        <v>0</v>
      </c>
      <c r="CT12" s="280">
        <v>1</v>
      </c>
      <c r="CU12" s="280">
        <v>0</v>
      </c>
      <c r="CV12" s="277">
        <v>2</v>
      </c>
      <c r="CW12" s="282">
        <v>2</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2</v>
      </c>
      <c r="DU12" s="280">
        <v>33</v>
      </c>
      <c r="DV12" s="277">
        <v>65</v>
      </c>
      <c r="DW12" s="279">
        <v>0</v>
      </c>
      <c r="DX12" s="280">
        <v>79</v>
      </c>
      <c r="DY12" s="280">
        <v>88</v>
      </c>
      <c r="DZ12" s="280">
        <v>73</v>
      </c>
      <c r="EA12" s="280">
        <v>48</v>
      </c>
      <c r="EB12" s="280">
        <v>31</v>
      </c>
      <c r="EC12" s="277">
        <v>319</v>
      </c>
      <c r="ED12" s="282">
        <v>384</v>
      </c>
      <c r="EE12" s="276">
        <v>8</v>
      </c>
      <c r="EF12" s="280">
        <v>3</v>
      </c>
      <c r="EG12" s="277">
        <v>11</v>
      </c>
      <c r="EH12" s="279">
        <v>0</v>
      </c>
      <c r="EI12" s="280">
        <v>20</v>
      </c>
      <c r="EJ12" s="280">
        <v>16</v>
      </c>
      <c r="EK12" s="280">
        <v>14</v>
      </c>
      <c r="EL12" s="280">
        <v>12</v>
      </c>
      <c r="EM12" s="280">
        <v>9</v>
      </c>
      <c r="EN12" s="277">
        <v>71</v>
      </c>
      <c r="EO12" s="282">
        <v>82</v>
      </c>
      <c r="EP12" s="276">
        <v>35</v>
      </c>
      <c r="EQ12" s="280">
        <v>43</v>
      </c>
      <c r="ER12" s="277">
        <v>78</v>
      </c>
      <c r="ES12" s="279">
        <v>0</v>
      </c>
      <c r="ET12" s="280">
        <v>159</v>
      </c>
      <c r="EU12" s="280">
        <v>121</v>
      </c>
      <c r="EV12" s="280">
        <v>87</v>
      </c>
      <c r="EW12" s="280">
        <v>50</v>
      </c>
      <c r="EX12" s="280">
        <v>32</v>
      </c>
      <c r="EY12" s="277">
        <v>449</v>
      </c>
      <c r="EZ12" s="282">
        <v>527</v>
      </c>
    </row>
    <row r="13" spans="2:156" ht="21" customHeight="1" x14ac:dyDescent="0.2">
      <c r="B13" s="261" t="s">
        <v>10</v>
      </c>
      <c r="C13" s="276">
        <v>0</v>
      </c>
      <c r="D13" s="280">
        <v>0</v>
      </c>
      <c r="E13" s="384">
        <v>0</v>
      </c>
      <c r="F13" s="279">
        <v>0</v>
      </c>
      <c r="G13" s="280">
        <v>89</v>
      </c>
      <c r="H13" s="280">
        <v>51</v>
      </c>
      <c r="I13" s="280">
        <v>33</v>
      </c>
      <c r="J13" s="280">
        <v>29</v>
      </c>
      <c r="K13" s="280">
        <v>16</v>
      </c>
      <c r="L13" s="281">
        <v>218</v>
      </c>
      <c r="M13" s="282">
        <v>218</v>
      </c>
      <c r="N13" s="276">
        <v>0</v>
      </c>
      <c r="O13" s="280">
        <v>0</v>
      </c>
      <c r="P13" s="277">
        <v>0</v>
      </c>
      <c r="Q13" s="279">
        <v>0</v>
      </c>
      <c r="R13" s="280">
        <v>0</v>
      </c>
      <c r="S13" s="280">
        <v>0</v>
      </c>
      <c r="T13" s="280">
        <v>1</v>
      </c>
      <c r="U13" s="280">
        <v>9</v>
      </c>
      <c r="V13" s="280">
        <v>11</v>
      </c>
      <c r="W13" s="277">
        <v>21</v>
      </c>
      <c r="X13" s="282">
        <v>21</v>
      </c>
      <c r="Y13" s="276">
        <v>16</v>
      </c>
      <c r="Z13" s="280">
        <v>20</v>
      </c>
      <c r="AA13" s="277">
        <v>36</v>
      </c>
      <c r="AB13" s="279">
        <v>0</v>
      </c>
      <c r="AC13" s="280">
        <v>63</v>
      </c>
      <c r="AD13" s="280">
        <v>35</v>
      </c>
      <c r="AE13" s="280">
        <v>31</v>
      </c>
      <c r="AF13" s="280">
        <v>21</v>
      </c>
      <c r="AG13" s="280">
        <v>15</v>
      </c>
      <c r="AH13" s="277">
        <v>165</v>
      </c>
      <c r="AI13" s="282">
        <v>201</v>
      </c>
      <c r="AJ13" s="276">
        <v>2</v>
      </c>
      <c r="AK13" s="280">
        <v>5</v>
      </c>
      <c r="AL13" s="277">
        <v>7</v>
      </c>
      <c r="AM13" s="279">
        <v>0</v>
      </c>
      <c r="AN13" s="280">
        <v>8</v>
      </c>
      <c r="AO13" s="280">
        <v>7</v>
      </c>
      <c r="AP13" s="280">
        <v>3</v>
      </c>
      <c r="AQ13" s="280">
        <v>4</v>
      </c>
      <c r="AR13" s="280">
        <v>4</v>
      </c>
      <c r="AS13" s="277">
        <v>26</v>
      </c>
      <c r="AT13" s="282">
        <v>33</v>
      </c>
      <c r="AU13" s="276">
        <v>14</v>
      </c>
      <c r="AV13" s="280">
        <v>17</v>
      </c>
      <c r="AW13" s="277">
        <v>31</v>
      </c>
      <c r="AX13" s="279">
        <v>0</v>
      </c>
      <c r="AY13" s="280">
        <v>86</v>
      </c>
      <c r="AZ13" s="280">
        <v>84</v>
      </c>
      <c r="BA13" s="280">
        <v>59</v>
      </c>
      <c r="BB13" s="280">
        <v>64</v>
      </c>
      <c r="BC13" s="280">
        <v>44</v>
      </c>
      <c r="BD13" s="281">
        <v>337</v>
      </c>
      <c r="BE13" s="282">
        <v>368</v>
      </c>
      <c r="BF13" s="276">
        <v>0</v>
      </c>
      <c r="BG13" s="280">
        <v>0</v>
      </c>
      <c r="BH13" s="277">
        <v>0</v>
      </c>
      <c r="BI13" s="279">
        <v>0</v>
      </c>
      <c r="BJ13" s="280">
        <v>111</v>
      </c>
      <c r="BK13" s="280">
        <v>69</v>
      </c>
      <c r="BL13" s="280">
        <v>45</v>
      </c>
      <c r="BM13" s="280">
        <v>18</v>
      </c>
      <c r="BN13" s="280">
        <v>10</v>
      </c>
      <c r="BO13" s="277">
        <v>253</v>
      </c>
      <c r="BP13" s="282">
        <v>253</v>
      </c>
      <c r="BQ13" s="276">
        <v>3</v>
      </c>
      <c r="BR13" s="280">
        <v>6</v>
      </c>
      <c r="BS13" s="277">
        <v>9</v>
      </c>
      <c r="BT13" s="279">
        <v>0</v>
      </c>
      <c r="BU13" s="280">
        <v>19</v>
      </c>
      <c r="BV13" s="280">
        <v>12</v>
      </c>
      <c r="BW13" s="280">
        <v>11</v>
      </c>
      <c r="BX13" s="280">
        <v>3</v>
      </c>
      <c r="BY13" s="280">
        <v>3</v>
      </c>
      <c r="BZ13" s="277">
        <v>48</v>
      </c>
      <c r="CA13" s="282">
        <v>57</v>
      </c>
      <c r="CB13" s="276">
        <v>1</v>
      </c>
      <c r="CC13" s="280">
        <v>0</v>
      </c>
      <c r="CD13" s="277">
        <v>1</v>
      </c>
      <c r="CE13" s="279">
        <v>0</v>
      </c>
      <c r="CF13" s="280">
        <v>11</v>
      </c>
      <c r="CG13" s="280">
        <v>16</v>
      </c>
      <c r="CH13" s="280">
        <v>14</v>
      </c>
      <c r="CI13" s="280">
        <v>14</v>
      </c>
      <c r="CJ13" s="280">
        <v>3</v>
      </c>
      <c r="CK13" s="277">
        <v>58</v>
      </c>
      <c r="CL13" s="282">
        <v>59</v>
      </c>
      <c r="CM13" s="276">
        <v>0</v>
      </c>
      <c r="CN13" s="280">
        <v>0</v>
      </c>
      <c r="CO13" s="277">
        <v>0</v>
      </c>
      <c r="CP13" s="279">
        <v>0</v>
      </c>
      <c r="CQ13" s="280">
        <v>2</v>
      </c>
      <c r="CR13" s="280">
        <v>5</v>
      </c>
      <c r="CS13" s="280">
        <v>1</v>
      </c>
      <c r="CT13" s="280">
        <v>2</v>
      </c>
      <c r="CU13" s="280">
        <v>0</v>
      </c>
      <c r="CV13" s="277">
        <v>10</v>
      </c>
      <c r="CW13" s="282">
        <v>10</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62</v>
      </c>
      <c r="DU13" s="280">
        <v>74</v>
      </c>
      <c r="DV13" s="277">
        <v>136</v>
      </c>
      <c r="DW13" s="279">
        <v>0</v>
      </c>
      <c r="DX13" s="280">
        <v>131</v>
      </c>
      <c r="DY13" s="280">
        <v>123</v>
      </c>
      <c r="DZ13" s="280">
        <v>77</v>
      </c>
      <c r="EA13" s="280">
        <v>64</v>
      </c>
      <c r="EB13" s="280">
        <v>29</v>
      </c>
      <c r="EC13" s="277">
        <v>424</v>
      </c>
      <c r="ED13" s="282">
        <v>560</v>
      </c>
      <c r="EE13" s="276">
        <v>9</v>
      </c>
      <c r="EF13" s="280">
        <v>5</v>
      </c>
      <c r="EG13" s="277">
        <v>14</v>
      </c>
      <c r="EH13" s="279">
        <v>0</v>
      </c>
      <c r="EI13" s="280">
        <v>28</v>
      </c>
      <c r="EJ13" s="280">
        <v>13</v>
      </c>
      <c r="EK13" s="280">
        <v>14</v>
      </c>
      <c r="EL13" s="280">
        <v>18</v>
      </c>
      <c r="EM13" s="280">
        <v>10</v>
      </c>
      <c r="EN13" s="277">
        <v>83</v>
      </c>
      <c r="EO13" s="282">
        <v>97</v>
      </c>
      <c r="EP13" s="276">
        <v>78</v>
      </c>
      <c r="EQ13" s="280">
        <v>91</v>
      </c>
      <c r="ER13" s="277">
        <v>169</v>
      </c>
      <c r="ES13" s="279">
        <v>0</v>
      </c>
      <c r="ET13" s="280">
        <v>260</v>
      </c>
      <c r="EU13" s="280">
        <v>156</v>
      </c>
      <c r="EV13" s="280">
        <v>88</v>
      </c>
      <c r="EW13" s="280">
        <v>63</v>
      </c>
      <c r="EX13" s="280">
        <v>31</v>
      </c>
      <c r="EY13" s="277">
        <v>598</v>
      </c>
      <c r="EZ13" s="282">
        <v>767</v>
      </c>
    </row>
    <row r="14" spans="2:156" ht="21" customHeight="1" x14ac:dyDescent="0.2">
      <c r="B14" s="261" t="s">
        <v>11</v>
      </c>
      <c r="C14" s="276">
        <v>0</v>
      </c>
      <c r="D14" s="280">
        <v>0</v>
      </c>
      <c r="E14" s="384">
        <v>0</v>
      </c>
      <c r="F14" s="279">
        <v>0</v>
      </c>
      <c r="G14" s="280">
        <v>11</v>
      </c>
      <c r="H14" s="280">
        <v>17</v>
      </c>
      <c r="I14" s="280">
        <v>16</v>
      </c>
      <c r="J14" s="280">
        <v>16</v>
      </c>
      <c r="K14" s="280">
        <v>8</v>
      </c>
      <c r="L14" s="281">
        <v>68</v>
      </c>
      <c r="M14" s="282">
        <v>68</v>
      </c>
      <c r="N14" s="276">
        <v>0</v>
      </c>
      <c r="O14" s="280">
        <v>0</v>
      </c>
      <c r="P14" s="277">
        <v>0</v>
      </c>
      <c r="Q14" s="279">
        <v>0</v>
      </c>
      <c r="R14" s="280">
        <v>0</v>
      </c>
      <c r="S14" s="280">
        <v>3</v>
      </c>
      <c r="T14" s="280">
        <v>2</v>
      </c>
      <c r="U14" s="280">
        <v>4</v>
      </c>
      <c r="V14" s="280">
        <v>1</v>
      </c>
      <c r="W14" s="277">
        <v>10</v>
      </c>
      <c r="X14" s="282">
        <v>10</v>
      </c>
      <c r="Y14" s="276">
        <v>5</v>
      </c>
      <c r="Z14" s="280">
        <v>6</v>
      </c>
      <c r="AA14" s="277">
        <v>11</v>
      </c>
      <c r="AB14" s="279">
        <v>0</v>
      </c>
      <c r="AC14" s="280">
        <v>21</v>
      </c>
      <c r="AD14" s="280">
        <v>19</v>
      </c>
      <c r="AE14" s="280">
        <v>13</v>
      </c>
      <c r="AF14" s="280">
        <v>13</v>
      </c>
      <c r="AG14" s="280">
        <v>8</v>
      </c>
      <c r="AH14" s="277">
        <v>74</v>
      </c>
      <c r="AI14" s="282">
        <v>85</v>
      </c>
      <c r="AJ14" s="276">
        <v>0</v>
      </c>
      <c r="AK14" s="280">
        <v>2</v>
      </c>
      <c r="AL14" s="277">
        <v>2</v>
      </c>
      <c r="AM14" s="279">
        <v>0</v>
      </c>
      <c r="AN14" s="280">
        <v>2</v>
      </c>
      <c r="AO14" s="280">
        <v>1</v>
      </c>
      <c r="AP14" s="280">
        <v>0</v>
      </c>
      <c r="AQ14" s="280">
        <v>4</v>
      </c>
      <c r="AR14" s="280">
        <v>0</v>
      </c>
      <c r="AS14" s="277">
        <v>7</v>
      </c>
      <c r="AT14" s="282">
        <v>9</v>
      </c>
      <c r="AU14" s="276">
        <v>4</v>
      </c>
      <c r="AV14" s="280">
        <v>7</v>
      </c>
      <c r="AW14" s="277">
        <v>11</v>
      </c>
      <c r="AX14" s="279">
        <v>0</v>
      </c>
      <c r="AY14" s="280">
        <v>30</v>
      </c>
      <c r="AZ14" s="280">
        <v>26</v>
      </c>
      <c r="BA14" s="280">
        <v>26</v>
      </c>
      <c r="BB14" s="280">
        <v>30</v>
      </c>
      <c r="BC14" s="280">
        <v>13</v>
      </c>
      <c r="BD14" s="281">
        <v>125</v>
      </c>
      <c r="BE14" s="282">
        <v>136</v>
      </c>
      <c r="BF14" s="276">
        <v>0</v>
      </c>
      <c r="BG14" s="280">
        <v>0</v>
      </c>
      <c r="BH14" s="277">
        <v>0</v>
      </c>
      <c r="BI14" s="279">
        <v>0</v>
      </c>
      <c r="BJ14" s="280">
        <v>35</v>
      </c>
      <c r="BK14" s="280">
        <v>17</v>
      </c>
      <c r="BL14" s="280">
        <v>19</v>
      </c>
      <c r="BM14" s="280">
        <v>9</v>
      </c>
      <c r="BN14" s="280">
        <v>2</v>
      </c>
      <c r="BO14" s="277">
        <v>82</v>
      </c>
      <c r="BP14" s="282">
        <v>82</v>
      </c>
      <c r="BQ14" s="276">
        <v>3</v>
      </c>
      <c r="BR14" s="280">
        <v>3</v>
      </c>
      <c r="BS14" s="277">
        <v>6</v>
      </c>
      <c r="BT14" s="279">
        <v>0</v>
      </c>
      <c r="BU14" s="280">
        <v>15</v>
      </c>
      <c r="BV14" s="280">
        <v>9</v>
      </c>
      <c r="BW14" s="280">
        <v>3</v>
      </c>
      <c r="BX14" s="280">
        <v>7</v>
      </c>
      <c r="BY14" s="280">
        <v>1</v>
      </c>
      <c r="BZ14" s="277">
        <v>35</v>
      </c>
      <c r="CA14" s="282">
        <v>41</v>
      </c>
      <c r="CB14" s="276">
        <v>1</v>
      </c>
      <c r="CC14" s="280">
        <v>0</v>
      </c>
      <c r="CD14" s="277">
        <v>1</v>
      </c>
      <c r="CE14" s="279">
        <v>0</v>
      </c>
      <c r="CF14" s="280">
        <v>7</v>
      </c>
      <c r="CG14" s="280">
        <v>4</v>
      </c>
      <c r="CH14" s="280">
        <v>7</v>
      </c>
      <c r="CI14" s="280">
        <v>4</v>
      </c>
      <c r="CJ14" s="280">
        <v>0</v>
      </c>
      <c r="CK14" s="277">
        <v>22</v>
      </c>
      <c r="CL14" s="282">
        <v>23</v>
      </c>
      <c r="CM14" s="276">
        <v>0</v>
      </c>
      <c r="CN14" s="280">
        <v>0</v>
      </c>
      <c r="CO14" s="277">
        <v>0</v>
      </c>
      <c r="CP14" s="279">
        <v>0</v>
      </c>
      <c r="CQ14" s="280">
        <v>0</v>
      </c>
      <c r="CR14" s="280">
        <v>1</v>
      </c>
      <c r="CS14" s="280">
        <v>0</v>
      </c>
      <c r="CT14" s="280">
        <v>1</v>
      </c>
      <c r="CU14" s="280">
        <v>0</v>
      </c>
      <c r="CV14" s="277">
        <v>2</v>
      </c>
      <c r="CW14" s="282">
        <v>2</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20</v>
      </c>
      <c r="DU14" s="280">
        <v>35</v>
      </c>
      <c r="DV14" s="277">
        <v>55</v>
      </c>
      <c r="DW14" s="279">
        <v>0</v>
      </c>
      <c r="DX14" s="280">
        <v>47</v>
      </c>
      <c r="DY14" s="280">
        <v>46</v>
      </c>
      <c r="DZ14" s="280">
        <v>39</v>
      </c>
      <c r="EA14" s="280">
        <v>34</v>
      </c>
      <c r="EB14" s="280">
        <v>12</v>
      </c>
      <c r="EC14" s="277">
        <v>178</v>
      </c>
      <c r="ED14" s="282">
        <v>233</v>
      </c>
      <c r="EE14" s="276">
        <v>1</v>
      </c>
      <c r="EF14" s="280">
        <v>4</v>
      </c>
      <c r="EG14" s="277">
        <v>5</v>
      </c>
      <c r="EH14" s="279">
        <v>0</v>
      </c>
      <c r="EI14" s="280">
        <v>21</v>
      </c>
      <c r="EJ14" s="280">
        <v>13</v>
      </c>
      <c r="EK14" s="280">
        <v>10</v>
      </c>
      <c r="EL14" s="280">
        <v>15</v>
      </c>
      <c r="EM14" s="280">
        <v>4</v>
      </c>
      <c r="EN14" s="277">
        <v>63</v>
      </c>
      <c r="EO14" s="282">
        <v>68</v>
      </c>
      <c r="EP14" s="276">
        <v>28</v>
      </c>
      <c r="EQ14" s="280">
        <v>38</v>
      </c>
      <c r="ER14" s="277">
        <v>66</v>
      </c>
      <c r="ES14" s="279">
        <v>0</v>
      </c>
      <c r="ET14" s="280">
        <v>94</v>
      </c>
      <c r="EU14" s="280">
        <v>60</v>
      </c>
      <c r="EV14" s="280">
        <v>46</v>
      </c>
      <c r="EW14" s="280">
        <v>33</v>
      </c>
      <c r="EX14" s="280">
        <v>12</v>
      </c>
      <c r="EY14" s="277">
        <v>245</v>
      </c>
      <c r="EZ14" s="282">
        <v>311</v>
      </c>
    </row>
    <row r="15" spans="2:156" ht="21" customHeight="1" x14ac:dyDescent="0.2">
      <c r="B15" s="261" t="s">
        <v>12</v>
      </c>
      <c r="C15" s="276">
        <v>0</v>
      </c>
      <c r="D15" s="280">
        <v>0</v>
      </c>
      <c r="E15" s="384">
        <v>0</v>
      </c>
      <c r="F15" s="279">
        <v>0</v>
      </c>
      <c r="G15" s="280">
        <v>34</v>
      </c>
      <c r="H15" s="280">
        <v>31</v>
      </c>
      <c r="I15" s="280">
        <v>19</v>
      </c>
      <c r="J15" s="280">
        <v>24</v>
      </c>
      <c r="K15" s="280">
        <v>13</v>
      </c>
      <c r="L15" s="281">
        <v>121</v>
      </c>
      <c r="M15" s="282">
        <v>121</v>
      </c>
      <c r="N15" s="276">
        <v>0</v>
      </c>
      <c r="O15" s="280">
        <v>0</v>
      </c>
      <c r="P15" s="277">
        <v>0</v>
      </c>
      <c r="Q15" s="279">
        <v>0</v>
      </c>
      <c r="R15" s="280">
        <v>0</v>
      </c>
      <c r="S15" s="280">
        <v>1</v>
      </c>
      <c r="T15" s="280">
        <v>3</v>
      </c>
      <c r="U15" s="280">
        <v>4</v>
      </c>
      <c r="V15" s="280">
        <v>5</v>
      </c>
      <c r="W15" s="277">
        <v>13</v>
      </c>
      <c r="X15" s="282">
        <v>13</v>
      </c>
      <c r="Y15" s="276">
        <v>17</v>
      </c>
      <c r="Z15" s="280">
        <v>16</v>
      </c>
      <c r="AA15" s="277">
        <v>33</v>
      </c>
      <c r="AB15" s="279">
        <v>0</v>
      </c>
      <c r="AC15" s="280">
        <v>22</v>
      </c>
      <c r="AD15" s="280">
        <v>40</v>
      </c>
      <c r="AE15" s="280">
        <v>25</v>
      </c>
      <c r="AF15" s="280">
        <v>15</v>
      </c>
      <c r="AG15" s="280">
        <v>10</v>
      </c>
      <c r="AH15" s="277">
        <v>112</v>
      </c>
      <c r="AI15" s="282">
        <v>145</v>
      </c>
      <c r="AJ15" s="276">
        <v>0</v>
      </c>
      <c r="AK15" s="280">
        <v>0</v>
      </c>
      <c r="AL15" s="277">
        <v>0</v>
      </c>
      <c r="AM15" s="279">
        <v>0</v>
      </c>
      <c r="AN15" s="280">
        <v>0</v>
      </c>
      <c r="AO15" s="280">
        <v>6</v>
      </c>
      <c r="AP15" s="280">
        <v>4</v>
      </c>
      <c r="AQ15" s="280">
        <v>3</v>
      </c>
      <c r="AR15" s="280">
        <v>2</v>
      </c>
      <c r="AS15" s="277">
        <v>15</v>
      </c>
      <c r="AT15" s="282">
        <v>15</v>
      </c>
      <c r="AU15" s="276">
        <v>8</v>
      </c>
      <c r="AV15" s="280">
        <v>9</v>
      </c>
      <c r="AW15" s="277">
        <v>17</v>
      </c>
      <c r="AX15" s="279">
        <v>0</v>
      </c>
      <c r="AY15" s="280">
        <v>23</v>
      </c>
      <c r="AZ15" s="280">
        <v>29</v>
      </c>
      <c r="BA15" s="280">
        <v>34</v>
      </c>
      <c r="BB15" s="280">
        <v>36</v>
      </c>
      <c r="BC15" s="280">
        <v>19</v>
      </c>
      <c r="BD15" s="281">
        <v>141</v>
      </c>
      <c r="BE15" s="282">
        <v>158</v>
      </c>
      <c r="BF15" s="276">
        <v>0</v>
      </c>
      <c r="BG15" s="280">
        <v>0</v>
      </c>
      <c r="BH15" s="277">
        <v>0</v>
      </c>
      <c r="BI15" s="279">
        <v>0</v>
      </c>
      <c r="BJ15" s="280">
        <v>47</v>
      </c>
      <c r="BK15" s="280">
        <v>29</v>
      </c>
      <c r="BL15" s="280">
        <v>17</v>
      </c>
      <c r="BM15" s="280">
        <v>9</v>
      </c>
      <c r="BN15" s="280">
        <v>2</v>
      </c>
      <c r="BO15" s="277">
        <v>104</v>
      </c>
      <c r="BP15" s="282">
        <v>104</v>
      </c>
      <c r="BQ15" s="276">
        <v>13</v>
      </c>
      <c r="BR15" s="280">
        <v>6</v>
      </c>
      <c r="BS15" s="277">
        <v>19</v>
      </c>
      <c r="BT15" s="279">
        <v>0</v>
      </c>
      <c r="BU15" s="280">
        <v>9</v>
      </c>
      <c r="BV15" s="280">
        <v>14</v>
      </c>
      <c r="BW15" s="280">
        <v>11</v>
      </c>
      <c r="BX15" s="280">
        <v>7</v>
      </c>
      <c r="BY15" s="280">
        <v>4</v>
      </c>
      <c r="BZ15" s="277">
        <v>45</v>
      </c>
      <c r="CA15" s="282">
        <v>64</v>
      </c>
      <c r="CB15" s="276">
        <v>1</v>
      </c>
      <c r="CC15" s="280">
        <v>2</v>
      </c>
      <c r="CD15" s="277">
        <v>3</v>
      </c>
      <c r="CE15" s="279">
        <v>0</v>
      </c>
      <c r="CF15" s="280">
        <v>10</v>
      </c>
      <c r="CG15" s="280">
        <v>7</v>
      </c>
      <c r="CH15" s="280">
        <v>9</v>
      </c>
      <c r="CI15" s="280">
        <v>13</v>
      </c>
      <c r="CJ15" s="280">
        <v>3</v>
      </c>
      <c r="CK15" s="277">
        <v>42</v>
      </c>
      <c r="CL15" s="282">
        <v>45</v>
      </c>
      <c r="CM15" s="276">
        <v>0</v>
      </c>
      <c r="CN15" s="280">
        <v>0</v>
      </c>
      <c r="CO15" s="277">
        <v>0</v>
      </c>
      <c r="CP15" s="279">
        <v>0</v>
      </c>
      <c r="CQ15" s="280">
        <v>0</v>
      </c>
      <c r="CR15" s="280">
        <v>1</v>
      </c>
      <c r="CS15" s="280">
        <v>0</v>
      </c>
      <c r="CT15" s="280">
        <v>1</v>
      </c>
      <c r="CU15" s="280">
        <v>0</v>
      </c>
      <c r="CV15" s="277">
        <v>2</v>
      </c>
      <c r="CW15" s="282">
        <v>2</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18</v>
      </c>
      <c r="DU15" s="280">
        <v>42</v>
      </c>
      <c r="DV15" s="277">
        <v>60</v>
      </c>
      <c r="DW15" s="279">
        <v>0</v>
      </c>
      <c r="DX15" s="280">
        <v>37</v>
      </c>
      <c r="DY15" s="280">
        <v>82</v>
      </c>
      <c r="DZ15" s="280">
        <v>62</v>
      </c>
      <c r="EA15" s="280">
        <v>49</v>
      </c>
      <c r="EB15" s="280">
        <v>22</v>
      </c>
      <c r="EC15" s="277">
        <v>252</v>
      </c>
      <c r="ED15" s="282">
        <v>312</v>
      </c>
      <c r="EE15" s="276">
        <v>2</v>
      </c>
      <c r="EF15" s="280">
        <v>6</v>
      </c>
      <c r="EG15" s="277">
        <v>8</v>
      </c>
      <c r="EH15" s="279">
        <v>0</v>
      </c>
      <c r="EI15" s="280">
        <v>7</v>
      </c>
      <c r="EJ15" s="280">
        <v>8</v>
      </c>
      <c r="EK15" s="280">
        <v>14</v>
      </c>
      <c r="EL15" s="280">
        <v>14</v>
      </c>
      <c r="EM15" s="280">
        <v>3</v>
      </c>
      <c r="EN15" s="277">
        <v>46</v>
      </c>
      <c r="EO15" s="282">
        <v>54</v>
      </c>
      <c r="EP15" s="276">
        <v>45</v>
      </c>
      <c r="EQ15" s="280">
        <v>55</v>
      </c>
      <c r="ER15" s="277">
        <v>100</v>
      </c>
      <c r="ES15" s="279">
        <v>0</v>
      </c>
      <c r="ET15" s="280">
        <v>118</v>
      </c>
      <c r="EU15" s="280">
        <v>104</v>
      </c>
      <c r="EV15" s="280">
        <v>63</v>
      </c>
      <c r="EW15" s="280">
        <v>49</v>
      </c>
      <c r="EX15" s="280">
        <v>22</v>
      </c>
      <c r="EY15" s="277">
        <v>356</v>
      </c>
      <c r="EZ15" s="282">
        <v>456</v>
      </c>
    </row>
    <row r="16" spans="2:156" ht="21" customHeight="1" x14ac:dyDescent="0.2">
      <c r="B16" s="261" t="s">
        <v>13</v>
      </c>
      <c r="C16" s="276">
        <v>0</v>
      </c>
      <c r="D16" s="280">
        <v>0</v>
      </c>
      <c r="E16" s="384">
        <v>0</v>
      </c>
      <c r="F16" s="279">
        <v>0</v>
      </c>
      <c r="G16" s="280">
        <v>20</v>
      </c>
      <c r="H16" s="280">
        <v>21</v>
      </c>
      <c r="I16" s="280">
        <v>12</v>
      </c>
      <c r="J16" s="280">
        <v>8</v>
      </c>
      <c r="K16" s="280">
        <v>7</v>
      </c>
      <c r="L16" s="281">
        <v>68</v>
      </c>
      <c r="M16" s="282">
        <v>68</v>
      </c>
      <c r="N16" s="276">
        <v>0</v>
      </c>
      <c r="O16" s="280">
        <v>0</v>
      </c>
      <c r="P16" s="277">
        <v>0</v>
      </c>
      <c r="Q16" s="279">
        <v>0</v>
      </c>
      <c r="R16" s="280">
        <v>0</v>
      </c>
      <c r="S16" s="280">
        <v>0</v>
      </c>
      <c r="T16" s="280">
        <v>1</v>
      </c>
      <c r="U16" s="280">
        <v>2</v>
      </c>
      <c r="V16" s="280">
        <v>4</v>
      </c>
      <c r="W16" s="277">
        <v>7</v>
      </c>
      <c r="X16" s="282">
        <v>7</v>
      </c>
      <c r="Y16" s="276">
        <v>0</v>
      </c>
      <c r="Z16" s="280">
        <v>2</v>
      </c>
      <c r="AA16" s="277">
        <v>2</v>
      </c>
      <c r="AB16" s="279">
        <v>0</v>
      </c>
      <c r="AC16" s="280">
        <v>11</v>
      </c>
      <c r="AD16" s="280">
        <v>15</v>
      </c>
      <c r="AE16" s="280">
        <v>10</v>
      </c>
      <c r="AF16" s="280">
        <v>10</v>
      </c>
      <c r="AG16" s="280">
        <v>9</v>
      </c>
      <c r="AH16" s="277">
        <v>55</v>
      </c>
      <c r="AI16" s="282">
        <v>57</v>
      </c>
      <c r="AJ16" s="276">
        <v>1</v>
      </c>
      <c r="AK16" s="280">
        <v>1</v>
      </c>
      <c r="AL16" s="277">
        <v>2</v>
      </c>
      <c r="AM16" s="279">
        <v>0</v>
      </c>
      <c r="AN16" s="280">
        <v>3</v>
      </c>
      <c r="AO16" s="280">
        <v>0</v>
      </c>
      <c r="AP16" s="280">
        <v>0</v>
      </c>
      <c r="AQ16" s="280">
        <v>1</v>
      </c>
      <c r="AR16" s="280">
        <v>0</v>
      </c>
      <c r="AS16" s="277">
        <v>4</v>
      </c>
      <c r="AT16" s="282">
        <v>6</v>
      </c>
      <c r="AU16" s="276">
        <v>3</v>
      </c>
      <c r="AV16" s="280">
        <v>2</v>
      </c>
      <c r="AW16" s="277">
        <v>5</v>
      </c>
      <c r="AX16" s="279">
        <v>0</v>
      </c>
      <c r="AY16" s="280">
        <v>15</v>
      </c>
      <c r="AZ16" s="280">
        <v>16</v>
      </c>
      <c r="BA16" s="280">
        <v>15</v>
      </c>
      <c r="BB16" s="280">
        <v>17</v>
      </c>
      <c r="BC16" s="280">
        <v>13</v>
      </c>
      <c r="BD16" s="281">
        <v>76</v>
      </c>
      <c r="BE16" s="282">
        <v>81</v>
      </c>
      <c r="BF16" s="276">
        <v>0</v>
      </c>
      <c r="BG16" s="280">
        <v>0</v>
      </c>
      <c r="BH16" s="277">
        <v>0</v>
      </c>
      <c r="BI16" s="279">
        <v>0</v>
      </c>
      <c r="BJ16" s="280">
        <v>18</v>
      </c>
      <c r="BK16" s="280">
        <v>20</v>
      </c>
      <c r="BL16" s="280">
        <v>12</v>
      </c>
      <c r="BM16" s="280">
        <v>6</v>
      </c>
      <c r="BN16" s="280">
        <v>4</v>
      </c>
      <c r="BO16" s="277">
        <v>60</v>
      </c>
      <c r="BP16" s="282">
        <v>60</v>
      </c>
      <c r="BQ16" s="276">
        <v>0</v>
      </c>
      <c r="BR16" s="280">
        <v>2</v>
      </c>
      <c r="BS16" s="277">
        <v>2</v>
      </c>
      <c r="BT16" s="279">
        <v>0</v>
      </c>
      <c r="BU16" s="280">
        <v>3</v>
      </c>
      <c r="BV16" s="280">
        <v>5</v>
      </c>
      <c r="BW16" s="280">
        <v>2</v>
      </c>
      <c r="BX16" s="280">
        <v>5</v>
      </c>
      <c r="BY16" s="280">
        <v>1</v>
      </c>
      <c r="BZ16" s="277">
        <v>16</v>
      </c>
      <c r="CA16" s="282">
        <v>18</v>
      </c>
      <c r="CB16" s="276">
        <v>0</v>
      </c>
      <c r="CC16" s="280">
        <v>0</v>
      </c>
      <c r="CD16" s="277">
        <v>0</v>
      </c>
      <c r="CE16" s="279">
        <v>0</v>
      </c>
      <c r="CF16" s="280">
        <v>3</v>
      </c>
      <c r="CG16" s="280">
        <v>2</v>
      </c>
      <c r="CH16" s="280">
        <v>4</v>
      </c>
      <c r="CI16" s="280">
        <v>5</v>
      </c>
      <c r="CJ16" s="280">
        <v>1</v>
      </c>
      <c r="CK16" s="277">
        <v>15</v>
      </c>
      <c r="CL16" s="282">
        <v>15</v>
      </c>
      <c r="CM16" s="276">
        <v>0</v>
      </c>
      <c r="CN16" s="280">
        <v>0</v>
      </c>
      <c r="CO16" s="277">
        <v>0</v>
      </c>
      <c r="CP16" s="279">
        <v>0</v>
      </c>
      <c r="CQ16" s="280">
        <v>1</v>
      </c>
      <c r="CR16" s="280">
        <v>0</v>
      </c>
      <c r="CS16" s="280">
        <v>0</v>
      </c>
      <c r="CT16" s="280">
        <v>0</v>
      </c>
      <c r="CU16" s="280">
        <v>0</v>
      </c>
      <c r="CV16" s="277">
        <v>1</v>
      </c>
      <c r="CW16" s="282">
        <v>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3</v>
      </c>
      <c r="DU16" s="280">
        <v>15</v>
      </c>
      <c r="DV16" s="277">
        <v>18</v>
      </c>
      <c r="DW16" s="279">
        <v>0</v>
      </c>
      <c r="DX16" s="280">
        <v>23</v>
      </c>
      <c r="DY16" s="280">
        <v>27</v>
      </c>
      <c r="DZ16" s="280">
        <v>23</v>
      </c>
      <c r="EA16" s="280">
        <v>21</v>
      </c>
      <c r="EB16" s="280">
        <v>9</v>
      </c>
      <c r="EC16" s="277">
        <v>103</v>
      </c>
      <c r="ED16" s="282">
        <v>121</v>
      </c>
      <c r="EE16" s="276">
        <v>3</v>
      </c>
      <c r="EF16" s="280">
        <v>0</v>
      </c>
      <c r="EG16" s="277">
        <v>3</v>
      </c>
      <c r="EH16" s="279">
        <v>0</v>
      </c>
      <c r="EI16" s="280">
        <v>5</v>
      </c>
      <c r="EJ16" s="280">
        <v>5</v>
      </c>
      <c r="EK16" s="280">
        <v>8</v>
      </c>
      <c r="EL16" s="280">
        <v>7</v>
      </c>
      <c r="EM16" s="280">
        <v>5</v>
      </c>
      <c r="EN16" s="277">
        <v>30</v>
      </c>
      <c r="EO16" s="282">
        <v>33</v>
      </c>
      <c r="EP16" s="276">
        <v>4</v>
      </c>
      <c r="EQ16" s="280">
        <v>18</v>
      </c>
      <c r="ER16" s="277">
        <v>22</v>
      </c>
      <c r="ES16" s="279">
        <v>0</v>
      </c>
      <c r="ET16" s="280">
        <v>57</v>
      </c>
      <c r="EU16" s="280">
        <v>48</v>
      </c>
      <c r="EV16" s="280">
        <v>29</v>
      </c>
      <c r="EW16" s="280">
        <v>25</v>
      </c>
      <c r="EX16" s="280">
        <v>11</v>
      </c>
      <c r="EY16" s="277">
        <v>170</v>
      </c>
      <c r="EZ16" s="282">
        <v>192</v>
      </c>
    </row>
    <row r="17" spans="2:156" ht="21" customHeight="1" x14ac:dyDescent="0.2">
      <c r="B17" s="261" t="s">
        <v>15</v>
      </c>
      <c r="C17" s="276">
        <v>0</v>
      </c>
      <c r="D17" s="280">
        <v>0</v>
      </c>
      <c r="E17" s="384">
        <v>0</v>
      </c>
      <c r="F17" s="279">
        <v>0</v>
      </c>
      <c r="G17" s="280">
        <v>3</v>
      </c>
      <c r="H17" s="280">
        <v>6</v>
      </c>
      <c r="I17" s="280">
        <v>8</v>
      </c>
      <c r="J17" s="280">
        <v>4</v>
      </c>
      <c r="K17" s="280">
        <v>2</v>
      </c>
      <c r="L17" s="281">
        <v>23</v>
      </c>
      <c r="M17" s="282">
        <v>23</v>
      </c>
      <c r="N17" s="276">
        <v>0</v>
      </c>
      <c r="O17" s="280">
        <v>0</v>
      </c>
      <c r="P17" s="277">
        <v>0</v>
      </c>
      <c r="Q17" s="279">
        <v>0</v>
      </c>
      <c r="R17" s="280">
        <v>0</v>
      </c>
      <c r="S17" s="280">
        <v>0</v>
      </c>
      <c r="T17" s="280">
        <v>0</v>
      </c>
      <c r="U17" s="280">
        <v>1</v>
      </c>
      <c r="V17" s="280">
        <v>0</v>
      </c>
      <c r="W17" s="277">
        <v>1</v>
      </c>
      <c r="X17" s="282">
        <v>1</v>
      </c>
      <c r="Y17" s="276">
        <v>0</v>
      </c>
      <c r="Z17" s="280">
        <v>1</v>
      </c>
      <c r="AA17" s="277">
        <v>1</v>
      </c>
      <c r="AB17" s="279">
        <v>0</v>
      </c>
      <c r="AC17" s="280">
        <v>2</v>
      </c>
      <c r="AD17" s="280">
        <v>6</v>
      </c>
      <c r="AE17" s="280">
        <v>3</v>
      </c>
      <c r="AF17" s="280">
        <v>4</v>
      </c>
      <c r="AG17" s="280">
        <v>1</v>
      </c>
      <c r="AH17" s="277">
        <v>16</v>
      </c>
      <c r="AI17" s="282">
        <v>17</v>
      </c>
      <c r="AJ17" s="276">
        <v>0</v>
      </c>
      <c r="AK17" s="280">
        <v>0</v>
      </c>
      <c r="AL17" s="277">
        <v>0</v>
      </c>
      <c r="AM17" s="279">
        <v>0</v>
      </c>
      <c r="AN17" s="280">
        <v>1</v>
      </c>
      <c r="AO17" s="280">
        <v>1</v>
      </c>
      <c r="AP17" s="280">
        <v>0</v>
      </c>
      <c r="AQ17" s="280">
        <v>0</v>
      </c>
      <c r="AR17" s="280">
        <v>1</v>
      </c>
      <c r="AS17" s="277">
        <v>3</v>
      </c>
      <c r="AT17" s="282">
        <v>3</v>
      </c>
      <c r="AU17" s="276">
        <v>1</v>
      </c>
      <c r="AV17" s="280">
        <v>0</v>
      </c>
      <c r="AW17" s="277">
        <v>1</v>
      </c>
      <c r="AX17" s="279">
        <v>0</v>
      </c>
      <c r="AY17" s="280">
        <v>7</v>
      </c>
      <c r="AZ17" s="280">
        <v>6</v>
      </c>
      <c r="BA17" s="280">
        <v>8</v>
      </c>
      <c r="BB17" s="280">
        <v>4</v>
      </c>
      <c r="BC17" s="280">
        <v>3</v>
      </c>
      <c r="BD17" s="281">
        <v>28</v>
      </c>
      <c r="BE17" s="282">
        <v>29</v>
      </c>
      <c r="BF17" s="276">
        <v>0</v>
      </c>
      <c r="BG17" s="280">
        <v>0</v>
      </c>
      <c r="BH17" s="277">
        <v>0</v>
      </c>
      <c r="BI17" s="279">
        <v>0</v>
      </c>
      <c r="BJ17" s="280">
        <v>3</v>
      </c>
      <c r="BK17" s="280">
        <v>5</v>
      </c>
      <c r="BL17" s="280">
        <v>2</v>
      </c>
      <c r="BM17" s="280">
        <v>0</v>
      </c>
      <c r="BN17" s="280">
        <v>0</v>
      </c>
      <c r="BO17" s="277">
        <v>10</v>
      </c>
      <c r="BP17" s="282">
        <v>10</v>
      </c>
      <c r="BQ17" s="276">
        <v>0</v>
      </c>
      <c r="BR17" s="280">
        <v>0</v>
      </c>
      <c r="BS17" s="277">
        <v>0</v>
      </c>
      <c r="BT17" s="279">
        <v>0</v>
      </c>
      <c r="BU17" s="280">
        <v>0</v>
      </c>
      <c r="BV17" s="280">
        <v>2</v>
      </c>
      <c r="BW17" s="280">
        <v>2</v>
      </c>
      <c r="BX17" s="280">
        <v>0</v>
      </c>
      <c r="BY17" s="280">
        <v>0</v>
      </c>
      <c r="BZ17" s="277">
        <v>4</v>
      </c>
      <c r="CA17" s="282">
        <v>4</v>
      </c>
      <c r="CB17" s="276">
        <v>0</v>
      </c>
      <c r="CC17" s="280">
        <v>0</v>
      </c>
      <c r="CD17" s="277">
        <v>0</v>
      </c>
      <c r="CE17" s="279">
        <v>0</v>
      </c>
      <c r="CF17" s="280">
        <v>0</v>
      </c>
      <c r="CG17" s="280">
        <v>1</v>
      </c>
      <c r="CH17" s="280">
        <v>2</v>
      </c>
      <c r="CI17" s="280">
        <v>3</v>
      </c>
      <c r="CJ17" s="280">
        <v>2</v>
      </c>
      <c r="CK17" s="277">
        <v>8</v>
      </c>
      <c r="CL17" s="282">
        <v>8</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2</v>
      </c>
      <c r="DU17" s="280">
        <v>6</v>
      </c>
      <c r="DV17" s="277">
        <v>8</v>
      </c>
      <c r="DW17" s="279">
        <v>0</v>
      </c>
      <c r="DX17" s="280">
        <v>5</v>
      </c>
      <c r="DY17" s="280">
        <v>15</v>
      </c>
      <c r="DZ17" s="280">
        <v>11</v>
      </c>
      <c r="EA17" s="280">
        <v>9</v>
      </c>
      <c r="EB17" s="280">
        <v>3</v>
      </c>
      <c r="EC17" s="277">
        <v>43</v>
      </c>
      <c r="ED17" s="282">
        <v>51</v>
      </c>
      <c r="EE17" s="276">
        <v>4</v>
      </c>
      <c r="EF17" s="280">
        <v>1</v>
      </c>
      <c r="EG17" s="277">
        <v>5</v>
      </c>
      <c r="EH17" s="279">
        <v>0</v>
      </c>
      <c r="EI17" s="280">
        <v>6</v>
      </c>
      <c r="EJ17" s="280">
        <v>4</v>
      </c>
      <c r="EK17" s="280">
        <v>7</v>
      </c>
      <c r="EL17" s="280">
        <v>1</v>
      </c>
      <c r="EM17" s="280">
        <v>2</v>
      </c>
      <c r="EN17" s="277">
        <v>20</v>
      </c>
      <c r="EO17" s="282">
        <v>25</v>
      </c>
      <c r="EP17" s="276">
        <v>2</v>
      </c>
      <c r="EQ17" s="280">
        <v>7</v>
      </c>
      <c r="ER17" s="277">
        <v>9</v>
      </c>
      <c r="ES17" s="279">
        <v>0</v>
      </c>
      <c r="ET17" s="280">
        <v>12</v>
      </c>
      <c r="EU17" s="280">
        <v>21</v>
      </c>
      <c r="EV17" s="280">
        <v>16</v>
      </c>
      <c r="EW17" s="280">
        <v>10</v>
      </c>
      <c r="EX17" s="280">
        <v>3</v>
      </c>
      <c r="EY17" s="277">
        <v>62</v>
      </c>
      <c r="EZ17" s="282">
        <v>71</v>
      </c>
    </row>
    <row r="18" spans="2:156" ht="21" customHeight="1" x14ac:dyDescent="0.2">
      <c r="B18" s="261" t="s">
        <v>16</v>
      </c>
      <c r="C18" s="276">
        <v>0</v>
      </c>
      <c r="D18" s="280">
        <v>0</v>
      </c>
      <c r="E18" s="384">
        <v>0</v>
      </c>
      <c r="F18" s="279">
        <v>0</v>
      </c>
      <c r="G18" s="280">
        <v>11</v>
      </c>
      <c r="H18" s="280">
        <v>10</v>
      </c>
      <c r="I18" s="280">
        <v>6</v>
      </c>
      <c r="J18" s="280">
        <v>3</v>
      </c>
      <c r="K18" s="280">
        <v>3</v>
      </c>
      <c r="L18" s="281">
        <v>33</v>
      </c>
      <c r="M18" s="282">
        <v>33</v>
      </c>
      <c r="N18" s="276">
        <v>0</v>
      </c>
      <c r="O18" s="280">
        <v>0</v>
      </c>
      <c r="P18" s="277">
        <v>0</v>
      </c>
      <c r="Q18" s="279">
        <v>0</v>
      </c>
      <c r="R18" s="280">
        <v>0</v>
      </c>
      <c r="S18" s="280">
        <v>1</v>
      </c>
      <c r="T18" s="280">
        <v>1</v>
      </c>
      <c r="U18" s="280">
        <v>1</v>
      </c>
      <c r="V18" s="280">
        <v>2</v>
      </c>
      <c r="W18" s="277">
        <v>5</v>
      </c>
      <c r="X18" s="282">
        <v>5</v>
      </c>
      <c r="Y18" s="276">
        <v>2</v>
      </c>
      <c r="Z18" s="280">
        <v>4</v>
      </c>
      <c r="AA18" s="277">
        <v>6</v>
      </c>
      <c r="AB18" s="279">
        <v>0</v>
      </c>
      <c r="AC18" s="280">
        <v>15</v>
      </c>
      <c r="AD18" s="280">
        <v>18</v>
      </c>
      <c r="AE18" s="280">
        <v>8</v>
      </c>
      <c r="AF18" s="280">
        <v>9</v>
      </c>
      <c r="AG18" s="280">
        <v>5</v>
      </c>
      <c r="AH18" s="277">
        <v>55</v>
      </c>
      <c r="AI18" s="282">
        <v>61</v>
      </c>
      <c r="AJ18" s="276">
        <v>0</v>
      </c>
      <c r="AK18" s="280">
        <v>0</v>
      </c>
      <c r="AL18" s="277">
        <v>0</v>
      </c>
      <c r="AM18" s="279">
        <v>0</v>
      </c>
      <c r="AN18" s="280">
        <v>0</v>
      </c>
      <c r="AO18" s="280">
        <v>1</v>
      </c>
      <c r="AP18" s="280">
        <v>1</v>
      </c>
      <c r="AQ18" s="280">
        <v>0</v>
      </c>
      <c r="AR18" s="280">
        <v>1</v>
      </c>
      <c r="AS18" s="277">
        <v>3</v>
      </c>
      <c r="AT18" s="282">
        <v>3</v>
      </c>
      <c r="AU18" s="276">
        <v>3</v>
      </c>
      <c r="AV18" s="280">
        <v>6</v>
      </c>
      <c r="AW18" s="277">
        <v>9</v>
      </c>
      <c r="AX18" s="279">
        <v>0</v>
      </c>
      <c r="AY18" s="280">
        <v>17</v>
      </c>
      <c r="AZ18" s="280">
        <v>17</v>
      </c>
      <c r="BA18" s="280">
        <v>24</v>
      </c>
      <c r="BB18" s="280">
        <v>25</v>
      </c>
      <c r="BC18" s="280">
        <v>8</v>
      </c>
      <c r="BD18" s="281">
        <v>91</v>
      </c>
      <c r="BE18" s="282">
        <v>100</v>
      </c>
      <c r="BF18" s="276">
        <v>0</v>
      </c>
      <c r="BG18" s="280">
        <v>0</v>
      </c>
      <c r="BH18" s="277">
        <v>0</v>
      </c>
      <c r="BI18" s="279">
        <v>0</v>
      </c>
      <c r="BJ18" s="280">
        <v>19</v>
      </c>
      <c r="BK18" s="280">
        <v>22</v>
      </c>
      <c r="BL18" s="280">
        <v>5</v>
      </c>
      <c r="BM18" s="280">
        <v>9</v>
      </c>
      <c r="BN18" s="280">
        <v>2</v>
      </c>
      <c r="BO18" s="277">
        <v>57</v>
      </c>
      <c r="BP18" s="282">
        <v>57</v>
      </c>
      <c r="BQ18" s="276">
        <v>2</v>
      </c>
      <c r="BR18" s="280">
        <v>5</v>
      </c>
      <c r="BS18" s="277">
        <v>7</v>
      </c>
      <c r="BT18" s="279">
        <v>0</v>
      </c>
      <c r="BU18" s="280">
        <v>15</v>
      </c>
      <c r="BV18" s="280">
        <v>29</v>
      </c>
      <c r="BW18" s="280">
        <v>1</v>
      </c>
      <c r="BX18" s="280">
        <v>5</v>
      </c>
      <c r="BY18" s="280">
        <v>0</v>
      </c>
      <c r="BZ18" s="277">
        <v>50</v>
      </c>
      <c r="CA18" s="282">
        <v>57</v>
      </c>
      <c r="CB18" s="276">
        <v>0</v>
      </c>
      <c r="CC18" s="280">
        <v>0</v>
      </c>
      <c r="CD18" s="277">
        <v>0</v>
      </c>
      <c r="CE18" s="279">
        <v>0</v>
      </c>
      <c r="CF18" s="280">
        <v>1</v>
      </c>
      <c r="CG18" s="280">
        <v>6</v>
      </c>
      <c r="CH18" s="280">
        <v>3</v>
      </c>
      <c r="CI18" s="280">
        <v>1</v>
      </c>
      <c r="CJ18" s="280">
        <v>1</v>
      </c>
      <c r="CK18" s="277">
        <v>12</v>
      </c>
      <c r="CL18" s="282">
        <v>12</v>
      </c>
      <c r="CM18" s="276">
        <v>0</v>
      </c>
      <c r="CN18" s="280">
        <v>0</v>
      </c>
      <c r="CO18" s="277">
        <v>0</v>
      </c>
      <c r="CP18" s="279">
        <v>0</v>
      </c>
      <c r="CQ18" s="280">
        <v>0</v>
      </c>
      <c r="CR18" s="280">
        <v>4</v>
      </c>
      <c r="CS18" s="280">
        <v>0</v>
      </c>
      <c r="CT18" s="280">
        <v>1</v>
      </c>
      <c r="CU18" s="280">
        <v>0</v>
      </c>
      <c r="CV18" s="277">
        <v>5</v>
      </c>
      <c r="CW18" s="282">
        <v>5</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9</v>
      </c>
      <c r="DU18" s="280">
        <v>13</v>
      </c>
      <c r="DV18" s="277">
        <v>22</v>
      </c>
      <c r="DW18" s="279">
        <v>0</v>
      </c>
      <c r="DX18" s="280">
        <v>28</v>
      </c>
      <c r="DY18" s="280">
        <v>54</v>
      </c>
      <c r="DZ18" s="280">
        <v>21</v>
      </c>
      <c r="EA18" s="280">
        <v>23</v>
      </c>
      <c r="EB18" s="280">
        <v>10</v>
      </c>
      <c r="EC18" s="277">
        <v>136</v>
      </c>
      <c r="ED18" s="282">
        <v>158</v>
      </c>
      <c r="EE18" s="276">
        <v>2</v>
      </c>
      <c r="EF18" s="280">
        <v>4</v>
      </c>
      <c r="EG18" s="277">
        <v>6</v>
      </c>
      <c r="EH18" s="279">
        <v>0</v>
      </c>
      <c r="EI18" s="280">
        <v>11</v>
      </c>
      <c r="EJ18" s="280">
        <v>10</v>
      </c>
      <c r="EK18" s="280">
        <v>10</v>
      </c>
      <c r="EL18" s="280">
        <v>14</v>
      </c>
      <c r="EM18" s="280">
        <v>3</v>
      </c>
      <c r="EN18" s="277">
        <v>48</v>
      </c>
      <c r="EO18" s="282">
        <v>54</v>
      </c>
      <c r="EP18" s="276">
        <v>12</v>
      </c>
      <c r="EQ18" s="280">
        <v>19</v>
      </c>
      <c r="ER18" s="277">
        <v>31</v>
      </c>
      <c r="ES18" s="279">
        <v>0</v>
      </c>
      <c r="ET18" s="280">
        <v>54</v>
      </c>
      <c r="EU18" s="280">
        <v>78</v>
      </c>
      <c r="EV18" s="280">
        <v>22</v>
      </c>
      <c r="EW18" s="280">
        <v>24</v>
      </c>
      <c r="EX18" s="280">
        <v>9</v>
      </c>
      <c r="EY18" s="277">
        <v>187</v>
      </c>
      <c r="EZ18" s="282">
        <v>218</v>
      </c>
    </row>
    <row r="19" spans="2:156" ht="21" customHeight="1" x14ac:dyDescent="0.2">
      <c r="B19" s="261" t="s">
        <v>17</v>
      </c>
      <c r="C19" s="276">
        <v>0</v>
      </c>
      <c r="D19" s="280">
        <v>0</v>
      </c>
      <c r="E19" s="384">
        <v>0</v>
      </c>
      <c r="F19" s="279">
        <v>0</v>
      </c>
      <c r="G19" s="280">
        <v>9</v>
      </c>
      <c r="H19" s="280">
        <v>17</v>
      </c>
      <c r="I19" s="280">
        <v>8</v>
      </c>
      <c r="J19" s="280">
        <v>5</v>
      </c>
      <c r="K19" s="280">
        <v>11</v>
      </c>
      <c r="L19" s="281">
        <v>50</v>
      </c>
      <c r="M19" s="282">
        <v>50</v>
      </c>
      <c r="N19" s="276">
        <v>0</v>
      </c>
      <c r="O19" s="280">
        <v>0</v>
      </c>
      <c r="P19" s="277">
        <v>0</v>
      </c>
      <c r="Q19" s="279">
        <v>0</v>
      </c>
      <c r="R19" s="280">
        <v>0</v>
      </c>
      <c r="S19" s="280">
        <v>1</v>
      </c>
      <c r="T19" s="280">
        <v>0</v>
      </c>
      <c r="U19" s="280">
        <v>0</v>
      </c>
      <c r="V19" s="280">
        <v>6</v>
      </c>
      <c r="W19" s="277">
        <v>7</v>
      </c>
      <c r="X19" s="282">
        <v>7</v>
      </c>
      <c r="Y19" s="276">
        <v>3</v>
      </c>
      <c r="Z19" s="280">
        <v>5</v>
      </c>
      <c r="AA19" s="277">
        <v>8</v>
      </c>
      <c r="AB19" s="279">
        <v>0</v>
      </c>
      <c r="AC19" s="280">
        <v>12</v>
      </c>
      <c r="AD19" s="280">
        <v>15</v>
      </c>
      <c r="AE19" s="280">
        <v>9</v>
      </c>
      <c r="AF19" s="280">
        <v>8</v>
      </c>
      <c r="AG19" s="280">
        <v>9</v>
      </c>
      <c r="AH19" s="277">
        <v>53</v>
      </c>
      <c r="AI19" s="282">
        <v>61</v>
      </c>
      <c r="AJ19" s="276">
        <v>0</v>
      </c>
      <c r="AK19" s="280">
        <v>1</v>
      </c>
      <c r="AL19" s="277">
        <v>1</v>
      </c>
      <c r="AM19" s="279">
        <v>0</v>
      </c>
      <c r="AN19" s="280">
        <v>1</v>
      </c>
      <c r="AO19" s="280">
        <v>4</v>
      </c>
      <c r="AP19" s="280">
        <v>0</v>
      </c>
      <c r="AQ19" s="280">
        <v>1</v>
      </c>
      <c r="AR19" s="280">
        <v>0</v>
      </c>
      <c r="AS19" s="277">
        <v>6</v>
      </c>
      <c r="AT19" s="282">
        <v>7</v>
      </c>
      <c r="AU19" s="276">
        <v>1</v>
      </c>
      <c r="AV19" s="280">
        <v>4</v>
      </c>
      <c r="AW19" s="277">
        <v>5</v>
      </c>
      <c r="AX19" s="279">
        <v>0</v>
      </c>
      <c r="AY19" s="280">
        <v>10</v>
      </c>
      <c r="AZ19" s="280">
        <v>26</v>
      </c>
      <c r="BA19" s="280">
        <v>14</v>
      </c>
      <c r="BB19" s="280">
        <v>15</v>
      </c>
      <c r="BC19" s="280">
        <v>17</v>
      </c>
      <c r="BD19" s="281">
        <v>82</v>
      </c>
      <c r="BE19" s="282">
        <v>87</v>
      </c>
      <c r="BF19" s="276">
        <v>0</v>
      </c>
      <c r="BG19" s="280">
        <v>0</v>
      </c>
      <c r="BH19" s="277">
        <v>0</v>
      </c>
      <c r="BI19" s="279">
        <v>0</v>
      </c>
      <c r="BJ19" s="280">
        <v>29</v>
      </c>
      <c r="BK19" s="280">
        <v>22</v>
      </c>
      <c r="BL19" s="280">
        <v>10</v>
      </c>
      <c r="BM19" s="280">
        <v>8</v>
      </c>
      <c r="BN19" s="280">
        <v>7</v>
      </c>
      <c r="BO19" s="277">
        <v>76</v>
      </c>
      <c r="BP19" s="282">
        <v>76</v>
      </c>
      <c r="BQ19" s="276">
        <v>2</v>
      </c>
      <c r="BR19" s="280">
        <v>6</v>
      </c>
      <c r="BS19" s="277">
        <v>8</v>
      </c>
      <c r="BT19" s="279">
        <v>0</v>
      </c>
      <c r="BU19" s="280">
        <v>3</v>
      </c>
      <c r="BV19" s="280">
        <v>16</v>
      </c>
      <c r="BW19" s="280">
        <v>3</v>
      </c>
      <c r="BX19" s="280">
        <v>1</v>
      </c>
      <c r="BY19" s="280">
        <v>2</v>
      </c>
      <c r="BZ19" s="277">
        <v>25</v>
      </c>
      <c r="CA19" s="282">
        <v>33</v>
      </c>
      <c r="CB19" s="276">
        <v>0</v>
      </c>
      <c r="CC19" s="280">
        <v>0</v>
      </c>
      <c r="CD19" s="277">
        <v>0</v>
      </c>
      <c r="CE19" s="279">
        <v>0</v>
      </c>
      <c r="CF19" s="280">
        <v>5</v>
      </c>
      <c r="CG19" s="280">
        <v>3</v>
      </c>
      <c r="CH19" s="280">
        <v>4</v>
      </c>
      <c r="CI19" s="280">
        <v>8</v>
      </c>
      <c r="CJ19" s="280">
        <v>3</v>
      </c>
      <c r="CK19" s="277">
        <v>23</v>
      </c>
      <c r="CL19" s="282">
        <v>23</v>
      </c>
      <c r="CM19" s="276">
        <v>0</v>
      </c>
      <c r="CN19" s="280">
        <v>0</v>
      </c>
      <c r="CO19" s="277">
        <v>0</v>
      </c>
      <c r="CP19" s="279">
        <v>0</v>
      </c>
      <c r="CQ19" s="280">
        <v>2</v>
      </c>
      <c r="CR19" s="280">
        <v>1</v>
      </c>
      <c r="CS19" s="280">
        <v>0</v>
      </c>
      <c r="CT19" s="280">
        <v>0</v>
      </c>
      <c r="CU19" s="280">
        <v>0</v>
      </c>
      <c r="CV19" s="277">
        <v>3</v>
      </c>
      <c r="CW19" s="282">
        <v>3</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1</v>
      </c>
      <c r="DU19" s="280">
        <v>23</v>
      </c>
      <c r="DV19" s="277">
        <v>34</v>
      </c>
      <c r="DW19" s="279">
        <v>0</v>
      </c>
      <c r="DX19" s="280">
        <v>28</v>
      </c>
      <c r="DY19" s="280">
        <v>65</v>
      </c>
      <c r="DZ19" s="280">
        <v>32</v>
      </c>
      <c r="EA19" s="280">
        <v>14</v>
      </c>
      <c r="EB19" s="280">
        <v>22</v>
      </c>
      <c r="EC19" s="277">
        <v>161</v>
      </c>
      <c r="ED19" s="282">
        <v>195</v>
      </c>
      <c r="EE19" s="276">
        <v>3</v>
      </c>
      <c r="EF19" s="280">
        <v>3</v>
      </c>
      <c r="EG19" s="277">
        <v>6</v>
      </c>
      <c r="EH19" s="279">
        <v>0</v>
      </c>
      <c r="EI19" s="280">
        <v>7</v>
      </c>
      <c r="EJ19" s="280">
        <v>5</v>
      </c>
      <c r="EK19" s="280">
        <v>6</v>
      </c>
      <c r="EL19" s="280">
        <v>7</v>
      </c>
      <c r="EM19" s="280">
        <v>2</v>
      </c>
      <c r="EN19" s="277">
        <v>27</v>
      </c>
      <c r="EO19" s="282">
        <v>33</v>
      </c>
      <c r="EP19" s="276">
        <v>16</v>
      </c>
      <c r="EQ19" s="280">
        <v>30</v>
      </c>
      <c r="ER19" s="277">
        <v>46</v>
      </c>
      <c r="ES19" s="279">
        <v>0</v>
      </c>
      <c r="ET19" s="280">
        <v>69</v>
      </c>
      <c r="EU19" s="280">
        <v>82</v>
      </c>
      <c r="EV19" s="280">
        <v>34</v>
      </c>
      <c r="EW19" s="280">
        <v>20</v>
      </c>
      <c r="EX19" s="280">
        <v>21</v>
      </c>
      <c r="EY19" s="277">
        <v>226</v>
      </c>
      <c r="EZ19" s="282">
        <v>272</v>
      </c>
    </row>
    <row r="20" spans="2:156" ht="21" customHeight="1" x14ac:dyDescent="0.2">
      <c r="B20" s="261" t="s">
        <v>18</v>
      </c>
      <c r="C20" s="276">
        <v>0</v>
      </c>
      <c r="D20" s="280">
        <v>0</v>
      </c>
      <c r="E20" s="384">
        <v>0</v>
      </c>
      <c r="F20" s="279">
        <v>0</v>
      </c>
      <c r="G20" s="280">
        <v>23</v>
      </c>
      <c r="H20" s="280">
        <v>29</v>
      </c>
      <c r="I20" s="280">
        <v>16</v>
      </c>
      <c r="J20" s="280">
        <v>13</v>
      </c>
      <c r="K20" s="280">
        <v>4</v>
      </c>
      <c r="L20" s="281">
        <v>85</v>
      </c>
      <c r="M20" s="282">
        <v>85</v>
      </c>
      <c r="N20" s="276">
        <v>0</v>
      </c>
      <c r="O20" s="280">
        <v>0</v>
      </c>
      <c r="P20" s="277">
        <v>0</v>
      </c>
      <c r="Q20" s="279">
        <v>0</v>
      </c>
      <c r="R20" s="280">
        <v>1</v>
      </c>
      <c r="S20" s="280">
        <v>0</v>
      </c>
      <c r="T20" s="280">
        <v>1</v>
      </c>
      <c r="U20" s="280">
        <v>4</v>
      </c>
      <c r="V20" s="280">
        <v>2</v>
      </c>
      <c r="W20" s="277">
        <v>8</v>
      </c>
      <c r="X20" s="282">
        <v>8</v>
      </c>
      <c r="Y20" s="276">
        <v>4</v>
      </c>
      <c r="Z20" s="280">
        <v>4</v>
      </c>
      <c r="AA20" s="277">
        <v>8</v>
      </c>
      <c r="AB20" s="279">
        <v>0</v>
      </c>
      <c r="AC20" s="280">
        <v>30</v>
      </c>
      <c r="AD20" s="280">
        <v>22</v>
      </c>
      <c r="AE20" s="280">
        <v>16</v>
      </c>
      <c r="AF20" s="280">
        <v>11</v>
      </c>
      <c r="AG20" s="280">
        <v>3</v>
      </c>
      <c r="AH20" s="277">
        <v>82</v>
      </c>
      <c r="AI20" s="282">
        <v>90</v>
      </c>
      <c r="AJ20" s="276">
        <v>0</v>
      </c>
      <c r="AK20" s="280">
        <v>0</v>
      </c>
      <c r="AL20" s="277">
        <v>0</v>
      </c>
      <c r="AM20" s="279">
        <v>0</v>
      </c>
      <c r="AN20" s="280">
        <v>3</v>
      </c>
      <c r="AO20" s="280">
        <v>3</v>
      </c>
      <c r="AP20" s="280">
        <v>0</v>
      </c>
      <c r="AQ20" s="280">
        <v>0</v>
      </c>
      <c r="AR20" s="280">
        <v>0</v>
      </c>
      <c r="AS20" s="277">
        <v>6</v>
      </c>
      <c r="AT20" s="282">
        <v>6</v>
      </c>
      <c r="AU20" s="276">
        <v>1</v>
      </c>
      <c r="AV20" s="280">
        <v>5</v>
      </c>
      <c r="AW20" s="277">
        <v>6</v>
      </c>
      <c r="AX20" s="279">
        <v>0</v>
      </c>
      <c r="AY20" s="280">
        <v>34</v>
      </c>
      <c r="AZ20" s="280">
        <v>39</v>
      </c>
      <c r="BA20" s="280">
        <v>34</v>
      </c>
      <c r="BB20" s="280">
        <v>20</v>
      </c>
      <c r="BC20" s="280">
        <v>18</v>
      </c>
      <c r="BD20" s="281">
        <v>145</v>
      </c>
      <c r="BE20" s="282">
        <v>151</v>
      </c>
      <c r="BF20" s="276">
        <v>0</v>
      </c>
      <c r="BG20" s="280">
        <v>0</v>
      </c>
      <c r="BH20" s="277">
        <v>0</v>
      </c>
      <c r="BI20" s="279">
        <v>0</v>
      </c>
      <c r="BJ20" s="280">
        <v>40</v>
      </c>
      <c r="BK20" s="280">
        <v>28</v>
      </c>
      <c r="BL20" s="280">
        <v>29</v>
      </c>
      <c r="BM20" s="280">
        <v>7</v>
      </c>
      <c r="BN20" s="280">
        <v>3</v>
      </c>
      <c r="BO20" s="277">
        <v>107</v>
      </c>
      <c r="BP20" s="282">
        <v>107</v>
      </c>
      <c r="BQ20" s="276">
        <v>3</v>
      </c>
      <c r="BR20" s="280">
        <v>5</v>
      </c>
      <c r="BS20" s="277">
        <v>8</v>
      </c>
      <c r="BT20" s="279">
        <v>0</v>
      </c>
      <c r="BU20" s="280">
        <v>14</v>
      </c>
      <c r="BV20" s="280">
        <v>9</v>
      </c>
      <c r="BW20" s="280">
        <v>8</v>
      </c>
      <c r="BX20" s="280">
        <v>2</v>
      </c>
      <c r="BY20" s="280">
        <v>2</v>
      </c>
      <c r="BZ20" s="277">
        <v>35</v>
      </c>
      <c r="CA20" s="282">
        <v>43</v>
      </c>
      <c r="CB20" s="276">
        <v>0</v>
      </c>
      <c r="CC20" s="280">
        <v>1</v>
      </c>
      <c r="CD20" s="277">
        <v>1</v>
      </c>
      <c r="CE20" s="279">
        <v>0</v>
      </c>
      <c r="CF20" s="280">
        <v>1</v>
      </c>
      <c r="CG20" s="280">
        <v>7</v>
      </c>
      <c r="CH20" s="280">
        <v>13</v>
      </c>
      <c r="CI20" s="280">
        <v>2</v>
      </c>
      <c r="CJ20" s="280">
        <v>2</v>
      </c>
      <c r="CK20" s="277">
        <v>25</v>
      </c>
      <c r="CL20" s="282">
        <v>26</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0</v>
      </c>
      <c r="DU20" s="280">
        <v>26</v>
      </c>
      <c r="DV20" s="277">
        <v>36</v>
      </c>
      <c r="DW20" s="279">
        <v>0</v>
      </c>
      <c r="DX20" s="280">
        <v>49</v>
      </c>
      <c r="DY20" s="280">
        <v>57</v>
      </c>
      <c r="DZ20" s="280">
        <v>52</v>
      </c>
      <c r="EA20" s="280">
        <v>24</v>
      </c>
      <c r="EB20" s="280">
        <v>10</v>
      </c>
      <c r="EC20" s="277">
        <v>192</v>
      </c>
      <c r="ED20" s="282">
        <v>228</v>
      </c>
      <c r="EE20" s="276">
        <v>1</v>
      </c>
      <c r="EF20" s="280">
        <v>2</v>
      </c>
      <c r="EG20" s="277">
        <v>3</v>
      </c>
      <c r="EH20" s="279">
        <v>0</v>
      </c>
      <c r="EI20" s="280">
        <v>10</v>
      </c>
      <c r="EJ20" s="280">
        <v>15</v>
      </c>
      <c r="EK20" s="280">
        <v>6</v>
      </c>
      <c r="EL20" s="280">
        <v>6</v>
      </c>
      <c r="EM20" s="280">
        <v>7</v>
      </c>
      <c r="EN20" s="277">
        <v>44</v>
      </c>
      <c r="EO20" s="282">
        <v>47</v>
      </c>
      <c r="EP20" s="276">
        <v>17</v>
      </c>
      <c r="EQ20" s="280">
        <v>31</v>
      </c>
      <c r="ER20" s="277">
        <v>48</v>
      </c>
      <c r="ES20" s="279">
        <v>0</v>
      </c>
      <c r="ET20" s="280">
        <v>113</v>
      </c>
      <c r="EU20" s="280">
        <v>82</v>
      </c>
      <c r="EV20" s="280">
        <v>62</v>
      </c>
      <c r="EW20" s="280">
        <v>26</v>
      </c>
      <c r="EX20" s="280">
        <v>11</v>
      </c>
      <c r="EY20" s="277">
        <v>294</v>
      </c>
      <c r="EZ20" s="282">
        <v>342</v>
      </c>
    </row>
    <row r="21" spans="2:156" ht="21" customHeight="1" x14ac:dyDescent="0.2">
      <c r="B21" s="261" t="s">
        <v>19</v>
      </c>
      <c r="C21" s="276">
        <v>0</v>
      </c>
      <c r="D21" s="280">
        <v>0</v>
      </c>
      <c r="E21" s="384">
        <v>0</v>
      </c>
      <c r="F21" s="279">
        <v>0</v>
      </c>
      <c r="G21" s="280">
        <v>11</v>
      </c>
      <c r="H21" s="280">
        <v>7</v>
      </c>
      <c r="I21" s="280">
        <v>4</v>
      </c>
      <c r="J21" s="280">
        <v>6</v>
      </c>
      <c r="K21" s="280">
        <v>1</v>
      </c>
      <c r="L21" s="281">
        <v>29</v>
      </c>
      <c r="M21" s="282">
        <v>29</v>
      </c>
      <c r="N21" s="276">
        <v>0</v>
      </c>
      <c r="O21" s="280">
        <v>0</v>
      </c>
      <c r="P21" s="277">
        <v>0</v>
      </c>
      <c r="Q21" s="279">
        <v>0</v>
      </c>
      <c r="R21" s="280">
        <v>0</v>
      </c>
      <c r="S21" s="280">
        <v>0</v>
      </c>
      <c r="T21" s="280">
        <v>1</v>
      </c>
      <c r="U21" s="280">
        <v>1</v>
      </c>
      <c r="V21" s="280">
        <v>2</v>
      </c>
      <c r="W21" s="277">
        <v>4</v>
      </c>
      <c r="X21" s="282">
        <v>4</v>
      </c>
      <c r="Y21" s="276">
        <v>1</v>
      </c>
      <c r="Z21" s="280">
        <v>1</v>
      </c>
      <c r="AA21" s="277">
        <v>2</v>
      </c>
      <c r="AB21" s="279">
        <v>0</v>
      </c>
      <c r="AC21" s="280">
        <v>11</v>
      </c>
      <c r="AD21" s="280">
        <v>9</v>
      </c>
      <c r="AE21" s="280">
        <v>7</v>
      </c>
      <c r="AF21" s="280">
        <v>5</v>
      </c>
      <c r="AG21" s="280">
        <v>5</v>
      </c>
      <c r="AH21" s="277">
        <v>37</v>
      </c>
      <c r="AI21" s="282">
        <v>39</v>
      </c>
      <c r="AJ21" s="276">
        <v>0</v>
      </c>
      <c r="AK21" s="280">
        <v>0</v>
      </c>
      <c r="AL21" s="277">
        <v>0</v>
      </c>
      <c r="AM21" s="279">
        <v>0</v>
      </c>
      <c r="AN21" s="280">
        <v>1</v>
      </c>
      <c r="AO21" s="280">
        <v>2</v>
      </c>
      <c r="AP21" s="280">
        <v>1</v>
      </c>
      <c r="AQ21" s="280">
        <v>1</v>
      </c>
      <c r="AR21" s="280">
        <v>0</v>
      </c>
      <c r="AS21" s="277">
        <v>5</v>
      </c>
      <c r="AT21" s="282">
        <v>5</v>
      </c>
      <c r="AU21" s="276">
        <v>4</v>
      </c>
      <c r="AV21" s="280">
        <v>2</v>
      </c>
      <c r="AW21" s="277">
        <v>6</v>
      </c>
      <c r="AX21" s="279">
        <v>0</v>
      </c>
      <c r="AY21" s="280">
        <v>25</v>
      </c>
      <c r="AZ21" s="280">
        <v>18</v>
      </c>
      <c r="BA21" s="280">
        <v>10</v>
      </c>
      <c r="BB21" s="280">
        <v>15</v>
      </c>
      <c r="BC21" s="280">
        <v>6</v>
      </c>
      <c r="BD21" s="281">
        <v>74</v>
      </c>
      <c r="BE21" s="282">
        <v>80</v>
      </c>
      <c r="BF21" s="276">
        <v>0</v>
      </c>
      <c r="BG21" s="280">
        <v>0</v>
      </c>
      <c r="BH21" s="277">
        <v>0</v>
      </c>
      <c r="BI21" s="279">
        <v>0</v>
      </c>
      <c r="BJ21" s="280">
        <v>19</v>
      </c>
      <c r="BK21" s="280">
        <v>18</v>
      </c>
      <c r="BL21" s="280">
        <v>6</v>
      </c>
      <c r="BM21" s="280">
        <v>2</v>
      </c>
      <c r="BN21" s="280">
        <v>2</v>
      </c>
      <c r="BO21" s="277">
        <v>47</v>
      </c>
      <c r="BP21" s="282">
        <v>47</v>
      </c>
      <c r="BQ21" s="276">
        <v>1</v>
      </c>
      <c r="BR21" s="280">
        <v>3</v>
      </c>
      <c r="BS21" s="277">
        <v>4</v>
      </c>
      <c r="BT21" s="279">
        <v>0</v>
      </c>
      <c r="BU21" s="280">
        <v>10</v>
      </c>
      <c r="BV21" s="280">
        <v>6</v>
      </c>
      <c r="BW21" s="280">
        <v>2</v>
      </c>
      <c r="BX21" s="280">
        <v>1</v>
      </c>
      <c r="BY21" s="280">
        <v>0</v>
      </c>
      <c r="BZ21" s="277">
        <v>19</v>
      </c>
      <c r="CA21" s="282">
        <v>23</v>
      </c>
      <c r="CB21" s="276">
        <v>0</v>
      </c>
      <c r="CC21" s="280">
        <v>0</v>
      </c>
      <c r="CD21" s="277">
        <v>0</v>
      </c>
      <c r="CE21" s="279">
        <v>0</v>
      </c>
      <c r="CF21" s="280">
        <v>0</v>
      </c>
      <c r="CG21" s="280">
        <v>0</v>
      </c>
      <c r="CH21" s="280">
        <v>1</v>
      </c>
      <c r="CI21" s="280">
        <v>1</v>
      </c>
      <c r="CJ21" s="280">
        <v>0</v>
      </c>
      <c r="CK21" s="277">
        <v>2</v>
      </c>
      <c r="CL21" s="282">
        <v>2</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4</v>
      </c>
      <c r="DU21" s="280">
        <v>11</v>
      </c>
      <c r="DV21" s="277">
        <v>15</v>
      </c>
      <c r="DW21" s="279">
        <v>0</v>
      </c>
      <c r="DX21" s="280">
        <v>28</v>
      </c>
      <c r="DY21" s="280">
        <v>27</v>
      </c>
      <c r="DZ21" s="280">
        <v>9</v>
      </c>
      <c r="EA21" s="280">
        <v>10</v>
      </c>
      <c r="EB21" s="280">
        <v>9</v>
      </c>
      <c r="EC21" s="277">
        <v>83</v>
      </c>
      <c r="ED21" s="282">
        <v>98</v>
      </c>
      <c r="EE21" s="276">
        <v>0</v>
      </c>
      <c r="EF21" s="280">
        <v>2</v>
      </c>
      <c r="EG21" s="277">
        <v>2</v>
      </c>
      <c r="EH21" s="279">
        <v>0</v>
      </c>
      <c r="EI21" s="280">
        <v>10</v>
      </c>
      <c r="EJ21" s="280">
        <v>8</v>
      </c>
      <c r="EK21" s="280">
        <v>3</v>
      </c>
      <c r="EL21" s="280">
        <v>7</v>
      </c>
      <c r="EM21" s="280">
        <v>0</v>
      </c>
      <c r="EN21" s="277">
        <v>28</v>
      </c>
      <c r="EO21" s="282">
        <v>30</v>
      </c>
      <c r="EP21" s="276">
        <v>6</v>
      </c>
      <c r="EQ21" s="280">
        <v>12</v>
      </c>
      <c r="ER21" s="277">
        <v>18</v>
      </c>
      <c r="ES21" s="279">
        <v>0</v>
      </c>
      <c r="ET21" s="280">
        <v>47</v>
      </c>
      <c r="EU21" s="280">
        <v>36</v>
      </c>
      <c r="EV21" s="280">
        <v>12</v>
      </c>
      <c r="EW21" s="280">
        <v>10</v>
      </c>
      <c r="EX21" s="280">
        <v>8</v>
      </c>
      <c r="EY21" s="277">
        <v>113</v>
      </c>
      <c r="EZ21" s="282">
        <v>131</v>
      </c>
    </row>
    <row r="22" spans="2:156" ht="21" customHeight="1" x14ac:dyDescent="0.2">
      <c r="B22" s="261" t="s">
        <v>20</v>
      </c>
      <c r="C22" s="276">
        <v>0</v>
      </c>
      <c r="D22" s="280">
        <v>0</v>
      </c>
      <c r="E22" s="384">
        <v>0</v>
      </c>
      <c r="F22" s="279">
        <v>0</v>
      </c>
      <c r="G22" s="280">
        <v>19</v>
      </c>
      <c r="H22" s="280">
        <v>17</v>
      </c>
      <c r="I22" s="280">
        <v>10</v>
      </c>
      <c r="J22" s="280">
        <v>6</v>
      </c>
      <c r="K22" s="280">
        <v>2</v>
      </c>
      <c r="L22" s="281">
        <v>54</v>
      </c>
      <c r="M22" s="282">
        <v>54</v>
      </c>
      <c r="N22" s="276">
        <v>0</v>
      </c>
      <c r="O22" s="280">
        <v>0</v>
      </c>
      <c r="P22" s="277">
        <v>0</v>
      </c>
      <c r="Q22" s="279">
        <v>0</v>
      </c>
      <c r="R22" s="280">
        <v>0</v>
      </c>
      <c r="S22" s="280">
        <v>0</v>
      </c>
      <c r="T22" s="280">
        <v>0</v>
      </c>
      <c r="U22" s="280">
        <v>1</v>
      </c>
      <c r="V22" s="280">
        <v>2</v>
      </c>
      <c r="W22" s="277">
        <v>3</v>
      </c>
      <c r="X22" s="282">
        <v>3</v>
      </c>
      <c r="Y22" s="276">
        <v>4</v>
      </c>
      <c r="Z22" s="280">
        <v>4</v>
      </c>
      <c r="AA22" s="277">
        <v>8</v>
      </c>
      <c r="AB22" s="279">
        <v>0</v>
      </c>
      <c r="AC22" s="280">
        <v>26</v>
      </c>
      <c r="AD22" s="280">
        <v>20</v>
      </c>
      <c r="AE22" s="280">
        <v>9</v>
      </c>
      <c r="AF22" s="280">
        <v>3</v>
      </c>
      <c r="AG22" s="280">
        <v>2</v>
      </c>
      <c r="AH22" s="277">
        <v>60</v>
      </c>
      <c r="AI22" s="282">
        <v>68</v>
      </c>
      <c r="AJ22" s="276">
        <v>1</v>
      </c>
      <c r="AK22" s="280">
        <v>3</v>
      </c>
      <c r="AL22" s="277">
        <v>4</v>
      </c>
      <c r="AM22" s="279">
        <v>0</v>
      </c>
      <c r="AN22" s="280">
        <v>5</v>
      </c>
      <c r="AO22" s="280">
        <v>3</v>
      </c>
      <c r="AP22" s="280">
        <v>3</v>
      </c>
      <c r="AQ22" s="280">
        <v>3</v>
      </c>
      <c r="AR22" s="280">
        <v>0</v>
      </c>
      <c r="AS22" s="277">
        <v>14</v>
      </c>
      <c r="AT22" s="282">
        <v>18</v>
      </c>
      <c r="AU22" s="276">
        <v>2</v>
      </c>
      <c r="AV22" s="280">
        <v>5</v>
      </c>
      <c r="AW22" s="277">
        <v>7</v>
      </c>
      <c r="AX22" s="279">
        <v>0</v>
      </c>
      <c r="AY22" s="280">
        <v>20</v>
      </c>
      <c r="AZ22" s="280">
        <v>25</v>
      </c>
      <c r="BA22" s="280">
        <v>20</v>
      </c>
      <c r="BB22" s="280">
        <v>19</v>
      </c>
      <c r="BC22" s="280">
        <v>7</v>
      </c>
      <c r="BD22" s="281">
        <v>91</v>
      </c>
      <c r="BE22" s="282">
        <v>98</v>
      </c>
      <c r="BF22" s="276">
        <v>0</v>
      </c>
      <c r="BG22" s="280">
        <v>0</v>
      </c>
      <c r="BH22" s="277">
        <v>0</v>
      </c>
      <c r="BI22" s="279">
        <v>0</v>
      </c>
      <c r="BJ22" s="280">
        <v>21</v>
      </c>
      <c r="BK22" s="280">
        <v>23</v>
      </c>
      <c r="BL22" s="280">
        <v>10</v>
      </c>
      <c r="BM22" s="280">
        <v>4</v>
      </c>
      <c r="BN22" s="280">
        <v>1</v>
      </c>
      <c r="BO22" s="277">
        <v>59</v>
      </c>
      <c r="BP22" s="282">
        <v>59</v>
      </c>
      <c r="BQ22" s="276">
        <v>4</v>
      </c>
      <c r="BR22" s="280">
        <v>3</v>
      </c>
      <c r="BS22" s="277">
        <v>7</v>
      </c>
      <c r="BT22" s="279">
        <v>0</v>
      </c>
      <c r="BU22" s="280">
        <v>13</v>
      </c>
      <c r="BV22" s="280">
        <v>6</v>
      </c>
      <c r="BW22" s="280">
        <v>7</v>
      </c>
      <c r="BX22" s="280">
        <v>7</v>
      </c>
      <c r="BY22" s="280">
        <v>1</v>
      </c>
      <c r="BZ22" s="277">
        <v>34</v>
      </c>
      <c r="CA22" s="282">
        <v>41</v>
      </c>
      <c r="CB22" s="276">
        <v>0</v>
      </c>
      <c r="CC22" s="280">
        <v>1</v>
      </c>
      <c r="CD22" s="277">
        <v>1</v>
      </c>
      <c r="CE22" s="279">
        <v>0</v>
      </c>
      <c r="CF22" s="280">
        <v>2</v>
      </c>
      <c r="CG22" s="280">
        <v>3</v>
      </c>
      <c r="CH22" s="280">
        <v>4</v>
      </c>
      <c r="CI22" s="280">
        <v>10</v>
      </c>
      <c r="CJ22" s="280">
        <v>1</v>
      </c>
      <c r="CK22" s="277">
        <v>20</v>
      </c>
      <c r="CL22" s="282">
        <v>21</v>
      </c>
      <c r="CM22" s="276">
        <v>0</v>
      </c>
      <c r="CN22" s="280">
        <v>0</v>
      </c>
      <c r="CO22" s="277">
        <v>0</v>
      </c>
      <c r="CP22" s="279">
        <v>0</v>
      </c>
      <c r="CQ22" s="280">
        <v>0</v>
      </c>
      <c r="CR22" s="280">
        <v>0</v>
      </c>
      <c r="CS22" s="280">
        <v>0</v>
      </c>
      <c r="CT22" s="280">
        <v>1</v>
      </c>
      <c r="CU22" s="280">
        <v>0</v>
      </c>
      <c r="CV22" s="277">
        <v>1</v>
      </c>
      <c r="CW22" s="282">
        <v>1</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0</v>
      </c>
      <c r="DU22" s="280">
        <v>16</v>
      </c>
      <c r="DV22" s="277">
        <v>26</v>
      </c>
      <c r="DW22" s="279">
        <v>0</v>
      </c>
      <c r="DX22" s="280">
        <v>44</v>
      </c>
      <c r="DY22" s="280">
        <v>38</v>
      </c>
      <c r="DZ22" s="280">
        <v>23</v>
      </c>
      <c r="EA22" s="280">
        <v>16</v>
      </c>
      <c r="EB22" s="280">
        <v>5</v>
      </c>
      <c r="EC22" s="277">
        <v>126</v>
      </c>
      <c r="ED22" s="282">
        <v>152</v>
      </c>
      <c r="EE22" s="276">
        <v>2</v>
      </c>
      <c r="EF22" s="280">
        <v>2</v>
      </c>
      <c r="EG22" s="277">
        <v>4</v>
      </c>
      <c r="EH22" s="279">
        <v>0</v>
      </c>
      <c r="EI22" s="280">
        <v>5</v>
      </c>
      <c r="EJ22" s="280">
        <v>11</v>
      </c>
      <c r="EK22" s="280">
        <v>5</v>
      </c>
      <c r="EL22" s="280">
        <v>7</v>
      </c>
      <c r="EM22" s="280">
        <v>4</v>
      </c>
      <c r="EN22" s="277">
        <v>32</v>
      </c>
      <c r="EO22" s="282">
        <v>36</v>
      </c>
      <c r="EP22" s="276">
        <v>18</v>
      </c>
      <c r="EQ22" s="280">
        <v>28</v>
      </c>
      <c r="ER22" s="277">
        <v>46</v>
      </c>
      <c r="ES22" s="279">
        <v>0</v>
      </c>
      <c r="ET22" s="280">
        <v>84</v>
      </c>
      <c r="EU22" s="280">
        <v>55</v>
      </c>
      <c r="EV22" s="280">
        <v>31</v>
      </c>
      <c r="EW22" s="280">
        <v>22</v>
      </c>
      <c r="EX22" s="280">
        <v>6</v>
      </c>
      <c r="EY22" s="277">
        <v>198</v>
      </c>
      <c r="EZ22" s="282">
        <v>244</v>
      </c>
    </row>
    <row r="23" spans="2:156" ht="21" customHeight="1" x14ac:dyDescent="0.2">
      <c r="B23" s="261" t="s">
        <v>21</v>
      </c>
      <c r="C23" s="276">
        <v>0</v>
      </c>
      <c r="D23" s="280">
        <v>0</v>
      </c>
      <c r="E23" s="384">
        <v>0</v>
      </c>
      <c r="F23" s="279">
        <v>0</v>
      </c>
      <c r="G23" s="280">
        <v>18</v>
      </c>
      <c r="H23" s="280">
        <v>9</v>
      </c>
      <c r="I23" s="280">
        <v>6</v>
      </c>
      <c r="J23" s="280">
        <v>10</v>
      </c>
      <c r="K23" s="280">
        <v>6</v>
      </c>
      <c r="L23" s="281">
        <v>49</v>
      </c>
      <c r="M23" s="282">
        <v>49</v>
      </c>
      <c r="N23" s="276">
        <v>0</v>
      </c>
      <c r="O23" s="280">
        <v>0</v>
      </c>
      <c r="P23" s="277">
        <v>0</v>
      </c>
      <c r="Q23" s="279">
        <v>0</v>
      </c>
      <c r="R23" s="280">
        <v>0</v>
      </c>
      <c r="S23" s="280">
        <v>0</v>
      </c>
      <c r="T23" s="280">
        <v>0</v>
      </c>
      <c r="U23" s="280">
        <v>3</v>
      </c>
      <c r="V23" s="280">
        <v>4</v>
      </c>
      <c r="W23" s="277">
        <v>7</v>
      </c>
      <c r="X23" s="282">
        <v>7</v>
      </c>
      <c r="Y23" s="276">
        <v>4</v>
      </c>
      <c r="Z23" s="280">
        <v>2</v>
      </c>
      <c r="AA23" s="277">
        <v>6</v>
      </c>
      <c r="AB23" s="279">
        <v>0</v>
      </c>
      <c r="AC23" s="280">
        <v>18</v>
      </c>
      <c r="AD23" s="280">
        <v>16</v>
      </c>
      <c r="AE23" s="280">
        <v>10</v>
      </c>
      <c r="AF23" s="280">
        <v>10</v>
      </c>
      <c r="AG23" s="280">
        <v>7</v>
      </c>
      <c r="AH23" s="277">
        <v>61</v>
      </c>
      <c r="AI23" s="282">
        <v>67</v>
      </c>
      <c r="AJ23" s="276">
        <v>0</v>
      </c>
      <c r="AK23" s="280">
        <v>2</v>
      </c>
      <c r="AL23" s="277">
        <v>2</v>
      </c>
      <c r="AM23" s="279">
        <v>0</v>
      </c>
      <c r="AN23" s="280">
        <v>1</v>
      </c>
      <c r="AO23" s="280">
        <v>3</v>
      </c>
      <c r="AP23" s="280">
        <v>0</v>
      </c>
      <c r="AQ23" s="280">
        <v>1</v>
      </c>
      <c r="AR23" s="280">
        <v>0</v>
      </c>
      <c r="AS23" s="277">
        <v>5</v>
      </c>
      <c r="AT23" s="282">
        <v>7</v>
      </c>
      <c r="AU23" s="276">
        <v>6</v>
      </c>
      <c r="AV23" s="280">
        <v>4</v>
      </c>
      <c r="AW23" s="277">
        <v>10</v>
      </c>
      <c r="AX23" s="279">
        <v>0</v>
      </c>
      <c r="AY23" s="280">
        <v>13</v>
      </c>
      <c r="AZ23" s="280">
        <v>17</v>
      </c>
      <c r="BA23" s="280">
        <v>13</v>
      </c>
      <c r="BB23" s="280">
        <v>18</v>
      </c>
      <c r="BC23" s="280">
        <v>8</v>
      </c>
      <c r="BD23" s="281">
        <v>69</v>
      </c>
      <c r="BE23" s="282">
        <v>79</v>
      </c>
      <c r="BF23" s="276">
        <v>0</v>
      </c>
      <c r="BG23" s="280">
        <v>0</v>
      </c>
      <c r="BH23" s="277">
        <v>0</v>
      </c>
      <c r="BI23" s="279">
        <v>0</v>
      </c>
      <c r="BJ23" s="280">
        <v>17</v>
      </c>
      <c r="BK23" s="280">
        <v>18</v>
      </c>
      <c r="BL23" s="280">
        <v>10</v>
      </c>
      <c r="BM23" s="280">
        <v>4</v>
      </c>
      <c r="BN23" s="280">
        <v>3</v>
      </c>
      <c r="BO23" s="277">
        <v>52</v>
      </c>
      <c r="BP23" s="282">
        <v>52</v>
      </c>
      <c r="BQ23" s="276">
        <v>2</v>
      </c>
      <c r="BR23" s="280">
        <v>0</v>
      </c>
      <c r="BS23" s="277">
        <v>2</v>
      </c>
      <c r="BT23" s="279">
        <v>0</v>
      </c>
      <c r="BU23" s="280">
        <v>8</v>
      </c>
      <c r="BV23" s="280">
        <v>8</v>
      </c>
      <c r="BW23" s="280">
        <v>1</v>
      </c>
      <c r="BX23" s="280">
        <v>1</v>
      </c>
      <c r="BY23" s="280">
        <v>0</v>
      </c>
      <c r="BZ23" s="277">
        <v>18</v>
      </c>
      <c r="CA23" s="282">
        <v>20</v>
      </c>
      <c r="CB23" s="276">
        <v>0</v>
      </c>
      <c r="CC23" s="280">
        <v>0</v>
      </c>
      <c r="CD23" s="277">
        <v>0</v>
      </c>
      <c r="CE23" s="279">
        <v>0</v>
      </c>
      <c r="CF23" s="280">
        <v>1</v>
      </c>
      <c r="CG23" s="280">
        <v>2</v>
      </c>
      <c r="CH23" s="280">
        <v>9</v>
      </c>
      <c r="CI23" s="280">
        <v>7</v>
      </c>
      <c r="CJ23" s="280">
        <v>3</v>
      </c>
      <c r="CK23" s="277">
        <v>22</v>
      </c>
      <c r="CL23" s="282">
        <v>22</v>
      </c>
      <c r="CM23" s="276">
        <v>0</v>
      </c>
      <c r="CN23" s="280">
        <v>0</v>
      </c>
      <c r="CO23" s="277">
        <v>0</v>
      </c>
      <c r="CP23" s="279">
        <v>0</v>
      </c>
      <c r="CQ23" s="280">
        <v>0</v>
      </c>
      <c r="CR23" s="280">
        <v>0</v>
      </c>
      <c r="CS23" s="280">
        <v>0</v>
      </c>
      <c r="CT23" s="280">
        <v>1</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3</v>
      </c>
      <c r="DU23" s="280">
        <v>15</v>
      </c>
      <c r="DV23" s="277">
        <v>18</v>
      </c>
      <c r="DW23" s="279">
        <v>0</v>
      </c>
      <c r="DX23" s="280">
        <v>20</v>
      </c>
      <c r="DY23" s="280">
        <v>36</v>
      </c>
      <c r="DZ23" s="280">
        <v>24</v>
      </c>
      <c r="EA23" s="280">
        <v>21</v>
      </c>
      <c r="EB23" s="280">
        <v>9</v>
      </c>
      <c r="EC23" s="277">
        <v>110</v>
      </c>
      <c r="ED23" s="282">
        <v>128</v>
      </c>
      <c r="EE23" s="276">
        <v>1</v>
      </c>
      <c r="EF23" s="280">
        <v>1</v>
      </c>
      <c r="EG23" s="277">
        <v>2</v>
      </c>
      <c r="EH23" s="279">
        <v>0</v>
      </c>
      <c r="EI23" s="280">
        <v>7</v>
      </c>
      <c r="EJ23" s="280">
        <v>3</v>
      </c>
      <c r="EK23" s="280">
        <v>7</v>
      </c>
      <c r="EL23" s="280">
        <v>4</v>
      </c>
      <c r="EM23" s="280">
        <v>2</v>
      </c>
      <c r="EN23" s="277">
        <v>23</v>
      </c>
      <c r="EO23" s="282">
        <v>25</v>
      </c>
      <c r="EP23" s="276">
        <v>9</v>
      </c>
      <c r="EQ23" s="280">
        <v>16</v>
      </c>
      <c r="ER23" s="277">
        <v>25</v>
      </c>
      <c r="ES23" s="279">
        <v>0</v>
      </c>
      <c r="ET23" s="280">
        <v>53</v>
      </c>
      <c r="EU23" s="280">
        <v>52</v>
      </c>
      <c r="EV23" s="280">
        <v>29</v>
      </c>
      <c r="EW23" s="280">
        <v>24</v>
      </c>
      <c r="EX23" s="280">
        <v>11</v>
      </c>
      <c r="EY23" s="277">
        <v>169</v>
      </c>
      <c r="EZ23" s="282">
        <v>194</v>
      </c>
    </row>
    <row r="24" spans="2:156" ht="21" customHeight="1" x14ac:dyDescent="0.2">
      <c r="B24" s="261" t="s">
        <v>22</v>
      </c>
      <c r="C24" s="276">
        <v>0</v>
      </c>
      <c r="D24" s="280">
        <v>0</v>
      </c>
      <c r="E24" s="384">
        <v>0</v>
      </c>
      <c r="F24" s="279">
        <v>0</v>
      </c>
      <c r="G24" s="280">
        <v>6</v>
      </c>
      <c r="H24" s="280">
        <v>7</v>
      </c>
      <c r="I24" s="280">
        <v>2</v>
      </c>
      <c r="J24" s="280">
        <v>6</v>
      </c>
      <c r="K24" s="280">
        <v>1</v>
      </c>
      <c r="L24" s="281">
        <v>22</v>
      </c>
      <c r="M24" s="282">
        <v>22</v>
      </c>
      <c r="N24" s="276">
        <v>0</v>
      </c>
      <c r="O24" s="280">
        <v>0</v>
      </c>
      <c r="P24" s="277">
        <v>0</v>
      </c>
      <c r="Q24" s="279">
        <v>0</v>
      </c>
      <c r="R24" s="280">
        <v>0</v>
      </c>
      <c r="S24" s="280">
        <v>0</v>
      </c>
      <c r="T24" s="280">
        <v>0</v>
      </c>
      <c r="U24" s="280">
        <v>1</v>
      </c>
      <c r="V24" s="280">
        <v>0</v>
      </c>
      <c r="W24" s="277">
        <v>1</v>
      </c>
      <c r="X24" s="282">
        <v>1</v>
      </c>
      <c r="Y24" s="276">
        <v>0</v>
      </c>
      <c r="Z24" s="280">
        <v>1</v>
      </c>
      <c r="AA24" s="277">
        <v>1</v>
      </c>
      <c r="AB24" s="279">
        <v>0</v>
      </c>
      <c r="AC24" s="280">
        <v>2</v>
      </c>
      <c r="AD24" s="280">
        <v>3</v>
      </c>
      <c r="AE24" s="280">
        <v>2</v>
      </c>
      <c r="AF24" s="280">
        <v>1</v>
      </c>
      <c r="AG24" s="280">
        <v>0</v>
      </c>
      <c r="AH24" s="277">
        <v>8</v>
      </c>
      <c r="AI24" s="282">
        <v>9</v>
      </c>
      <c r="AJ24" s="276">
        <v>0</v>
      </c>
      <c r="AK24" s="280">
        <v>0</v>
      </c>
      <c r="AL24" s="277">
        <v>0</v>
      </c>
      <c r="AM24" s="279">
        <v>0</v>
      </c>
      <c r="AN24" s="280">
        <v>1</v>
      </c>
      <c r="AO24" s="280">
        <v>1</v>
      </c>
      <c r="AP24" s="280">
        <v>1</v>
      </c>
      <c r="AQ24" s="280">
        <v>0</v>
      </c>
      <c r="AR24" s="280">
        <v>0</v>
      </c>
      <c r="AS24" s="277">
        <v>3</v>
      </c>
      <c r="AT24" s="282">
        <v>3</v>
      </c>
      <c r="AU24" s="276">
        <v>0</v>
      </c>
      <c r="AV24" s="280">
        <v>0</v>
      </c>
      <c r="AW24" s="277">
        <v>0</v>
      </c>
      <c r="AX24" s="279">
        <v>0</v>
      </c>
      <c r="AY24" s="280">
        <v>3</v>
      </c>
      <c r="AZ24" s="280">
        <v>6</v>
      </c>
      <c r="BA24" s="280">
        <v>3</v>
      </c>
      <c r="BB24" s="280">
        <v>3</v>
      </c>
      <c r="BC24" s="280">
        <v>1</v>
      </c>
      <c r="BD24" s="281">
        <v>16</v>
      </c>
      <c r="BE24" s="282">
        <v>16</v>
      </c>
      <c r="BF24" s="276">
        <v>0</v>
      </c>
      <c r="BG24" s="280">
        <v>0</v>
      </c>
      <c r="BH24" s="277">
        <v>0</v>
      </c>
      <c r="BI24" s="279">
        <v>0</v>
      </c>
      <c r="BJ24" s="280">
        <v>7</v>
      </c>
      <c r="BK24" s="280">
        <v>8</v>
      </c>
      <c r="BL24" s="280">
        <v>7</v>
      </c>
      <c r="BM24" s="280">
        <v>2</v>
      </c>
      <c r="BN24" s="280">
        <v>2</v>
      </c>
      <c r="BO24" s="277">
        <v>26</v>
      </c>
      <c r="BP24" s="282">
        <v>26</v>
      </c>
      <c r="BQ24" s="276">
        <v>0</v>
      </c>
      <c r="BR24" s="280">
        <v>0</v>
      </c>
      <c r="BS24" s="277">
        <v>0</v>
      </c>
      <c r="BT24" s="279">
        <v>0</v>
      </c>
      <c r="BU24" s="280">
        <v>2</v>
      </c>
      <c r="BV24" s="280">
        <v>1</v>
      </c>
      <c r="BW24" s="280">
        <v>2</v>
      </c>
      <c r="BX24" s="280">
        <v>0</v>
      </c>
      <c r="BY24" s="280">
        <v>0</v>
      </c>
      <c r="BZ24" s="277">
        <v>5</v>
      </c>
      <c r="CA24" s="282">
        <v>5</v>
      </c>
      <c r="CB24" s="276">
        <v>0</v>
      </c>
      <c r="CC24" s="280">
        <v>0</v>
      </c>
      <c r="CD24" s="277">
        <v>0</v>
      </c>
      <c r="CE24" s="279">
        <v>0</v>
      </c>
      <c r="CF24" s="280">
        <v>1</v>
      </c>
      <c r="CG24" s="280">
        <v>0</v>
      </c>
      <c r="CH24" s="280">
        <v>4</v>
      </c>
      <c r="CI24" s="280">
        <v>4</v>
      </c>
      <c r="CJ24" s="280">
        <v>0</v>
      </c>
      <c r="CK24" s="277">
        <v>9</v>
      </c>
      <c r="CL24" s="282">
        <v>9</v>
      </c>
      <c r="CM24" s="276">
        <v>0</v>
      </c>
      <c r="CN24" s="280">
        <v>0</v>
      </c>
      <c r="CO24" s="277">
        <v>0</v>
      </c>
      <c r="CP24" s="279">
        <v>0</v>
      </c>
      <c r="CQ24" s="280">
        <v>0</v>
      </c>
      <c r="CR24" s="280">
        <v>0</v>
      </c>
      <c r="CS24" s="280">
        <v>1</v>
      </c>
      <c r="CT24" s="280">
        <v>0</v>
      </c>
      <c r="CU24" s="280">
        <v>0</v>
      </c>
      <c r="CV24" s="277">
        <v>1</v>
      </c>
      <c r="CW24" s="282">
        <v>1</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2</v>
      </c>
      <c r="DU24" s="280">
        <v>8</v>
      </c>
      <c r="DV24" s="277">
        <v>10</v>
      </c>
      <c r="DW24" s="279">
        <v>0</v>
      </c>
      <c r="DX24" s="280">
        <v>14</v>
      </c>
      <c r="DY24" s="280">
        <v>16</v>
      </c>
      <c r="DZ24" s="280">
        <v>9</v>
      </c>
      <c r="EA24" s="280">
        <v>9</v>
      </c>
      <c r="EB24" s="280">
        <v>4</v>
      </c>
      <c r="EC24" s="277">
        <v>52</v>
      </c>
      <c r="ED24" s="282">
        <v>62</v>
      </c>
      <c r="EE24" s="276">
        <v>0</v>
      </c>
      <c r="EF24" s="280">
        <v>0</v>
      </c>
      <c r="EG24" s="277">
        <v>0</v>
      </c>
      <c r="EH24" s="279">
        <v>0</v>
      </c>
      <c r="EI24" s="280">
        <v>1</v>
      </c>
      <c r="EJ24" s="280">
        <v>2</v>
      </c>
      <c r="EK24" s="280">
        <v>1</v>
      </c>
      <c r="EL24" s="280">
        <v>2</v>
      </c>
      <c r="EM24" s="280">
        <v>0</v>
      </c>
      <c r="EN24" s="277">
        <v>6</v>
      </c>
      <c r="EO24" s="282">
        <v>6</v>
      </c>
      <c r="EP24" s="276">
        <v>1</v>
      </c>
      <c r="EQ24" s="280">
        <v>9</v>
      </c>
      <c r="ER24" s="277">
        <v>10</v>
      </c>
      <c r="ES24" s="279">
        <v>0</v>
      </c>
      <c r="ET24" s="280">
        <v>27</v>
      </c>
      <c r="EU24" s="280">
        <v>25</v>
      </c>
      <c r="EV24" s="280">
        <v>12</v>
      </c>
      <c r="EW24" s="280">
        <v>10</v>
      </c>
      <c r="EX24" s="280">
        <v>4</v>
      </c>
      <c r="EY24" s="277">
        <v>78</v>
      </c>
      <c r="EZ24" s="282">
        <v>88</v>
      </c>
    </row>
    <row r="25" spans="2:156" ht="21" customHeight="1" x14ac:dyDescent="0.2">
      <c r="B25" s="261" t="s">
        <v>23</v>
      </c>
      <c r="C25" s="276">
        <v>0</v>
      </c>
      <c r="D25" s="280">
        <v>0</v>
      </c>
      <c r="E25" s="384">
        <v>0</v>
      </c>
      <c r="F25" s="279">
        <v>0</v>
      </c>
      <c r="G25" s="280">
        <v>4</v>
      </c>
      <c r="H25" s="280">
        <v>10</v>
      </c>
      <c r="I25" s="280">
        <v>6</v>
      </c>
      <c r="J25" s="280">
        <v>2</v>
      </c>
      <c r="K25" s="280">
        <v>0</v>
      </c>
      <c r="L25" s="281">
        <v>22</v>
      </c>
      <c r="M25" s="282">
        <v>22</v>
      </c>
      <c r="N25" s="276">
        <v>0</v>
      </c>
      <c r="O25" s="280">
        <v>0</v>
      </c>
      <c r="P25" s="277">
        <v>0</v>
      </c>
      <c r="Q25" s="279">
        <v>0</v>
      </c>
      <c r="R25" s="280">
        <v>0</v>
      </c>
      <c r="S25" s="280">
        <v>1</v>
      </c>
      <c r="T25" s="280">
        <v>1</v>
      </c>
      <c r="U25" s="280">
        <v>0</v>
      </c>
      <c r="V25" s="280">
        <v>0</v>
      </c>
      <c r="W25" s="277">
        <v>2</v>
      </c>
      <c r="X25" s="282">
        <v>2</v>
      </c>
      <c r="Y25" s="276">
        <v>3</v>
      </c>
      <c r="Z25" s="280">
        <v>5</v>
      </c>
      <c r="AA25" s="277">
        <v>8</v>
      </c>
      <c r="AB25" s="279">
        <v>0</v>
      </c>
      <c r="AC25" s="280">
        <v>5</v>
      </c>
      <c r="AD25" s="280">
        <v>13</v>
      </c>
      <c r="AE25" s="280">
        <v>6</v>
      </c>
      <c r="AF25" s="280">
        <v>1</v>
      </c>
      <c r="AG25" s="280">
        <v>3</v>
      </c>
      <c r="AH25" s="277">
        <v>28</v>
      </c>
      <c r="AI25" s="282">
        <v>36</v>
      </c>
      <c r="AJ25" s="276">
        <v>0</v>
      </c>
      <c r="AK25" s="280">
        <v>0</v>
      </c>
      <c r="AL25" s="277">
        <v>0</v>
      </c>
      <c r="AM25" s="279">
        <v>0</v>
      </c>
      <c r="AN25" s="280">
        <v>1</v>
      </c>
      <c r="AO25" s="280">
        <v>1</v>
      </c>
      <c r="AP25" s="280">
        <v>0</v>
      </c>
      <c r="AQ25" s="280">
        <v>0</v>
      </c>
      <c r="AR25" s="280">
        <v>0</v>
      </c>
      <c r="AS25" s="277">
        <v>2</v>
      </c>
      <c r="AT25" s="282">
        <v>2</v>
      </c>
      <c r="AU25" s="276">
        <v>3</v>
      </c>
      <c r="AV25" s="280">
        <v>1</v>
      </c>
      <c r="AW25" s="277">
        <v>4</v>
      </c>
      <c r="AX25" s="279">
        <v>0</v>
      </c>
      <c r="AY25" s="280">
        <v>15</v>
      </c>
      <c r="AZ25" s="280">
        <v>9</v>
      </c>
      <c r="BA25" s="280">
        <v>9</v>
      </c>
      <c r="BB25" s="280">
        <v>8</v>
      </c>
      <c r="BC25" s="280">
        <v>5</v>
      </c>
      <c r="BD25" s="281">
        <v>46</v>
      </c>
      <c r="BE25" s="282">
        <v>50</v>
      </c>
      <c r="BF25" s="276">
        <v>0</v>
      </c>
      <c r="BG25" s="280">
        <v>0</v>
      </c>
      <c r="BH25" s="277">
        <v>0</v>
      </c>
      <c r="BI25" s="279">
        <v>0</v>
      </c>
      <c r="BJ25" s="280">
        <v>17</v>
      </c>
      <c r="BK25" s="280">
        <v>16</v>
      </c>
      <c r="BL25" s="280">
        <v>11</v>
      </c>
      <c r="BM25" s="280">
        <v>3</v>
      </c>
      <c r="BN25" s="280">
        <v>2</v>
      </c>
      <c r="BO25" s="277">
        <v>49</v>
      </c>
      <c r="BP25" s="282">
        <v>49</v>
      </c>
      <c r="BQ25" s="276">
        <v>0</v>
      </c>
      <c r="BR25" s="280">
        <v>0</v>
      </c>
      <c r="BS25" s="277">
        <v>0</v>
      </c>
      <c r="BT25" s="279">
        <v>0</v>
      </c>
      <c r="BU25" s="280">
        <v>4</v>
      </c>
      <c r="BV25" s="280">
        <v>4</v>
      </c>
      <c r="BW25" s="280">
        <v>4</v>
      </c>
      <c r="BX25" s="280">
        <v>1</v>
      </c>
      <c r="BY25" s="280">
        <v>2</v>
      </c>
      <c r="BZ25" s="277">
        <v>15</v>
      </c>
      <c r="CA25" s="282">
        <v>15</v>
      </c>
      <c r="CB25" s="276">
        <v>0</v>
      </c>
      <c r="CC25" s="280">
        <v>0</v>
      </c>
      <c r="CD25" s="277">
        <v>0</v>
      </c>
      <c r="CE25" s="279">
        <v>0</v>
      </c>
      <c r="CF25" s="280">
        <v>2</v>
      </c>
      <c r="CG25" s="280">
        <v>1</v>
      </c>
      <c r="CH25" s="280">
        <v>3</v>
      </c>
      <c r="CI25" s="280">
        <v>3</v>
      </c>
      <c r="CJ25" s="280">
        <v>1</v>
      </c>
      <c r="CK25" s="277">
        <v>10</v>
      </c>
      <c r="CL25" s="282">
        <v>10</v>
      </c>
      <c r="CM25" s="276">
        <v>0</v>
      </c>
      <c r="CN25" s="280">
        <v>0</v>
      </c>
      <c r="CO25" s="277">
        <v>0</v>
      </c>
      <c r="CP25" s="279">
        <v>0</v>
      </c>
      <c r="CQ25" s="280">
        <v>1</v>
      </c>
      <c r="CR25" s="280">
        <v>0</v>
      </c>
      <c r="CS25" s="280">
        <v>0</v>
      </c>
      <c r="CT25" s="280">
        <v>0</v>
      </c>
      <c r="CU25" s="280">
        <v>1</v>
      </c>
      <c r="CV25" s="277">
        <v>2</v>
      </c>
      <c r="CW25" s="282">
        <v>2</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3</v>
      </c>
      <c r="DU25" s="280">
        <v>6</v>
      </c>
      <c r="DV25" s="277">
        <v>9</v>
      </c>
      <c r="DW25" s="279">
        <v>0</v>
      </c>
      <c r="DX25" s="280">
        <v>10</v>
      </c>
      <c r="DY25" s="280">
        <v>26</v>
      </c>
      <c r="DZ25" s="280">
        <v>13</v>
      </c>
      <c r="EA25" s="280">
        <v>5</v>
      </c>
      <c r="EB25" s="280">
        <v>3</v>
      </c>
      <c r="EC25" s="277">
        <v>57</v>
      </c>
      <c r="ED25" s="282">
        <v>66</v>
      </c>
      <c r="EE25" s="276">
        <v>2</v>
      </c>
      <c r="EF25" s="280">
        <v>1</v>
      </c>
      <c r="EG25" s="277">
        <v>3</v>
      </c>
      <c r="EH25" s="279">
        <v>0</v>
      </c>
      <c r="EI25" s="280">
        <v>6</v>
      </c>
      <c r="EJ25" s="280">
        <v>3</v>
      </c>
      <c r="EK25" s="280">
        <v>1</v>
      </c>
      <c r="EL25" s="280">
        <v>3</v>
      </c>
      <c r="EM25" s="280">
        <v>2</v>
      </c>
      <c r="EN25" s="277">
        <v>15</v>
      </c>
      <c r="EO25" s="282">
        <v>18</v>
      </c>
      <c r="EP25" s="276">
        <v>7</v>
      </c>
      <c r="EQ25" s="280">
        <v>10</v>
      </c>
      <c r="ER25" s="277">
        <v>17</v>
      </c>
      <c r="ES25" s="279">
        <v>0</v>
      </c>
      <c r="ET25" s="280">
        <v>29</v>
      </c>
      <c r="EU25" s="280">
        <v>32</v>
      </c>
      <c r="EV25" s="280">
        <v>17</v>
      </c>
      <c r="EW25" s="280">
        <v>6</v>
      </c>
      <c r="EX25" s="280">
        <v>5</v>
      </c>
      <c r="EY25" s="277">
        <v>89</v>
      </c>
      <c r="EZ25" s="282">
        <v>106</v>
      </c>
    </row>
    <row r="26" spans="2:156" ht="21" customHeight="1" x14ac:dyDescent="0.2">
      <c r="B26" s="261" t="s">
        <v>24</v>
      </c>
      <c r="C26" s="276">
        <v>0</v>
      </c>
      <c r="D26" s="280">
        <v>0</v>
      </c>
      <c r="E26" s="384">
        <v>0</v>
      </c>
      <c r="F26" s="279">
        <v>0</v>
      </c>
      <c r="G26" s="280">
        <v>9</v>
      </c>
      <c r="H26" s="280">
        <v>6</v>
      </c>
      <c r="I26" s="280">
        <v>5</v>
      </c>
      <c r="J26" s="280">
        <v>2</v>
      </c>
      <c r="K26" s="280">
        <v>4</v>
      </c>
      <c r="L26" s="281">
        <v>26</v>
      </c>
      <c r="M26" s="282">
        <v>26</v>
      </c>
      <c r="N26" s="276">
        <v>0</v>
      </c>
      <c r="O26" s="280">
        <v>0</v>
      </c>
      <c r="P26" s="277">
        <v>0</v>
      </c>
      <c r="Q26" s="279">
        <v>0</v>
      </c>
      <c r="R26" s="280">
        <v>0</v>
      </c>
      <c r="S26" s="280">
        <v>0</v>
      </c>
      <c r="T26" s="280">
        <v>0</v>
      </c>
      <c r="U26" s="280">
        <v>2</v>
      </c>
      <c r="V26" s="280">
        <v>2</v>
      </c>
      <c r="W26" s="277">
        <v>4</v>
      </c>
      <c r="X26" s="282">
        <v>4</v>
      </c>
      <c r="Y26" s="276">
        <v>2</v>
      </c>
      <c r="Z26" s="280">
        <v>1</v>
      </c>
      <c r="AA26" s="277">
        <v>3</v>
      </c>
      <c r="AB26" s="279">
        <v>0</v>
      </c>
      <c r="AC26" s="280">
        <v>12</v>
      </c>
      <c r="AD26" s="280">
        <v>5</v>
      </c>
      <c r="AE26" s="280">
        <v>6</v>
      </c>
      <c r="AF26" s="280">
        <v>2</v>
      </c>
      <c r="AG26" s="280">
        <v>3</v>
      </c>
      <c r="AH26" s="277">
        <v>28</v>
      </c>
      <c r="AI26" s="282">
        <v>31</v>
      </c>
      <c r="AJ26" s="276">
        <v>0</v>
      </c>
      <c r="AK26" s="280">
        <v>0</v>
      </c>
      <c r="AL26" s="277">
        <v>0</v>
      </c>
      <c r="AM26" s="279">
        <v>0</v>
      </c>
      <c r="AN26" s="280">
        <v>2</v>
      </c>
      <c r="AO26" s="280">
        <v>2</v>
      </c>
      <c r="AP26" s="280">
        <v>0</v>
      </c>
      <c r="AQ26" s="280">
        <v>2</v>
      </c>
      <c r="AR26" s="280">
        <v>0</v>
      </c>
      <c r="AS26" s="277">
        <v>6</v>
      </c>
      <c r="AT26" s="282">
        <v>6</v>
      </c>
      <c r="AU26" s="276">
        <v>2</v>
      </c>
      <c r="AV26" s="280">
        <v>2</v>
      </c>
      <c r="AW26" s="277">
        <v>4</v>
      </c>
      <c r="AX26" s="279">
        <v>0</v>
      </c>
      <c r="AY26" s="280">
        <v>12</v>
      </c>
      <c r="AZ26" s="280">
        <v>8</v>
      </c>
      <c r="BA26" s="280">
        <v>14</v>
      </c>
      <c r="BB26" s="280">
        <v>4</v>
      </c>
      <c r="BC26" s="280">
        <v>8</v>
      </c>
      <c r="BD26" s="281">
        <v>46</v>
      </c>
      <c r="BE26" s="282">
        <v>50</v>
      </c>
      <c r="BF26" s="276">
        <v>0</v>
      </c>
      <c r="BG26" s="280">
        <v>0</v>
      </c>
      <c r="BH26" s="277">
        <v>0</v>
      </c>
      <c r="BI26" s="279">
        <v>0</v>
      </c>
      <c r="BJ26" s="280">
        <v>14</v>
      </c>
      <c r="BK26" s="280">
        <v>7</v>
      </c>
      <c r="BL26" s="280">
        <v>4</v>
      </c>
      <c r="BM26" s="280">
        <v>0</v>
      </c>
      <c r="BN26" s="280">
        <v>1</v>
      </c>
      <c r="BO26" s="277">
        <v>26</v>
      </c>
      <c r="BP26" s="282">
        <v>26</v>
      </c>
      <c r="BQ26" s="276">
        <v>3</v>
      </c>
      <c r="BR26" s="280">
        <v>2</v>
      </c>
      <c r="BS26" s="277">
        <v>5</v>
      </c>
      <c r="BT26" s="279">
        <v>0</v>
      </c>
      <c r="BU26" s="280">
        <v>2</v>
      </c>
      <c r="BV26" s="280">
        <v>5</v>
      </c>
      <c r="BW26" s="280">
        <v>2</v>
      </c>
      <c r="BX26" s="280">
        <v>1</v>
      </c>
      <c r="BY26" s="280">
        <v>0</v>
      </c>
      <c r="BZ26" s="277">
        <v>10</v>
      </c>
      <c r="CA26" s="282">
        <v>15</v>
      </c>
      <c r="CB26" s="276">
        <v>0</v>
      </c>
      <c r="CC26" s="280">
        <v>0</v>
      </c>
      <c r="CD26" s="277">
        <v>0</v>
      </c>
      <c r="CE26" s="279">
        <v>0</v>
      </c>
      <c r="CF26" s="280">
        <v>3</v>
      </c>
      <c r="CG26" s="280">
        <v>0</v>
      </c>
      <c r="CH26" s="280">
        <v>1</v>
      </c>
      <c r="CI26" s="280">
        <v>0</v>
      </c>
      <c r="CJ26" s="280">
        <v>1</v>
      </c>
      <c r="CK26" s="277">
        <v>5</v>
      </c>
      <c r="CL26" s="282">
        <v>5</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2</v>
      </c>
      <c r="DU26" s="280">
        <v>3</v>
      </c>
      <c r="DV26" s="277">
        <v>15</v>
      </c>
      <c r="DW26" s="279">
        <v>0</v>
      </c>
      <c r="DX26" s="280">
        <v>21</v>
      </c>
      <c r="DY26" s="280">
        <v>17</v>
      </c>
      <c r="DZ26" s="280">
        <v>12</v>
      </c>
      <c r="EA26" s="280">
        <v>7</v>
      </c>
      <c r="EB26" s="280">
        <v>6</v>
      </c>
      <c r="EC26" s="277">
        <v>63</v>
      </c>
      <c r="ED26" s="282">
        <v>78</v>
      </c>
      <c r="EE26" s="276">
        <v>3</v>
      </c>
      <c r="EF26" s="280">
        <v>1</v>
      </c>
      <c r="EG26" s="277">
        <v>4</v>
      </c>
      <c r="EH26" s="279">
        <v>0</v>
      </c>
      <c r="EI26" s="280">
        <v>4</v>
      </c>
      <c r="EJ26" s="280">
        <v>3</v>
      </c>
      <c r="EK26" s="280">
        <v>4</v>
      </c>
      <c r="EL26" s="280">
        <v>1</v>
      </c>
      <c r="EM26" s="280">
        <v>1</v>
      </c>
      <c r="EN26" s="277">
        <v>13</v>
      </c>
      <c r="EO26" s="282">
        <v>17</v>
      </c>
      <c r="EP26" s="276">
        <v>14</v>
      </c>
      <c r="EQ26" s="280">
        <v>4</v>
      </c>
      <c r="ER26" s="277">
        <v>18</v>
      </c>
      <c r="ES26" s="279">
        <v>0</v>
      </c>
      <c r="ET26" s="280">
        <v>37</v>
      </c>
      <c r="EU26" s="280">
        <v>21</v>
      </c>
      <c r="EV26" s="280">
        <v>15</v>
      </c>
      <c r="EW26" s="280">
        <v>7</v>
      </c>
      <c r="EX26" s="280">
        <v>5</v>
      </c>
      <c r="EY26" s="277">
        <v>85</v>
      </c>
      <c r="EZ26" s="282">
        <v>103</v>
      </c>
    </row>
    <row r="27" spans="2:156" ht="21" customHeight="1" x14ac:dyDescent="0.2">
      <c r="B27" s="261" t="s">
        <v>25</v>
      </c>
      <c r="C27" s="276">
        <v>0</v>
      </c>
      <c r="D27" s="280">
        <v>0</v>
      </c>
      <c r="E27" s="384">
        <v>0</v>
      </c>
      <c r="F27" s="279">
        <v>0</v>
      </c>
      <c r="G27" s="280">
        <v>4</v>
      </c>
      <c r="H27" s="280">
        <v>2</v>
      </c>
      <c r="I27" s="280">
        <v>4</v>
      </c>
      <c r="J27" s="280">
        <v>0</v>
      </c>
      <c r="K27" s="280">
        <v>0</v>
      </c>
      <c r="L27" s="281">
        <v>10</v>
      </c>
      <c r="M27" s="282">
        <v>10</v>
      </c>
      <c r="N27" s="276">
        <v>0</v>
      </c>
      <c r="O27" s="280">
        <v>0</v>
      </c>
      <c r="P27" s="277">
        <v>0</v>
      </c>
      <c r="Q27" s="279">
        <v>0</v>
      </c>
      <c r="R27" s="280">
        <v>0</v>
      </c>
      <c r="S27" s="280">
        <v>0</v>
      </c>
      <c r="T27" s="280">
        <v>2</v>
      </c>
      <c r="U27" s="280">
        <v>0</v>
      </c>
      <c r="V27" s="280">
        <v>1</v>
      </c>
      <c r="W27" s="277">
        <v>3</v>
      </c>
      <c r="X27" s="282">
        <v>3</v>
      </c>
      <c r="Y27" s="276">
        <v>1</v>
      </c>
      <c r="Z27" s="280">
        <v>0</v>
      </c>
      <c r="AA27" s="277">
        <v>1</v>
      </c>
      <c r="AB27" s="279">
        <v>0</v>
      </c>
      <c r="AC27" s="280">
        <v>2</v>
      </c>
      <c r="AD27" s="280">
        <v>2</v>
      </c>
      <c r="AE27" s="280">
        <v>4</v>
      </c>
      <c r="AF27" s="280">
        <v>4</v>
      </c>
      <c r="AG27" s="280">
        <v>1</v>
      </c>
      <c r="AH27" s="277">
        <v>13</v>
      </c>
      <c r="AI27" s="282">
        <v>14</v>
      </c>
      <c r="AJ27" s="276">
        <v>0</v>
      </c>
      <c r="AK27" s="280">
        <v>1</v>
      </c>
      <c r="AL27" s="277">
        <v>1</v>
      </c>
      <c r="AM27" s="279">
        <v>0</v>
      </c>
      <c r="AN27" s="280">
        <v>0</v>
      </c>
      <c r="AO27" s="280">
        <v>0</v>
      </c>
      <c r="AP27" s="280">
        <v>1</v>
      </c>
      <c r="AQ27" s="280">
        <v>0</v>
      </c>
      <c r="AR27" s="280">
        <v>1</v>
      </c>
      <c r="AS27" s="277">
        <v>2</v>
      </c>
      <c r="AT27" s="282">
        <v>3</v>
      </c>
      <c r="AU27" s="276">
        <v>0</v>
      </c>
      <c r="AV27" s="280">
        <v>1</v>
      </c>
      <c r="AW27" s="277">
        <v>1</v>
      </c>
      <c r="AX27" s="279">
        <v>0</v>
      </c>
      <c r="AY27" s="280">
        <v>6</v>
      </c>
      <c r="AZ27" s="280">
        <v>0</v>
      </c>
      <c r="BA27" s="280">
        <v>4</v>
      </c>
      <c r="BB27" s="280">
        <v>2</v>
      </c>
      <c r="BC27" s="280">
        <v>2</v>
      </c>
      <c r="BD27" s="281">
        <v>14</v>
      </c>
      <c r="BE27" s="282">
        <v>15</v>
      </c>
      <c r="BF27" s="276">
        <v>0</v>
      </c>
      <c r="BG27" s="280">
        <v>0</v>
      </c>
      <c r="BH27" s="277">
        <v>0</v>
      </c>
      <c r="BI27" s="279">
        <v>0</v>
      </c>
      <c r="BJ27" s="280">
        <v>6</v>
      </c>
      <c r="BK27" s="280">
        <v>2</v>
      </c>
      <c r="BL27" s="280">
        <v>2</v>
      </c>
      <c r="BM27" s="280">
        <v>2</v>
      </c>
      <c r="BN27" s="280">
        <v>0</v>
      </c>
      <c r="BO27" s="277">
        <v>12</v>
      </c>
      <c r="BP27" s="282">
        <v>12</v>
      </c>
      <c r="BQ27" s="276">
        <v>3</v>
      </c>
      <c r="BR27" s="280">
        <v>0</v>
      </c>
      <c r="BS27" s="277">
        <v>3</v>
      </c>
      <c r="BT27" s="279">
        <v>0</v>
      </c>
      <c r="BU27" s="280">
        <v>3</v>
      </c>
      <c r="BV27" s="280">
        <v>3</v>
      </c>
      <c r="BW27" s="280">
        <v>4</v>
      </c>
      <c r="BX27" s="280">
        <v>1</v>
      </c>
      <c r="BY27" s="280">
        <v>0</v>
      </c>
      <c r="BZ27" s="277">
        <v>11</v>
      </c>
      <c r="CA27" s="282">
        <v>14</v>
      </c>
      <c r="CB27" s="276">
        <v>0</v>
      </c>
      <c r="CC27" s="280">
        <v>0</v>
      </c>
      <c r="CD27" s="277">
        <v>0</v>
      </c>
      <c r="CE27" s="279">
        <v>0</v>
      </c>
      <c r="CF27" s="280">
        <v>1</v>
      </c>
      <c r="CG27" s="280">
        <v>0</v>
      </c>
      <c r="CH27" s="280">
        <v>1</v>
      </c>
      <c r="CI27" s="280">
        <v>3</v>
      </c>
      <c r="CJ27" s="280">
        <v>0</v>
      </c>
      <c r="CK27" s="277">
        <v>5</v>
      </c>
      <c r="CL27" s="282">
        <v>5</v>
      </c>
      <c r="CM27" s="276">
        <v>0</v>
      </c>
      <c r="CN27" s="280">
        <v>0</v>
      </c>
      <c r="CO27" s="277">
        <v>0</v>
      </c>
      <c r="CP27" s="279">
        <v>0</v>
      </c>
      <c r="CQ27" s="280">
        <v>1</v>
      </c>
      <c r="CR27" s="280">
        <v>0</v>
      </c>
      <c r="CS27" s="280">
        <v>1</v>
      </c>
      <c r="CT27" s="280">
        <v>0</v>
      </c>
      <c r="CU27" s="280">
        <v>0</v>
      </c>
      <c r="CV27" s="277">
        <v>2</v>
      </c>
      <c r="CW27" s="282">
        <v>2</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2</v>
      </c>
      <c r="DU27" s="280">
        <v>6</v>
      </c>
      <c r="DV27" s="277">
        <v>8</v>
      </c>
      <c r="DW27" s="279">
        <v>0</v>
      </c>
      <c r="DX27" s="280">
        <v>8</v>
      </c>
      <c r="DY27" s="280">
        <v>5</v>
      </c>
      <c r="DZ27" s="280">
        <v>6</v>
      </c>
      <c r="EA27" s="280">
        <v>5</v>
      </c>
      <c r="EB27" s="280">
        <v>1</v>
      </c>
      <c r="EC27" s="277">
        <v>25</v>
      </c>
      <c r="ED27" s="282">
        <v>33</v>
      </c>
      <c r="EE27" s="276">
        <v>0</v>
      </c>
      <c r="EF27" s="280">
        <v>1</v>
      </c>
      <c r="EG27" s="277">
        <v>1</v>
      </c>
      <c r="EH27" s="279">
        <v>0</v>
      </c>
      <c r="EI27" s="280">
        <v>4</v>
      </c>
      <c r="EJ27" s="280">
        <v>0</v>
      </c>
      <c r="EK27" s="280">
        <v>1</v>
      </c>
      <c r="EL27" s="280">
        <v>2</v>
      </c>
      <c r="EM27" s="280">
        <v>1</v>
      </c>
      <c r="EN27" s="277">
        <v>8</v>
      </c>
      <c r="EO27" s="282">
        <v>9</v>
      </c>
      <c r="EP27" s="276">
        <v>5</v>
      </c>
      <c r="EQ27" s="280">
        <v>6</v>
      </c>
      <c r="ER27" s="277">
        <v>11</v>
      </c>
      <c r="ES27" s="279">
        <v>0</v>
      </c>
      <c r="ET27" s="280">
        <v>21</v>
      </c>
      <c r="EU27" s="280">
        <v>7</v>
      </c>
      <c r="EV27" s="280">
        <v>8</v>
      </c>
      <c r="EW27" s="280">
        <v>6</v>
      </c>
      <c r="EX27" s="280">
        <v>1</v>
      </c>
      <c r="EY27" s="277">
        <v>43</v>
      </c>
      <c r="EZ27" s="282">
        <v>54</v>
      </c>
    </row>
    <row r="28" spans="2:156" ht="21" customHeight="1" x14ac:dyDescent="0.2">
      <c r="B28" s="261" t="s">
        <v>26</v>
      </c>
      <c r="C28" s="276">
        <v>0</v>
      </c>
      <c r="D28" s="280">
        <v>0</v>
      </c>
      <c r="E28" s="384">
        <v>0</v>
      </c>
      <c r="F28" s="279">
        <v>0</v>
      </c>
      <c r="G28" s="280">
        <v>4</v>
      </c>
      <c r="H28" s="280">
        <v>10</v>
      </c>
      <c r="I28" s="280">
        <v>5</v>
      </c>
      <c r="J28" s="280">
        <v>0</v>
      </c>
      <c r="K28" s="280">
        <v>0</v>
      </c>
      <c r="L28" s="281">
        <v>19</v>
      </c>
      <c r="M28" s="282">
        <v>19</v>
      </c>
      <c r="N28" s="276">
        <v>0</v>
      </c>
      <c r="O28" s="280">
        <v>0</v>
      </c>
      <c r="P28" s="277">
        <v>0</v>
      </c>
      <c r="Q28" s="279">
        <v>0</v>
      </c>
      <c r="R28" s="280">
        <v>0</v>
      </c>
      <c r="S28" s="280">
        <v>0</v>
      </c>
      <c r="T28" s="280">
        <v>1</v>
      </c>
      <c r="U28" s="280">
        <v>1</v>
      </c>
      <c r="V28" s="280">
        <v>1</v>
      </c>
      <c r="W28" s="277">
        <v>3</v>
      </c>
      <c r="X28" s="282">
        <v>3</v>
      </c>
      <c r="Y28" s="276">
        <v>0</v>
      </c>
      <c r="Z28" s="280">
        <v>0</v>
      </c>
      <c r="AA28" s="277">
        <v>0</v>
      </c>
      <c r="AB28" s="279">
        <v>0</v>
      </c>
      <c r="AC28" s="280">
        <v>2</v>
      </c>
      <c r="AD28" s="280">
        <v>7</v>
      </c>
      <c r="AE28" s="280">
        <v>3</v>
      </c>
      <c r="AF28" s="280">
        <v>0</v>
      </c>
      <c r="AG28" s="280">
        <v>1</v>
      </c>
      <c r="AH28" s="277">
        <v>13</v>
      </c>
      <c r="AI28" s="282">
        <v>13</v>
      </c>
      <c r="AJ28" s="276">
        <v>0</v>
      </c>
      <c r="AK28" s="280">
        <v>0</v>
      </c>
      <c r="AL28" s="277">
        <v>0</v>
      </c>
      <c r="AM28" s="279">
        <v>0</v>
      </c>
      <c r="AN28" s="280">
        <v>0</v>
      </c>
      <c r="AO28" s="280">
        <v>0</v>
      </c>
      <c r="AP28" s="280">
        <v>0</v>
      </c>
      <c r="AQ28" s="280">
        <v>0</v>
      </c>
      <c r="AR28" s="280">
        <v>0</v>
      </c>
      <c r="AS28" s="277">
        <v>0</v>
      </c>
      <c r="AT28" s="282">
        <v>0</v>
      </c>
      <c r="AU28" s="276">
        <v>2</v>
      </c>
      <c r="AV28" s="280">
        <v>0</v>
      </c>
      <c r="AW28" s="277">
        <v>2</v>
      </c>
      <c r="AX28" s="279">
        <v>0</v>
      </c>
      <c r="AY28" s="280">
        <v>4</v>
      </c>
      <c r="AZ28" s="280">
        <v>9</v>
      </c>
      <c r="BA28" s="280">
        <v>5</v>
      </c>
      <c r="BB28" s="280">
        <v>1</v>
      </c>
      <c r="BC28" s="280">
        <v>2</v>
      </c>
      <c r="BD28" s="281">
        <v>21</v>
      </c>
      <c r="BE28" s="282">
        <v>23</v>
      </c>
      <c r="BF28" s="276">
        <v>0</v>
      </c>
      <c r="BG28" s="280">
        <v>0</v>
      </c>
      <c r="BH28" s="277">
        <v>0</v>
      </c>
      <c r="BI28" s="279">
        <v>0</v>
      </c>
      <c r="BJ28" s="280">
        <v>5</v>
      </c>
      <c r="BK28" s="280">
        <v>11</v>
      </c>
      <c r="BL28" s="280">
        <v>4</v>
      </c>
      <c r="BM28" s="280">
        <v>0</v>
      </c>
      <c r="BN28" s="280">
        <v>1</v>
      </c>
      <c r="BO28" s="277">
        <v>21</v>
      </c>
      <c r="BP28" s="282">
        <v>21</v>
      </c>
      <c r="BQ28" s="276">
        <v>1</v>
      </c>
      <c r="BR28" s="280">
        <v>0</v>
      </c>
      <c r="BS28" s="277">
        <v>1</v>
      </c>
      <c r="BT28" s="279">
        <v>0</v>
      </c>
      <c r="BU28" s="280">
        <v>1</v>
      </c>
      <c r="BV28" s="280">
        <v>3</v>
      </c>
      <c r="BW28" s="280">
        <v>1</v>
      </c>
      <c r="BX28" s="280">
        <v>1</v>
      </c>
      <c r="BY28" s="280">
        <v>0</v>
      </c>
      <c r="BZ28" s="277">
        <v>6</v>
      </c>
      <c r="CA28" s="282">
        <v>7</v>
      </c>
      <c r="CB28" s="276">
        <v>0</v>
      </c>
      <c r="CC28" s="280">
        <v>0</v>
      </c>
      <c r="CD28" s="277">
        <v>0</v>
      </c>
      <c r="CE28" s="279">
        <v>0</v>
      </c>
      <c r="CF28" s="280">
        <v>0</v>
      </c>
      <c r="CG28" s="280">
        <v>4</v>
      </c>
      <c r="CH28" s="280">
        <v>1</v>
      </c>
      <c r="CI28" s="280">
        <v>2</v>
      </c>
      <c r="CJ28" s="280">
        <v>0</v>
      </c>
      <c r="CK28" s="277">
        <v>7</v>
      </c>
      <c r="CL28" s="282">
        <v>7</v>
      </c>
      <c r="CM28" s="276">
        <v>0</v>
      </c>
      <c r="CN28" s="280">
        <v>0</v>
      </c>
      <c r="CO28" s="277">
        <v>0</v>
      </c>
      <c r="CP28" s="279">
        <v>0</v>
      </c>
      <c r="CQ28" s="280">
        <v>0</v>
      </c>
      <c r="CR28" s="280">
        <v>0</v>
      </c>
      <c r="CS28" s="280">
        <v>0</v>
      </c>
      <c r="CT28" s="280">
        <v>1</v>
      </c>
      <c r="CU28" s="280">
        <v>0</v>
      </c>
      <c r="CV28" s="277">
        <v>1</v>
      </c>
      <c r="CW28" s="282">
        <v>1</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4</v>
      </c>
      <c r="DU28" s="280">
        <v>5</v>
      </c>
      <c r="DV28" s="277">
        <v>9</v>
      </c>
      <c r="DW28" s="279">
        <v>0</v>
      </c>
      <c r="DX28" s="280">
        <v>11</v>
      </c>
      <c r="DY28" s="280">
        <v>17</v>
      </c>
      <c r="DZ28" s="280">
        <v>11</v>
      </c>
      <c r="EA28" s="280">
        <v>5</v>
      </c>
      <c r="EB28" s="280">
        <v>1</v>
      </c>
      <c r="EC28" s="277">
        <v>45</v>
      </c>
      <c r="ED28" s="282">
        <v>54</v>
      </c>
      <c r="EE28" s="276">
        <v>0</v>
      </c>
      <c r="EF28" s="280">
        <v>0</v>
      </c>
      <c r="EG28" s="277">
        <v>0</v>
      </c>
      <c r="EH28" s="279">
        <v>0</v>
      </c>
      <c r="EI28" s="280">
        <v>2</v>
      </c>
      <c r="EJ28" s="280">
        <v>2</v>
      </c>
      <c r="EK28" s="280">
        <v>0</v>
      </c>
      <c r="EL28" s="280">
        <v>0</v>
      </c>
      <c r="EM28" s="280">
        <v>0</v>
      </c>
      <c r="EN28" s="277">
        <v>4</v>
      </c>
      <c r="EO28" s="282">
        <v>4</v>
      </c>
      <c r="EP28" s="276">
        <v>5</v>
      </c>
      <c r="EQ28" s="280">
        <v>5</v>
      </c>
      <c r="ER28" s="277">
        <v>10</v>
      </c>
      <c r="ES28" s="279">
        <v>0</v>
      </c>
      <c r="ET28" s="280">
        <v>17</v>
      </c>
      <c r="EU28" s="280">
        <v>26</v>
      </c>
      <c r="EV28" s="280">
        <v>11</v>
      </c>
      <c r="EW28" s="280">
        <v>5</v>
      </c>
      <c r="EX28" s="280">
        <v>2</v>
      </c>
      <c r="EY28" s="277">
        <v>61</v>
      </c>
      <c r="EZ28" s="282">
        <v>71</v>
      </c>
    </row>
    <row r="29" spans="2:156" ht="21" customHeight="1" x14ac:dyDescent="0.2">
      <c r="B29" s="261" t="s">
        <v>27</v>
      </c>
      <c r="C29" s="276">
        <v>0</v>
      </c>
      <c r="D29" s="280">
        <v>0</v>
      </c>
      <c r="E29" s="384">
        <v>0</v>
      </c>
      <c r="F29" s="279">
        <v>0</v>
      </c>
      <c r="G29" s="280">
        <v>2</v>
      </c>
      <c r="H29" s="280">
        <v>4</v>
      </c>
      <c r="I29" s="280">
        <v>5</v>
      </c>
      <c r="J29" s="280">
        <v>4</v>
      </c>
      <c r="K29" s="280">
        <v>0</v>
      </c>
      <c r="L29" s="281">
        <v>15</v>
      </c>
      <c r="M29" s="282">
        <v>15</v>
      </c>
      <c r="N29" s="276">
        <v>0</v>
      </c>
      <c r="O29" s="280">
        <v>0</v>
      </c>
      <c r="P29" s="277">
        <v>0</v>
      </c>
      <c r="Q29" s="279">
        <v>0</v>
      </c>
      <c r="R29" s="280">
        <v>0</v>
      </c>
      <c r="S29" s="280">
        <v>1</v>
      </c>
      <c r="T29" s="280">
        <v>0</v>
      </c>
      <c r="U29" s="280">
        <v>1</v>
      </c>
      <c r="V29" s="280">
        <v>1</v>
      </c>
      <c r="W29" s="277">
        <v>3</v>
      </c>
      <c r="X29" s="282">
        <v>3</v>
      </c>
      <c r="Y29" s="276">
        <v>1</v>
      </c>
      <c r="Z29" s="280">
        <v>2</v>
      </c>
      <c r="AA29" s="277">
        <v>3</v>
      </c>
      <c r="AB29" s="279">
        <v>0</v>
      </c>
      <c r="AC29" s="280">
        <v>5</v>
      </c>
      <c r="AD29" s="280">
        <v>3</v>
      </c>
      <c r="AE29" s="280">
        <v>5</v>
      </c>
      <c r="AF29" s="280">
        <v>3</v>
      </c>
      <c r="AG29" s="280">
        <v>3</v>
      </c>
      <c r="AH29" s="277">
        <v>19</v>
      </c>
      <c r="AI29" s="282">
        <v>22</v>
      </c>
      <c r="AJ29" s="276">
        <v>0</v>
      </c>
      <c r="AK29" s="280">
        <v>0</v>
      </c>
      <c r="AL29" s="277">
        <v>0</v>
      </c>
      <c r="AM29" s="279">
        <v>0</v>
      </c>
      <c r="AN29" s="280">
        <v>0</v>
      </c>
      <c r="AO29" s="280">
        <v>1</v>
      </c>
      <c r="AP29" s="280">
        <v>0</v>
      </c>
      <c r="AQ29" s="280">
        <v>0</v>
      </c>
      <c r="AR29" s="280">
        <v>0</v>
      </c>
      <c r="AS29" s="277">
        <v>1</v>
      </c>
      <c r="AT29" s="282">
        <v>1</v>
      </c>
      <c r="AU29" s="276">
        <v>0</v>
      </c>
      <c r="AV29" s="280">
        <v>1</v>
      </c>
      <c r="AW29" s="277">
        <v>1</v>
      </c>
      <c r="AX29" s="279">
        <v>0</v>
      </c>
      <c r="AY29" s="280">
        <v>3</v>
      </c>
      <c r="AZ29" s="280">
        <v>6</v>
      </c>
      <c r="BA29" s="280">
        <v>11</v>
      </c>
      <c r="BB29" s="280">
        <v>7</v>
      </c>
      <c r="BC29" s="280">
        <v>2</v>
      </c>
      <c r="BD29" s="281">
        <v>29</v>
      </c>
      <c r="BE29" s="282">
        <v>30</v>
      </c>
      <c r="BF29" s="276">
        <v>0</v>
      </c>
      <c r="BG29" s="280">
        <v>0</v>
      </c>
      <c r="BH29" s="277">
        <v>0</v>
      </c>
      <c r="BI29" s="279">
        <v>0</v>
      </c>
      <c r="BJ29" s="280">
        <v>7</v>
      </c>
      <c r="BK29" s="280">
        <v>5</v>
      </c>
      <c r="BL29" s="280">
        <v>7</v>
      </c>
      <c r="BM29" s="280">
        <v>2</v>
      </c>
      <c r="BN29" s="280">
        <v>1</v>
      </c>
      <c r="BO29" s="277">
        <v>22</v>
      </c>
      <c r="BP29" s="282">
        <v>22</v>
      </c>
      <c r="BQ29" s="276">
        <v>0</v>
      </c>
      <c r="BR29" s="280">
        <v>3</v>
      </c>
      <c r="BS29" s="277">
        <v>3</v>
      </c>
      <c r="BT29" s="279">
        <v>0</v>
      </c>
      <c r="BU29" s="280">
        <v>1</v>
      </c>
      <c r="BV29" s="280">
        <v>5</v>
      </c>
      <c r="BW29" s="280">
        <v>1</v>
      </c>
      <c r="BX29" s="280">
        <v>0</v>
      </c>
      <c r="BY29" s="280">
        <v>0</v>
      </c>
      <c r="BZ29" s="277">
        <v>7</v>
      </c>
      <c r="CA29" s="282">
        <v>10</v>
      </c>
      <c r="CB29" s="276">
        <v>0</v>
      </c>
      <c r="CC29" s="280">
        <v>0</v>
      </c>
      <c r="CD29" s="277">
        <v>0</v>
      </c>
      <c r="CE29" s="279">
        <v>0</v>
      </c>
      <c r="CF29" s="280">
        <v>1</v>
      </c>
      <c r="CG29" s="280">
        <v>0</v>
      </c>
      <c r="CH29" s="280">
        <v>1</v>
      </c>
      <c r="CI29" s="280">
        <v>0</v>
      </c>
      <c r="CJ29" s="280">
        <v>1</v>
      </c>
      <c r="CK29" s="277">
        <v>3</v>
      </c>
      <c r="CL29" s="282">
        <v>3</v>
      </c>
      <c r="CM29" s="276">
        <v>0</v>
      </c>
      <c r="CN29" s="280">
        <v>0</v>
      </c>
      <c r="CO29" s="277">
        <v>0</v>
      </c>
      <c r="CP29" s="279">
        <v>0</v>
      </c>
      <c r="CQ29" s="280">
        <v>1</v>
      </c>
      <c r="CR29" s="280">
        <v>0</v>
      </c>
      <c r="CS29" s="280">
        <v>0</v>
      </c>
      <c r="CT29" s="280">
        <v>0</v>
      </c>
      <c r="CU29" s="280">
        <v>0</v>
      </c>
      <c r="CV29" s="277">
        <v>1</v>
      </c>
      <c r="CW29" s="282">
        <v>1</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3</v>
      </c>
      <c r="DU29" s="280">
        <v>12</v>
      </c>
      <c r="DV29" s="277">
        <v>15</v>
      </c>
      <c r="DW29" s="279">
        <v>0</v>
      </c>
      <c r="DX29" s="280">
        <v>5</v>
      </c>
      <c r="DY29" s="280">
        <v>13</v>
      </c>
      <c r="DZ29" s="280">
        <v>11</v>
      </c>
      <c r="EA29" s="280">
        <v>5</v>
      </c>
      <c r="EB29" s="280">
        <v>3</v>
      </c>
      <c r="EC29" s="277">
        <v>37</v>
      </c>
      <c r="ED29" s="282">
        <v>52</v>
      </c>
      <c r="EE29" s="276">
        <v>0</v>
      </c>
      <c r="EF29" s="280">
        <v>1</v>
      </c>
      <c r="EG29" s="277">
        <v>1</v>
      </c>
      <c r="EH29" s="279">
        <v>0</v>
      </c>
      <c r="EI29" s="280">
        <v>2</v>
      </c>
      <c r="EJ29" s="280">
        <v>2</v>
      </c>
      <c r="EK29" s="280">
        <v>2</v>
      </c>
      <c r="EL29" s="280">
        <v>3</v>
      </c>
      <c r="EM29" s="280">
        <v>1</v>
      </c>
      <c r="EN29" s="277">
        <v>10</v>
      </c>
      <c r="EO29" s="282">
        <v>11</v>
      </c>
      <c r="EP29" s="276">
        <v>3</v>
      </c>
      <c r="EQ29" s="280">
        <v>16</v>
      </c>
      <c r="ER29" s="277">
        <v>19</v>
      </c>
      <c r="ES29" s="279">
        <v>0</v>
      </c>
      <c r="ET29" s="280">
        <v>17</v>
      </c>
      <c r="EU29" s="280">
        <v>15</v>
      </c>
      <c r="EV29" s="280">
        <v>13</v>
      </c>
      <c r="EW29" s="280">
        <v>5</v>
      </c>
      <c r="EX29" s="280">
        <v>3</v>
      </c>
      <c r="EY29" s="277">
        <v>53</v>
      </c>
      <c r="EZ29" s="282">
        <v>72</v>
      </c>
    </row>
    <row r="30" spans="2:156" ht="21" customHeight="1" x14ac:dyDescent="0.2">
      <c r="B30" s="261" t="s">
        <v>28</v>
      </c>
      <c r="C30" s="276">
        <v>0</v>
      </c>
      <c r="D30" s="280">
        <v>0</v>
      </c>
      <c r="E30" s="384">
        <v>0</v>
      </c>
      <c r="F30" s="279">
        <v>0</v>
      </c>
      <c r="G30" s="280">
        <v>0</v>
      </c>
      <c r="H30" s="280">
        <v>0</v>
      </c>
      <c r="I30" s="280">
        <v>0</v>
      </c>
      <c r="J30" s="280">
        <v>1</v>
      </c>
      <c r="K30" s="280">
        <v>0</v>
      </c>
      <c r="L30" s="281">
        <v>1</v>
      </c>
      <c r="M30" s="282">
        <v>1</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2</v>
      </c>
      <c r="AE30" s="280">
        <v>0</v>
      </c>
      <c r="AF30" s="280">
        <v>1</v>
      </c>
      <c r="AG30" s="280">
        <v>1</v>
      </c>
      <c r="AH30" s="277">
        <v>4</v>
      </c>
      <c r="AI30" s="282">
        <v>4</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1</v>
      </c>
      <c r="AZ30" s="280">
        <v>0</v>
      </c>
      <c r="BA30" s="280">
        <v>1</v>
      </c>
      <c r="BB30" s="280">
        <v>1</v>
      </c>
      <c r="BC30" s="280">
        <v>1</v>
      </c>
      <c r="BD30" s="281">
        <v>4</v>
      </c>
      <c r="BE30" s="282">
        <v>4</v>
      </c>
      <c r="BF30" s="276">
        <v>0</v>
      </c>
      <c r="BG30" s="280">
        <v>0</v>
      </c>
      <c r="BH30" s="277">
        <v>0</v>
      </c>
      <c r="BI30" s="279">
        <v>0</v>
      </c>
      <c r="BJ30" s="280">
        <v>2</v>
      </c>
      <c r="BK30" s="280">
        <v>1</v>
      </c>
      <c r="BL30" s="280">
        <v>0</v>
      </c>
      <c r="BM30" s="280">
        <v>0</v>
      </c>
      <c r="BN30" s="280">
        <v>1</v>
      </c>
      <c r="BO30" s="277">
        <v>4</v>
      </c>
      <c r="BP30" s="282">
        <v>4</v>
      </c>
      <c r="BQ30" s="276">
        <v>0</v>
      </c>
      <c r="BR30" s="280">
        <v>1</v>
      </c>
      <c r="BS30" s="277">
        <v>1</v>
      </c>
      <c r="BT30" s="279">
        <v>0</v>
      </c>
      <c r="BU30" s="280">
        <v>0</v>
      </c>
      <c r="BV30" s="280">
        <v>0</v>
      </c>
      <c r="BW30" s="280">
        <v>0</v>
      </c>
      <c r="BX30" s="280">
        <v>0</v>
      </c>
      <c r="BY30" s="280">
        <v>0</v>
      </c>
      <c r="BZ30" s="277">
        <v>0</v>
      </c>
      <c r="CA30" s="282">
        <v>1</v>
      </c>
      <c r="CB30" s="276">
        <v>0</v>
      </c>
      <c r="CC30" s="280">
        <v>0</v>
      </c>
      <c r="CD30" s="277">
        <v>0</v>
      </c>
      <c r="CE30" s="279">
        <v>0</v>
      </c>
      <c r="CF30" s="280">
        <v>0</v>
      </c>
      <c r="CG30" s="280">
        <v>0</v>
      </c>
      <c r="CH30" s="280">
        <v>0</v>
      </c>
      <c r="CI30" s="280">
        <v>0</v>
      </c>
      <c r="CJ30" s="280">
        <v>1</v>
      </c>
      <c r="CK30" s="277">
        <v>1</v>
      </c>
      <c r="CL30" s="282">
        <v>1</v>
      </c>
      <c r="CM30" s="276">
        <v>0</v>
      </c>
      <c r="CN30" s="280">
        <v>0</v>
      </c>
      <c r="CO30" s="277">
        <v>0</v>
      </c>
      <c r="CP30" s="279">
        <v>0</v>
      </c>
      <c r="CQ30" s="280">
        <v>0</v>
      </c>
      <c r="CR30" s="280">
        <v>0</v>
      </c>
      <c r="CS30" s="280">
        <v>0</v>
      </c>
      <c r="CT30" s="280">
        <v>0</v>
      </c>
      <c r="CU30" s="280">
        <v>1</v>
      </c>
      <c r="CV30" s="277">
        <v>1</v>
      </c>
      <c r="CW30" s="282">
        <v>1</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0</v>
      </c>
      <c r="DU30" s="280">
        <v>1</v>
      </c>
      <c r="DV30" s="277">
        <v>1</v>
      </c>
      <c r="DW30" s="279">
        <v>0</v>
      </c>
      <c r="DX30" s="280">
        <v>3</v>
      </c>
      <c r="DY30" s="280">
        <v>5</v>
      </c>
      <c r="DZ30" s="280">
        <v>0</v>
      </c>
      <c r="EA30" s="280">
        <v>2</v>
      </c>
      <c r="EB30" s="280">
        <v>2</v>
      </c>
      <c r="EC30" s="277">
        <v>12</v>
      </c>
      <c r="ED30" s="282">
        <v>13</v>
      </c>
      <c r="EE30" s="276">
        <v>0</v>
      </c>
      <c r="EF30" s="280">
        <v>0</v>
      </c>
      <c r="EG30" s="277">
        <v>0</v>
      </c>
      <c r="EH30" s="279">
        <v>0</v>
      </c>
      <c r="EI30" s="280">
        <v>1</v>
      </c>
      <c r="EJ30" s="280">
        <v>0</v>
      </c>
      <c r="EK30" s="280">
        <v>1</v>
      </c>
      <c r="EL30" s="280">
        <v>0</v>
      </c>
      <c r="EM30" s="280">
        <v>0</v>
      </c>
      <c r="EN30" s="277">
        <v>2</v>
      </c>
      <c r="EO30" s="282">
        <v>2</v>
      </c>
      <c r="EP30" s="276">
        <v>0</v>
      </c>
      <c r="EQ30" s="280">
        <v>1</v>
      </c>
      <c r="ER30" s="277">
        <v>1</v>
      </c>
      <c r="ES30" s="279">
        <v>0</v>
      </c>
      <c r="ET30" s="280">
        <v>7</v>
      </c>
      <c r="EU30" s="280">
        <v>6</v>
      </c>
      <c r="EV30" s="280">
        <v>0</v>
      </c>
      <c r="EW30" s="280">
        <v>2</v>
      </c>
      <c r="EX30" s="280">
        <v>3</v>
      </c>
      <c r="EY30" s="277">
        <v>18</v>
      </c>
      <c r="EZ30" s="282">
        <v>19</v>
      </c>
    </row>
    <row r="31" spans="2:156" ht="21" customHeight="1" x14ac:dyDescent="0.2">
      <c r="B31" s="261" t="s">
        <v>29</v>
      </c>
      <c r="C31" s="276">
        <v>0</v>
      </c>
      <c r="D31" s="280">
        <v>0</v>
      </c>
      <c r="E31" s="384">
        <v>0</v>
      </c>
      <c r="F31" s="279">
        <v>0</v>
      </c>
      <c r="G31" s="280">
        <v>1</v>
      </c>
      <c r="H31" s="280">
        <v>0</v>
      </c>
      <c r="I31" s="280">
        <v>0</v>
      </c>
      <c r="J31" s="280">
        <v>0</v>
      </c>
      <c r="K31" s="280">
        <v>0</v>
      </c>
      <c r="L31" s="281">
        <v>1</v>
      </c>
      <c r="M31" s="282">
        <v>1</v>
      </c>
      <c r="N31" s="276">
        <v>0</v>
      </c>
      <c r="O31" s="280">
        <v>0</v>
      </c>
      <c r="P31" s="277">
        <v>0</v>
      </c>
      <c r="Q31" s="279">
        <v>0</v>
      </c>
      <c r="R31" s="280">
        <v>0</v>
      </c>
      <c r="S31" s="280">
        <v>0</v>
      </c>
      <c r="T31" s="280">
        <v>0</v>
      </c>
      <c r="U31" s="280">
        <v>0</v>
      </c>
      <c r="V31" s="280">
        <v>1</v>
      </c>
      <c r="W31" s="277">
        <v>1</v>
      </c>
      <c r="X31" s="282">
        <v>1</v>
      </c>
      <c r="Y31" s="276">
        <v>0</v>
      </c>
      <c r="Z31" s="280">
        <v>1</v>
      </c>
      <c r="AA31" s="277">
        <v>1</v>
      </c>
      <c r="AB31" s="279">
        <v>0</v>
      </c>
      <c r="AC31" s="280">
        <v>0</v>
      </c>
      <c r="AD31" s="280">
        <v>0</v>
      </c>
      <c r="AE31" s="280">
        <v>0</v>
      </c>
      <c r="AF31" s="280">
        <v>0</v>
      </c>
      <c r="AG31" s="280">
        <v>1</v>
      </c>
      <c r="AH31" s="277">
        <v>1</v>
      </c>
      <c r="AI31" s="282">
        <v>2</v>
      </c>
      <c r="AJ31" s="276">
        <v>0</v>
      </c>
      <c r="AK31" s="280">
        <v>0</v>
      </c>
      <c r="AL31" s="277">
        <v>0</v>
      </c>
      <c r="AM31" s="279">
        <v>0</v>
      </c>
      <c r="AN31" s="280">
        <v>1</v>
      </c>
      <c r="AO31" s="280">
        <v>0</v>
      </c>
      <c r="AP31" s="280">
        <v>0</v>
      </c>
      <c r="AQ31" s="280">
        <v>0</v>
      </c>
      <c r="AR31" s="280">
        <v>0</v>
      </c>
      <c r="AS31" s="277">
        <v>1</v>
      </c>
      <c r="AT31" s="282">
        <v>1</v>
      </c>
      <c r="AU31" s="276">
        <v>0</v>
      </c>
      <c r="AV31" s="280">
        <v>0</v>
      </c>
      <c r="AW31" s="277">
        <v>0</v>
      </c>
      <c r="AX31" s="279">
        <v>0</v>
      </c>
      <c r="AY31" s="280">
        <v>0</v>
      </c>
      <c r="AZ31" s="280">
        <v>2</v>
      </c>
      <c r="BA31" s="280">
        <v>0</v>
      </c>
      <c r="BB31" s="280">
        <v>1</v>
      </c>
      <c r="BC31" s="280">
        <v>0</v>
      </c>
      <c r="BD31" s="281">
        <v>3</v>
      </c>
      <c r="BE31" s="282">
        <v>3</v>
      </c>
      <c r="BF31" s="276">
        <v>0</v>
      </c>
      <c r="BG31" s="280">
        <v>0</v>
      </c>
      <c r="BH31" s="277">
        <v>0</v>
      </c>
      <c r="BI31" s="279">
        <v>0</v>
      </c>
      <c r="BJ31" s="280">
        <v>3</v>
      </c>
      <c r="BK31" s="280">
        <v>3</v>
      </c>
      <c r="BL31" s="280">
        <v>2</v>
      </c>
      <c r="BM31" s="280">
        <v>1</v>
      </c>
      <c r="BN31" s="280">
        <v>1</v>
      </c>
      <c r="BO31" s="277">
        <v>10</v>
      </c>
      <c r="BP31" s="282">
        <v>10</v>
      </c>
      <c r="BQ31" s="276">
        <v>0</v>
      </c>
      <c r="BR31" s="280">
        <v>0</v>
      </c>
      <c r="BS31" s="277">
        <v>0</v>
      </c>
      <c r="BT31" s="279">
        <v>0</v>
      </c>
      <c r="BU31" s="280">
        <v>1</v>
      </c>
      <c r="BV31" s="280">
        <v>0</v>
      </c>
      <c r="BW31" s="280">
        <v>1</v>
      </c>
      <c r="BX31" s="280">
        <v>0</v>
      </c>
      <c r="BY31" s="280">
        <v>0</v>
      </c>
      <c r="BZ31" s="277">
        <v>2</v>
      </c>
      <c r="CA31" s="282">
        <v>2</v>
      </c>
      <c r="CB31" s="276">
        <v>0</v>
      </c>
      <c r="CC31" s="280">
        <v>0</v>
      </c>
      <c r="CD31" s="277">
        <v>0</v>
      </c>
      <c r="CE31" s="279">
        <v>0</v>
      </c>
      <c r="CF31" s="280">
        <v>0</v>
      </c>
      <c r="CG31" s="280">
        <v>1</v>
      </c>
      <c r="CH31" s="280">
        <v>1</v>
      </c>
      <c r="CI31" s="280">
        <v>0</v>
      </c>
      <c r="CJ31" s="280">
        <v>1</v>
      </c>
      <c r="CK31" s="277">
        <v>3</v>
      </c>
      <c r="CL31" s="282">
        <v>3</v>
      </c>
      <c r="CM31" s="276">
        <v>0</v>
      </c>
      <c r="CN31" s="280">
        <v>0</v>
      </c>
      <c r="CO31" s="277">
        <v>0</v>
      </c>
      <c r="CP31" s="279">
        <v>0</v>
      </c>
      <c r="CQ31" s="280">
        <v>0</v>
      </c>
      <c r="CR31" s="280">
        <v>0</v>
      </c>
      <c r="CS31" s="280">
        <v>0</v>
      </c>
      <c r="CT31" s="280">
        <v>0</v>
      </c>
      <c r="CU31" s="280">
        <v>1</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1</v>
      </c>
      <c r="DU31" s="280">
        <v>0</v>
      </c>
      <c r="DV31" s="277">
        <v>1</v>
      </c>
      <c r="DW31" s="279">
        <v>0</v>
      </c>
      <c r="DX31" s="280">
        <v>4</v>
      </c>
      <c r="DY31" s="280">
        <v>3</v>
      </c>
      <c r="DZ31" s="280">
        <v>2</v>
      </c>
      <c r="EA31" s="280">
        <v>1</v>
      </c>
      <c r="EB31" s="280">
        <v>2</v>
      </c>
      <c r="EC31" s="277">
        <v>12</v>
      </c>
      <c r="ED31" s="282">
        <v>13</v>
      </c>
      <c r="EE31" s="276">
        <v>0</v>
      </c>
      <c r="EF31" s="280">
        <v>0</v>
      </c>
      <c r="EG31" s="277">
        <v>0</v>
      </c>
      <c r="EH31" s="279">
        <v>0</v>
      </c>
      <c r="EI31" s="280">
        <v>0</v>
      </c>
      <c r="EJ31" s="280">
        <v>2</v>
      </c>
      <c r="EK31" s="280">
        <v>0</v>
      </c>
      <c r="EL31" s="280">
        <v>1</v>
      </c>
      <c r="EM31" s="280">
        <v>1</v>
      </c>
      <c r="EN31" s="277">
        <v>4</v>
      </c>
      <c r="EO31" s="282">
        <v>4</v>
      </c>
      <c r="EP31" s="276">
        <v>1</v>
      </c>
      <c r="EQ31" s="280">
        <v>1</v>
      </c>
      <c r="ER31" s="277">
        <v>2</v>
      </c>
      <c r="ES31" s="279">
        <v>0</v>
      </c>
      <c r="ET31" s="280">
        <v>6</v>
      </c>
      <c r="EU31" s="280">
        <v>4</v>
      </c>
      <c r="EV31" s="280">
        <v>2</v>
      </c>
      <c r="EW31" s="280">
        <v>1</v>
      </c>
      <c r="EX31" s="280">
        <v>2</v>
      </c>
      <c r="EY31" s="277">
        <v>15</v>
      </c>
      <c r="EZ31" s="282">
        <v>17</v>
      </c>
    </row>
    <row r="32" spans="2:156" ht="21" customHeight="1" x14ac:dyDescent="0.2">
      <c r="B32" s="261" t="s">
        <v>30</v>
      </c>
      <c r="C32" s="276">
        <v>0</v>
      </c>
      <c r="D32" s="280">
        <v>0</v>
      </c>
      <c r="E32" s="384">
        <v>0</v>
      </c>
      <c r="F32" s="279">
        <v>0</v>
      </c>
      <c r="G32" s="280">
        <v>1</v>
      </c>
      <c r="H32" s="280">
        <v>2</v>
      </c>
      <c r="I32" s="280">
        <v>1</v>
      </c>
      <c r="J32" s="280">
        <v>2</v>
      </c>
      <c r="K32" s="280">
        <v>0</v>
      </c>
      <c r="L32" s="281">
        <v>6</v>
      </c>
      <c r="M32" s="282">
        <v>6</v>
      </c>
      <c r="N32" s="276">
        <v>0</v>
      </c>
      <c r="O32" s="280">
        <v>0</v>
      </c>
      <c r="P32" s="277">
        <v>0</v>
      </c>
      <c r="Q32" s="279">
        <v>0</v>
      </c>
      <c r="R32" s="280">
        <v>0</v>
      </c>
      <c r="S32" s="280">
        <v>0</v>
      </c>
      <c r="T32" s="280">
        <v>0</v>
      </c>
      <c r="U32" s="280">
        <v>0</v>
      </c>
      <c r="V32" s="280">
        <v>0</v>
      </c>
      <c r="W32" s="277">
        <v>0</v>
      </c>
      <c r="X32" s="282">
        <v>0</v>
      </c>
      <c r="Y32" s="276">
        <v>0</v>
      </c>
      <c r="Z32" s="280">
        <v>1</v>
      </c>
      <c r="AA32" s="277">
        <v>1</v>
      </c>
      <c r="AB32" s="279">
        <v>0</v>
      </c>
      <c r="AC32" s="280">
        <v>0</v>
      </c>
      <c r="AD32" s="280">
        <v>0</v>
      </c>
      <c r="AE32" s="280">
        <v>1</v>
      </c>
      <c r="AF32" s="280">
        <v>1</v>
      </c>
      <c r="AG32" s="280">
        <v>0</v>
      </c>
      <c r="AH32" s="277">
        <v>2</v>
      </c>
      <c r="AI32" s="282">
        <v>3</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1</v>
      </c>
      <c r="AZ32" s="280">
        <v>1</v>
      </c>
      <c r="BA32" s="280">
        <v>0</v>
      </c>
      <c r="BB32" s="280">
        <v>2</v>
      </c>
      <c r="BC32" s="280">
        <v>0</v>
      </c>
      <c r="BD32" s="281">
        <v>4</v>
      </c>
      <c r="BE32" s="282">
        <v>4</v>
      </c>
      <c r="BF32" s="276">
        <v>0</v>
      </c>
      <c r="BG32" s="280">
        <v>0</v>
      </c>
      <c r="BH32" s="277">
        <v>0</v>
      </c>
      <c r="BI32" s="279">
        <v>0</v>
      </c>
      <c r="BJ32" s="280">
        <v>1</v>
      </c>
      <c r="BK32" s="280">
        <v>0</v>
      </c>
      <c r="BL32" s="280">
        <v>0</v>
      </c>
      <c r="BM32" s="280">
        <v>2</v>
      </c>
      <c r="BN32" s="280">
        <v>0</v>
      </c>
      <c r="BO32" s="277">
        <v>3</v>
      </c>
      <c r="BP32" s="282">
        <v>3</v>
      </c>
      <c r="BQ32" s="276">
        <v>1</v>
      </c>
      <c r="BR32" s="280">
        <v>0</v>
      </c>
      <c r="BS32" s="277">
        <v>1</v>
      </c>
      <c r="BT32" s="279">
        <v>0</v>
      </c>
      <c r="BU32" s="280">
        <v>1</v>
      </c>
      <c r="BV32" s="280">
        <v>0</v>
      </c>
      <c r="BW32" s="280">
        <v>1</v>
      </c>
      <c r="BX32" s="280">
        <v>0</v>
      </c>
      <c r="BY32" s="280">
        <v>0</v>
      </c>
      <c r="BZ32" s="277">
        <v>2</v>
      </c>
      <c r="CA32" s="282">
        <v>3</v>
      </c>
      <c r="CB32" s="276">
        <v>0</v>
      </c>
      <c r="CC32" s="280">
        <v>0</v>
      </c>
      <c r="CD32" s="277">
        <v>0</v>
      </c>
      <c r="CE32" s="279">
        <v>0</v>
      </c>
      <c r="CF32" s="280">
        <v>0</v>
      </c>
      <c r="CG32" s="280">
        <v>0</v>
      </c>
      <c r="CH32" s="280">
        <v>1</v>
      </c>
      <c r="CI32" s="280">
        <v>1</v>
      </c>
      <c r="CJ32" s="280">
        <v>0</v>
      </c>
      <c r="CK32" s="277">
        <v>2</v>
      </c>
      <c r="CL32" s="282">
        <v>2</v>
      </c>
      <c r="CM32" s="276">
        <v>0</v>
      </c>
      <c r="CN32" s="280">
        <v>0</v>
      </c>
      <c r="CO32" s="277">
        <v>0</v>
      </c>
      <c r="CP32" s="279">
        <v>0</v>
      </c>
      <c r="CQ32" s="280">
        <v>0</v>
      </c>
      <c r="CR32" s="280">
        <v>0</v>
      </c>
      <c r="CS32" s="280">
        <v>0</v>
      </c>
      <c r="CT32" s="280">
        <v>0</v>
      </c>
      <c r="CU32" s="280">
        <v>1</v>
      </c>
      <c r="CV32" s="277">
        <v>1</v>
      </c>
      <c r="CW32" s="282">
        <v>1</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1</v>
      </c>
      <c r="DV32" s="277">
        <v>1</v>
      </c>
      <c r="DW32" s="279">
        <v>0</v>
      </c>
      <c r="DX32" s="280">
        <v>1</v>
      </c>
      <c r="DY32" s="280">
        <v>1</v>
      </c>
      <c r="DZ32" s="280">
        <v>2</v>
      </c>
      <c r="EA32" s="280">
        <v>3</v>
      </c>
      <c r="EB32" s="280">
        <v>1</v>
      </c>
      <c r="EC32" s="277">
        <v>8</v>
      </c>
      <c r="ED32" s="282">
        <v>9</v>
      </c>
      <c r="EE32" s="276">
        <v>0</v>
      </c>
      <c r="EF32" s="280">
        <v>0</v>
      </c>
      <c r="EG32" s="277">
        <v>0</v>
      </c>
      <c r="EH32" s="279">
        <v>0</v>
      </c>
      <c r="EI32" s="280">
        <v>1</v>
      </c>
      <c r="EJ32" s="280">
        <v>0</v>
      </c>
      <c r="EK32" s="280">
        <v>0</v>
      </c>
      <c r="EL32" s="280">
        <v>0</v>
      </c>
      <c r="EM32" s="280">
        <v>0</v>
      </c>
      <c r="EN32" s="277">
        <v>1</v>
      </c>
      <c r="EO32" s="282">
        <v>1</v>
      </c>
      <c r="EP32" s="276">
        <v>2</v>
      </c>
      <c r="EQ32" s="280">
        <v>2</v>
      </c>
      <c r="ER32" s="277">
        <v>4</v>
      </c>
      <c r="ES32" s="279">
        <v>0</v>
      </c>
      <c r="ET32" s="280">
        <v>5</v>
      </c>
      <c r="EU32" s="280">
        <v>2</v>
      </c>
      <c r="EV32" s="280">
        <v>2</v>
      </c>
      <c r="EW32" s="280">
        <v>3</v>
      </c>
      <c r="EX32" s="280">
        <v>1</v>
      </c>
      <c r="EY32" s="277">
        <v>13</v>
      </c>
      <c r="EZ32" s="282">
        <v>17</v>
      </c>
    </row>
    <row r="33" spans="2:156" ht="21" customHeight="1" x14ac:dyDescent="0.2">
      <c r="B33" s="261" t="s">
        <v>31</v>
      </c>
      <c r="C33" s="276">
        <v>0</v>
      </c>
      <c r="D33" s="280">
        <v>0</v>
      </c>
      <c r="E33" s="384">
        <v>0</v>
      </c>
      <c r="F33" s="279">
        <v>0</v>
      </c>
      <c r="G33" s="280">
        <v>3</v>
      </c>
      <c r="H33" s="280">
        <v>3</v>
      </c>
      <c r="I33" s="280">
        <v>0</v>
      </c>
      <c r="J33" s="280">
        <v>0</v>
      </c>
      <c r="K33" s="280">
        <v>0</v>
      </c>
      <c r="L33" s="281">
        <v>6</v>
      </c>
      <c r="M33" s="282">
        <v>6</v>
      </c>
      <c r="N33" s="276">
        <v>0</v>
      </c>
      <c r="O33" s="280">
        <v>0</v>
      </c>
      <c r="P33" s="277">
        <v>0</v>
      </c>
      <c r="Q33" s="279">
        <v>0</v>
      </c>
      <c r="R33" s="280">
        <v>0</v>
      </c>
      <c r="S33" s="280">
        <v>1</v>
      </c>
      <c r="T33" s="280">
        <v>1</v>
      </c>
      <c r="U33" s="280">
        <v>0</v>
      </c>
      <c r="V33" s="280">
        <v>0</v>
      </c>
      <c r="W33" s="277">
        <v>2</v>
      </c>
      <c r="X33" s="282">
        <v>2</v>
      </c>
      <c r="Y33" s="276">
        <v>1</v>
      </c>
      <c r="Z33" s="280">
        <v>0</v>
      </c>
      <c r="AA33" s="277">
        <v>1</v>
      </c>
      <c r="AB33" s="279">
        <v>0</v>
      </c>
      <c r="AC33" s="280">
        <v>1</v>
      </c>
      <c r="AD33" s="280">
        <v>1</v>
      </c>
      <c r="AE33" s="280">
        <v>1</v>
      </c>
      <c r="AF33" s="280">
        <v>2</v>
      </c>
      <c r="AG33" s="280">
        <v>0</v>
      </c>
      <c r="AH33" s="277">
        <v>5</v>
      </c>
      <c r="AI33" s="282">
        <v>6</v>
      </c>
      <c r="AJ33" s="276">
        <v>0</v>
      </c>
      <c r="AK33" s="280">
        <v>0</v>
      </c>
      <c r="AL33" s="277">
        <v>0</v>
      </c>
      <c r="AM33" s="279">
        <v>0</v>
      </c>
      <c r="AN33" s="280">
        <v>0</v>
      </c>
      <c r="AO33" s="280">
        <v>0</v>
      </c>
      <c r="AP33" s="280">
        <v>0</v>
      </c>
      <c r="AQ33" s="280">
        <v>1</v>
      </c>
      <c r="AR33" s="280">
        <v>0</v>
      </c>
      <c r="AS33" s="277">
        <v>1</v>
      </c>
      <c r="AT33" s="282">
        <v>1</v>
      </c>
      <c r="AU33" s="276">
        <v>0</v>
      </c>
      <c r="AV33" s="280">
        <v>0</v>
      </c>
      <c r="AW33" s="277">
        <v>0</v>
      </c>
      <c r="AX33" s="279">
        <v>0</v>
      </c>
      <c r="AY33" s="280">
        <v>0</v>
      </c>
      <c r="AZ33" s="280">
        <v>1</v>
      </c>
      <c r="BA33" s="280">
        <v>1</v>
      </c>
      <c r="BB33" s="280">
        <v>1</v>
      </c>
      <c r="BC33" s="280">
        <v>0</v>
      </c>
      <c r="BD33" s="281">
        <v>3</v>
      </c>
      <c r="BE33" s="282">
        <v>3</v>
      </c>
      <c r="BF33" s="276">
        <v>0</v>
      </c>
      <c r="BG33" s="280">
        <v>0</v>
      </c>
      <c r="BH33" s="277">
        <v>0</v>
      </c>
      <c r="BI33" s="279">
        <v>0</v>
      </c>
      <c r="BJ33" s="280">
        <v>3</v>
      </c>
      <c r="BK33" s="280">
        <v>2</v>
      </c>
      <c r="BL33" s="280">
        <v>0</v>
      </c>
      <c r="BM33" s="280">
        <v>1</v>
      </c>
      <c r="BN33" s="280">
        <v>0</v>
      </c>
      <c r="BO33" s="277">
        <v>6</v>
      </c>
      <c r="BP33" s="282">
        <v>6</v>
      </c>
      <c r="BQ33" s="276">
        <v>0</v>
      </c>
      <c r="BR33" s="280">
        <v>0</v>
      </c>
      <c r="BS33" s="277">
        <v>0</v>
      </c>
      <c r="BT33" s="279">
        <v>0</v>
      </c>
      <c r="BU33" s="280">
        <v>0</v>
      </c>
      <c r="BV33" s="280">
        <v>4</v>
      </c>
      <c r="BW33" s="280">
        <v>0</v>
      </c>
      <c r="BX33" s="280">
        <v>1</v>
      </c>
      <c r="BY33" s="280">
        <v>0</v>
      </c>
      <c r="BZ33" s="277">
        <v>5</v>
      </c>
      <c r="CA33" s="282">
        <v>5</v>
      </c>
      <c r="CB33" s="276">
        <v>0</v>
      </c>
      <c r="CC33" s="280">
        <v>0</v>
      </c>
      <c r="CD33" s="277">
        <v>0</v>
      </c>
      <c r="CE33" s="279">
        <v>0</v>
      </c>
      <c r="CF33" s="280">
        <v>0</v>
      </c>
      <c r="CG33" s="280">
        <v>2</v>
      </c>
      <c r="CH33" s="280">
        <v>0</v>
      </c>
      <c r="CI33" s="280">
        <v>0</v>
      </c>
      <c r="CJ33" s="280">
        <v>0</v>
      </c>
      <c r="CK33" s="277">
        <v>2</v>
      </c>
      <c r="CL33" s="282">
        <v>2</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2</v>
      </c>
      <c r="DV33" s="277">
        <v>4</v>
      </c>
      <c r="DW33" s="279">
        <v>0</v>
      </c>
      <c r="DX33" s="280">
        <v>4</v>
      </c>
      <c r="DY33" s="280">
        <v>9</v>
      </c>
      <c r="DZ33" s="280">
        <v>2</v>
      </c>
      <c r="EA33" s="280">
        <v>3</v>
      </c>
      <c r="EB33" s="280">
        <v>0</v>
      </c>
      <c r="EC33" s="277">
        <v>18</v>
      </c>
      <c r="ED33" s="282">
        <v>22</v>
      </c>
      <c r="EE33" s="276">
        <v>0</v>
      </c>
      <c r="EF33" s="280">
        <v>0</v>
      </c>
      <c r="EG33" s="277">
        <v>0</v>
      </c>
      <c r="EH33" s="279">
        <v>0</v>
      </c>
      <c r="EI33" s="280">
        <v>0</v>
      </c>
      <c r="EJ33" s="280">
        <v>0</v>
      </c>
      <c r="EK33" s="280">
        <v>0</v>
      </c>
      <c r="EL33" s="280">
        <v>0</v>
      </c>
      <c r="EM33" s="280">
        <v>0</v>
      </c>
      <c r="EN33" s="277">
        <v>0</v>
      </c>
      <c r="EO33" s="282">
        <v>0</v>
      </c>
      <c r="EP33" s="276">
        <v>3</v>
      </c>
      <c r="EQ33" s="280">
        <v>2</v>
      </c>
      <c r="ER33" s="277">
        <v>5</v>
      </c>
      <c r="ES33" s="279">
        <v>0</v>
      </c>
      <c r="ET33" s="280">
        <v>8</v>
      </c>
      <c r="EU33" s="280">
        <v>12</v>
      </c>
      <c r="EV33" s="280">
        <v>2</v>
      </c>
      <c r="EW33" s="280">
        <v>3</v>
      </c>
      <c r="EX33" s="280">
        <v>0</v>
      </c>
      <c r="EY33" s="277">
        <v>25</v>
      </c>
      <c r="EZ33" s="282">
        <v>30</v>
      </c>
    </row>
    <row r="34" spans="2:156" ht="21" customHeight="1" x14ac:dyDescent="0.2">
      <c r="B34" s="261" t="s">
        <v>32</v>
      </c>
      <c r="C34" s="276">
        <v>0</v>
      </c>
      <c r="D34" s="280">
        <v>0</v>
      </c>
      <c r="E34" s="384">
        <v>0</v>
      </c>
      <c r="F34" s="279">
        <v>0</v>
      </c>
      <c r="G34" s="280">
        <v>2</v>
      </c>
      <c r="H34" s="280">
        <v>2</v>
      </c>
      <c r="I34" s="280">
        <v>1</v>
      </c>
      <c r="J34" s="280">
        <v>1</v>
      </c>
      <c r="K34" s="280">
        <v>1</v>
      </c>
      <c r="L34" s="281">
        <v>7</v>
      </c>
      <c r="M34" s="282">
        <v>7</v>
      </c>
      <c r="N34" s="276">
        <v>0</v>
      </c>
      <c r="O34" s="280">
        <v>0</v>
      </c>
      <c r="P34" s="277">
        <v>0</v>
      </c>
      <c r="Q34" s="279">
        <v>0</v>
      </c>
      <c r="R34" s="280">
        <v>0</v>
      </c>
      <c r="S34" s="280">
        <v>0</v>
      </c>
      <c r="T34" s="280">
        <v>0</v>
      </c>
      <c r="U34" s="280">
        <v>0</v>
      </c>
      <c r="V34" s="280">
        <v>1</v>
      </c>
      <c r="W34" s="277">
        <v>1</v>
      </c>
      <c r="X34" s="282">
        <v>1</v>
      </c>
      <c r="Y34" s="276">
        <v>0</v>
      </c>
      <c r="Z34" s="280">
        <v>1</v>
      </c>
      <c r="AA34" s="277">
        <v>1</v>
      </c>
      <c r="AB34" s="279">
        <v>0</v>
      </c>
      <c r="AC34" s="280">
        <v>1</v>
      </c>
      <c r="AD34" s="280">
        <v>1</v>
      </c>
      <c r="AE34" s="280">
        <v>1</v>
      </c>
      <c r="AF34" s="280">
        <v>1</v>
      </c>
      <c r="AG34" s="280">
        <v>0</v>
      </c>
      <c r="AH34" s="277">
        <v>4</v>
      </c>
      <c r="AI34" s="282">
        <v>5</v>
      </c>
      <c r="AJ34" s="276">
        <v>0</v>
      </c>
      <c r="AK34" s="280">
        <v>0</v>
      </c>
      <c r="AL34" s="277">
        <v>0</v>
      </c>
      <c r="AM34" s="279">
        <v>0</v>
      </c>
      <c r="AN34" s="280">
        <v>0</v>
      </c>
      <c r="AO34" s="280">
        <v>1</v>
      </c>
      <c r="AP34" s="280">
        <v>0</v>
      </c>
      <c r="AQ34" s="280">
        <v>0</v>
      </c>
      <c r="AR34" s="280">
        <v>0</v>
      </c>
      <c r="AS34" s="277">
        <v>1</v>
      </c>
      <c r="AT34" s="282">
        <v>1</v>
      </c>
      <c r="AU34" s="276">
        <v>0</v>
      </c>
      <c r="AV34" s="280">
        <v>0</v>
      </c>
      <c r="AW34" s="277">
        <v>0</v>
      </c>
      <c r="AX34" s="279">
        <v>0</v>
      </c>
      <c r="AY34" s="280">
        <v>0</v>
      </c>
      <c r="AZ34" s="280">
        <v>1</v>
      </c>
      <c r="BA34" s="280">
        <v>4</v>
      </c>
      <c r="BB34" s="280">
        <v>3</v>
      </c>
      <c r="BC34" s="280">
        <v>0</v>
      </c>
      <c r="BD34" s="281">
        <v>8</v>
      </c>
      <c r="BE34" s="282">
        <v>8</v>
      </c>
      <c r="BF34" s="276">
        <v>0</v>
      </c>
      <c r="BG34" s="280">
        <v>0</v>
      </c>
      <c r="BH34" s="277">
        <v>0</v>
      </c>
      <c r="BI34" s="279">
        <v>0</v>
      </c>
      <c r="BJ34" s="280">
        <v>3</v>
      </c>
      <c r="BK34" s="280">
        <v>2</v>
      </c>
      <c r="BL34" s="280">
        <v>1</v>
      </c>
      <c r="BM34" s="280">
        <v>0</v>
      </c>
      <c r="BN34" s="280">
        <v>1</v>
      </c>
      <c r="BO34" s="277">
        <v>7</v>
      </c>
      <c r="BP34" s="282">
        <v>7</v>
      </c>
      <c r="BQ34" s="276">
        <v>0</v>
      </c>
      <c r="BR34" s="280">
        <v>0</v>
      </c>
      <c r="BS34" s="277">
        <v>0</v>
      </c>
      <c r="BT34" s="279">
        <v>0</v>
      </c>
      <c r="BU34" s="280">
        <v>2</v>
      </c>
      <c r="BV34" s="280">
        <v>1</v>
      </c>
      <c r="BW34" s="280">
        <v>0</v>
      </c>
      <c r="BX34" s="280">
        <v>0</v>
      </c>
      <c r="BY34" s="280">
        <v>1</v>
      </c>
      <c r="BZ34" s="277">
        <v>4</v>
      </c>
      <c r="CA34" s="282">
        <v>4</v>
      </c>
      <c r="CB34" s="276">
        <v>0</v>
      </c>
      <c r="CC34" s="280">
        <v>0</v>
      </c>
      <c r="CD34" s="277">
        <v>0</v>
      </c>
      <c r="CE34" s="279">
        <v>0</v>
      </c>
      <c r="CF34" s="280">
        <v>1</v>
      </c>
      <c r="CG34" s="280">
        <v>0</v>
      </c>
      <c r="CH34" s="280">
        <v>0</v>
      </c>
      <c r="CI34" s="280">
        <v>0</v>
      </c>
      <c r="CJ34" s="280">
        <v>1</v>
      </c>
      <c r="CK34" s="277">
        <v>2</v>
      </c>
      <c r="CL34" s="282">
        <v>2</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0</v>
      </c>
      <c r="DU34" s="280">
        <v>2</v>
      </c>
      <c r="DV34" s="277">
        <v>2</v>
      </c>
      <c r="DW34" s="279">
        <v>0</v>
      </c>
      <c r="DX34" s="280">
        <v>7</v>
      </c>
      <c r="DY34" s="280">
        <v>9</v>
      </c>
      <c r="DZ34" s="280">
        <v>2</v>
      </c>
      <c r="EA34" s="280">
        <v>2</v>
      </c>
      <c r="EB34" s="280">
        <v>2</v>
      </c>
      <c r="EC34" s="277">
        <v>22</v>
      </c>
      <c r="ED34" s="282">
        <v>24</v>
      </c>
      <c r="EE34" s="276">
        <v>0</v>
      </c>
      <c r="EF34" s="280">
        <v>0</v>
      </c>
      <c r="EG34" s="277">
        <v>0</v>
      </c>
      <c r="EH34" s="279">
        <v>0</v>
      </c>
      <c r="EI34" s="280">
        <v>0</v>
      </c>
      <c r="EJ34" s="280">
        <v>1</v>
      </c>
      <c r="EK34" s="280">
        <v>1</v>
      </c>
      <c r="EL34" s="280">
        <v>2</v>
      </c>
      <c r="EM34" s="280">
        <v>0</v>
      </c>
      <c r="EN34" s="277">
        <v>4</v>
      </c>
      <c r="EO34" s="282">
        <v>4</v>
      </c>
      <c r="EP34" s="276">
        <v>0</v>
      </c>
      <c r="EQ34" s="280">
        <v>3</v>
      </c>
      <c r="ER34" s="277">
        <v>3</v>
      </c>
      <c r="ES34" s="279">
        <v>0</v>
      </c>
      <c r="ET34" s="280">
        <v>10</v>
      </c>
      <c r="EU34" s="280">
        <v>10</v>
      </c>
      <c r="EV34" s="280">
        <v>2</v>
      </c>
      <c r="EW34" s="280">
        <v>2</v>
      </c>
      <c r="EX34" s="280">
        <v>2</v>
      </c>
      <c r="EY34" s="277">
        <v>26</v>
      </c>
      <c r="EZ34" s="282">
        <v>29</v>
      </c>
    </row>
    <row r="35" spans="2:156" ht="21" customHeight="1" x14ac:dyDescent="0.2">
      <c r="B35" s="261" t="s">
        <v>33</v>
      </c>
      <c r="C35" s="276">
        <v>0</v>
      </c>
      <c r="D35" s="280">
        <v>0</v>
      </c>
      <c r="E35" s="384">
        <v>0</v>
      </c>
      <c r="F35" s="279">
        <v>0</v>
      </c>
      <c r="G35" s="280">
        <v>2</v>
      </c>
      <c r="H35" s="280">
        <v>0</v>
      </c>
      <c r="I35" s="280">
        <v>0</v>
      </c>
      <c r="J35" s="280">
        <v>0</v>
      </c>
      <c r="K35" s="280">
        <v>0</v>
      </c>
      <c r="L35" s="281">
        <v>2</v>
      </c>
      <c r="M35" s="282">
        <v>2</v>
      </c>
      <c r="N35" s="276">
        <v>0</v>
      </c>
      <c r="O35" s="280">
        <v>0</v>
      </c>
      <c r="P35" s="277">
        <v>0</v>
      </c>
      <c r="Q35" s="279">
        <v>0</v>
      </c>
      <c r="R35" s="280">
        <v>0</v>
      </c>
      <c r="S35" s="280">
        <v>0</v>
      </c>
      <c r="T35" s="280">
        <v>0</v>
      </c>
      <c r="U35" s="280">
        <v>1</v>
      </c>
      <c r="V35" s="280">
        <v>0</v>
      </c>
      <c r="W35" s="277">
        <v>1</v>
      </c>
      <c r="X35" s="282">
        <v>1</v>
      </c>
      <c r="Y35" s="276">
        <v>0</v>
      </c>
      <c r="Z35" s="280">
        <v>0</v>
      </c>
      <c r="AA35" s="277">
        <v>0</v>
      </c>
      <c r="AB35" s="279">
        <v>0</v>
      </c>
      <c r="AC35" s="280">
        <v>1</v>
      </c>
      <c r="AD35" s="280">
        <v>1</v>
      </c>
      <c r="AE35" s="280">
        <v>0</v>
      </c>
      <c r="AF35" s="280">
        <v>0</v>
      </c>
      <c r="AG35" s="280">
        <v>1</v>
      </c>
      <c r="AH35" s="277">
        <v>3</v>
      </c>
      <c r="AI35" s="282">
        <v>3</v>
      </c>
      <c r="AJ35" s="276">
        <v>1</v>
      </c>
      <c r="AK35" s="280">
        <v>1</v>
      </c>
      <c r="AL35" s="277">
        <v>2</v>
      </c>
      <c r="AM35" s="279">
        <v>0</v>
      </c>
      <c r="AN35" s="280">
        <v>1</v>
      </c>
      <c r="AO35" s="280">
        <v>0</v>
      </c>
      <c r="AP35" s="280">
        <v>0</v>
      </c>
      <c r="AQ35" s="280">
        <v>1</v>
      </c>
      <c r="AR35" s="280">
        <v>1</v>
      </c>
      <c r="AS35" s="277">
        <v>3</v>
      </c>
      <c r="AT35" s="282">
        <v>5</v>
      </c>
      <c r="AU35" s="276">
        <v>0</v>
      </c>
      <c r="AV35" s="280">
        <v>0</v>
      </c>
      <c r="AW35" s="277">
        <v>0</v>
      </c>
      <c r="AX35" s="279">
        <v>0</v>
      </c>
      <c r="AY35" s="280">
        <v>1</v>
      </c>
      <c r="AZ35" s="280">
        <v>1</v>
      </c>
      <c r="BA35" s="280">
        <v>1</v>
      </c>
      <c r="BB35" s="280">
        <v>1</v>
      </c>
      <c r="BC35" s="280">
        <v>0</v>
      </c>
      <c r="BD35" s="281">
        <v>4</v>
      </c>
      <c r="BE35" s="282">
        <v>4</v>
      </c>
      <c r="BF35" s="276">
        <v>0</v>
      </c>
      <c r="BG35" s="280">
        <v>0</v>
      </c>
      <c r="BH35" s="277">
        <v>0</v>
      </c>
      <c r="BI35" s="279">
        <v>0</v>
      </c>
      <c r="BJ35" s="280">
        <v>1</v>
      </c>
      <c r="BK35" s="280">
        <v>0</v>
      </c>
      <c r="BL35" s="280">
        <v>0</v>
      </c>
      <c r="BM35" s="280">
        <v>0</v>
      </c>
      <c r="BN35" s="280">
        <v>0</v>
      </c>
      <c r="BO35" s="277">
        <v>1</v>
      </c>
      <c r="BP35" s="282">
        <v>1</v>
      </c>
      <c r="BQ35" s="276">
        <v>1</v>
      </c>
      <c r="BR35" s="280">
        <v>0</v>
      </c>
      <c r="BS35" s="277">
        <v>1</v>
      </c>
      <c r="BT35" s="279">
        <v>0</v>
      </c>
      <c r="BU35" s="280">
        <v>2</v>
      </c>
      <c r="BV35" s="280">
        <v>1</v>
      </c>
      <c r="BW35" s="280">
        <v>1</v>
      </c>
      <c r="BX35" s="280">
        <v>0</v>
      </c>
      <c r="BY35" s="280">
        <v>0</v>
      </c>
      <c r="BZ35" s="277">
        <v>4</v>
      </c>
      <c r="CA35" s="282">
        <v>5</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1</v>
      </c>
      <c r="CT35" s="280">
        <v>0</v>
      </c>
      <c r="CU35" s="280">
        <v>0</v>
      </c>
      <c r="CV35" s="277">
        <v>1</v>
      </c>
      <c r="CW35" s="282">
        <v>1</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0</v>
      </c>
      <c r="DV35" s="277">
        <v>1</v>
      </c>
      <c r="DW35" s="279">
        <v>0</v>
      </c>
      <c r="DX35" s="280">
        <v>4</v>
      </c>
      <c r="DY35" s="280">
        <v>1</v>
      </c>
      <c r="DZ35" s="280">
        <v>2</v>
      </c>
      <c r="EA35" s="280">
        <v>1</v>
      </c>
      <c r="EB35" s="280">
        <v>0</v>
      </c>
      <c r="EC35" s="277">
        <v>8</v>
      </c>
      <c r="ED35" s="282">
        <v>9</v>
      </c>
      <c r="EE35" s="276">
        <v>0</v>
      </c>
      <c r="EF35" s="280">
        <v>0</v>
      </c>
      <c r="EG35" s="277">
        <v>0</v>
      </c>
      <c r="EH35" s="279">
        <v>0</v>
      </c>
      <c r="EI35" s="280">
        <v>0</v>
      </c>
      <c r="EJ35" s="280">
        <v>1</v>
      </c>
      <c r="EK35" s="280">
        <v>0</v>
      </c>
      <c r="EL35" s="280">
        <v>1</v>
      </c>
      <c r="EM35" s="280">
        <v>0</v>
      </c>
      <c r="EN35" s="277">
        <v>2</v>
      </c>
      <c r="EO35" s="282">
        <v>2</v>
      </c>
      <c r="EP35" s="276">
        <v>2</v>
      </c>
      <c r="EQ35" s="280">
        <v>1</v>
      </c>
      <c r="ER35" s="277">
        <v>3</v>
      </c>
      <c r="ES35" s="279">
        <v>0</v>
      </c>
      <c r="ET35" s="280">
        <v>6</v>
      </c>
      <c r="EU35" s="280">
        <v>2</v>
      </c>
      <c r="EV35" s="280">
        <v>1</v>
      </c>
      <c r="EW35" s="280">
        <v>1</v>
      </c>
      <c r="EX35" s="280">
        <v>1</v>
      </c>
      <c r="EY35" s="277">
        <v>11</v>
      </c>
      <c r="EZ35" s="282">
        <v>14</v>
      </c>
    </row>
    <row r="36" spans="2:156" ht="21" customHeight="1" x14ac:dyDescent="0.2">
      <c r="B36" s="261" t="s">
        <v>34</v>
      </c>
      <c r="C36" s="276">
        <v>0</v>
      </c>
      <c r="D36" s="280">
        <v>0</v>
      </c>
      <c r="E36" s="384">
        <v>0</v>
      </c>
      <c r="F36" s="279">
        <v>0</v>
      </c>
      <c r="G36" s="280">
        <v>1</v>
      </c>
      <c r="H36" s="280">
        <v>0</v>
      </c>
      <c r="I36" s="280">
        <v>0</v>
      </c>
      <c r="J36" s="280">
        <v>0</v>
      </c>
      <c r="K36" s="280">
        <v>0</v>
      </c>
      <c r="L36" s="281">
        <v>1</v>
      </c>
      <c r="M36" s="282">
        <v>1</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1</v>
      </c>
      <c r="AE36" s="280">
        <v>0</v>
      </c>
      <c r="AF36" s="280">
        <v>0</v>
      </c>
      <c r="AG36" s="280">
        <v>0</v>
      </c>
      <c r="AH36" s="277">
        <v>1</v>
      </c>
      <c r="AI36" s="282">
        <v>1</v>
      </c>
      <c r="AJ36" s="276">
        <v>0</v>
      </c>
      <c r="AK36" s="280">
        <v>0</v>
      </c>
      <c r="AL36" s="277">
        <v>0</v>
      </c>
      <c r="AM36" s="279">
        <v>0</v>
      </c>
      <c r="AN36" s="280">
        <v>0</v>
      </c>
      <c r="AO36" s="280">
        <v>1</v>
      </c>
      <c r="AP36" s="280">
        <v>1</v>
      </c>
      <c r="AQ36" s="280">
        <v>0</v>
      </c>
      <c r="AR36" s="280">
        <v>0</v>
      </c>
      <c r="AS36" s="277">
        <v>2</v>
      </c>
      <c r="AT36" s="282">
        <v>2</v>
      </c>
      <c r="AU36" s="276">
        <v>0</v>
      </c>
      <c r="AV36" s="280">
        <v>0</v>
      </c>
      <c r="AW36" s="277">
        <v>0</v>
      </c>
      <c r="AX36" s="279">
        <v>0</v>
      </c>
      <c r="AY36" s="280">
        <v>1</v>
      </c>
      <c r="AZ36" s="280">
        <v>2</v>
      </c>
      <c r="BA36" s="280">
        <v>0</v>
      </c>
      <c r="BB36" s="280">
        <v>0</v>
      </c>
      <c r="BC36" s="280">
        <v>1</v>
      </c>
      <c r="BD36" s="281">
        <v>4</v>
      </c>
      <c r="BE36" s="282">
        <v>4</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1</v>
      </c>
      <c r="BV36" s="280">
        <v>1</v>
      </c>
      <c r="BW36" s="280">
        <v>0</v>
      </c>
      <c r="BX36" s="280">
        <v>0</v>
      </c>
      <c r="BY36" s="280">
        <v>0</v>
      </c>
      <c r="BZ36" s="277">
        <v>2</v>
      </c>
      <c r="CA36" s="282">
        <v>2</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2</v>
      </c>
      <c r="DY36" s="280">
        <v>1</v>
      </c>
      <c r="DZ36" s="280">
        <v>2</v>
      </c>
      <c r="EA36" s="280">
        <v>0</v>
      </c>
      <c r="EB36" s="280">
        <v>0</v>
      </c>
      <c r="EC36" s="277">
        <v>5</v>
      </c>
      <c r="ED36" s="282">
        <v>5</v>
      </c>
      <c r="EE36" s="276">
        <v>0</v>
      </c>
      <c r="EF36" s="280">
        <v>0</v>
      </c>
      <c r="EG36" s="277">
        <v>0</v>
      </c>
      <c r="EH36" s="279">
        <v>0</v>
      </c>
      <c r="EI36" s="280">
        <v>0</v>
      </c>
      <c r="EJ36" s="280">
        <v>1</v>
      </c>
      <c r="EK36" s="280">
        <v>0</v>
      </c>
      <c r="EL36" s="280">
        <v>0</v>
      </c>
      <c r="EM36" s="280">
        <v>1</v>
      </c>
      <c r="EN36" s="277">
        <v>2</v>
      </c>
      <c r="EO36" s="282">
        <v>2</v>
      </c>
      <c r="EP36" s="276">
        <v>0</v>
      </c>
      <c r="EQ36" s="280">
        <v>0</v>
      </c>
      <c r="ER36" s="277">
        <v>0</v>
      </c>
      <c r="ES36" s="279">
        <v>0</v>
      </c>
      <c r="ET36" s="280">
        <v>3</v>
      </c>
      <c r="EU36" s="280">
        <v>2</v>
      </c>
      <c r="EV36" s="280">
        <v>2</v>
      </c>
      <c r="EW36" s="280">
        <v>0</v>
      </c>
      <c r="EX36" s="280">
        <v>0</v>
      </c>
      <c r="EY36" s="277">
        <v>7</v>
      </c>
      <c r="EZ36" s="282">
        <v>7</v>
      </c>
    </row>
    <row r="37" spans="2:156" ht="21" customHeight="1" x14ac:dyDescent="0.2">
      <c r="B37" s="261" t="s">
        <v>35</v>
      </c>
      <c r="C37" s="276">
        <v>0</v>
      </c>
      <c r="D37" s="280">
        <v>0</v>
      </c>
      <c r="E37" s="384">
        <v>0</v>
      </c>
      <c r="F37" s="279">
        <v>0</v>
      </c>
      <c r="G37" s="280">
        <v>3</v>
      </c>
      <c r="H37" s="280">
        <v>2</v>
      </c>
      <c r="I37" s="280">
        <v>1</v>
      </c>
      <c r="J37" s="280">
        <v>1</v>
      </c>
      <c r="K37" s="280">
        <v>1</v>
      </c>
      <c r="L37" s="281">
        <v>8</v>
      </c>
      <c r="M37" s="282">
        <v>8</v>
      </c>
      <c r="N37" s="276">
        <v>0</v>
      </c>
      <c r="O37" s="280">
        <v>0</v>
      </c>
      <c r="P37" s="277">
        <v>0</v>
      </c>
      <c r="Q37" s="279">
        <v>0</v>
      </c>
      <c r="R37" s="280">
        <v>0</v>
      </c>
      <c r="S37" s="280">
        <v>0</v>
      </c>
      <c r="T37" s="280">
        <v>0</v>
      </c>
      <c r="U37" s="280">
        <v>0</v>
      </c>
      <c r="V37" s="280">
        <v>1</v>
      </c>
      <c r="W37" s="277">
        <v>1</v>
      </c>
      <c r="X37" s="282">
        <v>1</v>
      </c>
      <c r="Y37" s="276">
        <v>0</v>
      </c>
      <c r="Z37" s="280">
        <v>0</v>
      </c>
      <c r="AA37" s="277">
        <v>0</v>
      </c>
      <c r="AB37" s="279">
        <v>0</v>
      </c>
      <c r="AC37" s="280">
        <v>1</v>
      </c>
      <c r="AD37" s="280">
        <v>2</v>
      </c>
      <c r="AE37" s="280">
        <v>0</v>
      </c>
      <c r="AF37" s="280">
        <v>0</v>
      </c>
      <c r="AG37" s="280">
        <v>0</v>
      </c>
      <c r="AH37" s="277">
        <v>3</v>
      </c>
      <c r="AI37" s="282">
        <v>3</v>
      </c>
      <c r="AJ37" s="276">
        <v>0</v>
      </c>
      <c r="AK37" s="280">
        <v>0</v>
      </c>
      <c r="AL37" s="277">
        <v>0</v>
      </c>
      <c r="AM37" s="279">
        <v>0</v>
      </c>
      <c r="AN37" s="280">
        <v>1</v>
      </c>
      <c r="AO37" s="280">
        <v>1</v>
      </c>
      <c r="AP37" s="280">
        <v>1</v>
      </c>
      <c r="AQ37" s="280">
        <v>0</v>
      </c>
      <c r="AR37" s="280">
        <v>0</v>
      </c>
      <c r="AS37" s="277">
        <v>3</v>
      </c>
      <c r="AT37" s="282">
        <v>3</v>
      </c>
      <c r="AU37" s="276">
        <v>3</v>
      </c>
      <c r="AV37" s="280">
        <v>2</v>
      </c>
      <c r="AW37" s="277">
        <v>5</v>
      </c>
      <c r="AX37" s="279">
        <v>0</v>
      </c>
      <c r="AY37" s="280">
        <v>5</v>
      </c>
      <c r="AZ37" s="280">
        <v>4</v>
      </c>
      <c r="BA37" s="280">
        <v>3</v>
      </c>
      <c r="BB37" s="280">
        <v>4</v>
      </c>
      <c r="BC37" s="280">
        <v>2</v>
      </c>
      <c r="BD37" s="281">
        <v>18</v>
      </c>
      <c r="BE37" s="282">
        <v>23</v>
      </c>
      <c r="BF37" s="276">
        <v>0</v>
      </c>
      <c r="BG37" s="280">
        <v>0</v>
      </c>
      <c r="BH37" s="277">
        <v>0</v>
      </c>
      <c r="BI37" s="279">
        <v>0</v>
      </c>
      <c r="BJ37" s="280">
        <v>6</v>
      </c>
      <c r="BK37" s="280">
        <v>2</v>
      </c>
      <c r="BL37" s="280">
        <v>2</v>
      </c>
      <c r="BM37" s="280">
        <v>0</v>
      </c>
      <c r="BN37" s="280">
        <v>0</v>
      </c>
      <c r="BO37" s="277">
        <v>10</v>
      </c>
      <c r="BP37" s="282">
        <v>10</v>
      </c>
      <c r="BQ37" s="276">
        <v>0</v>
      </c>
      <c r="BR37" s="280">
        <v>0</v>
      </c>
      <c r="BS37" s="277">
        <v>0</v>
      </c>
      <c r="BT37" s="279">
        <v>0</v>
      </c>
      <c r="BU37" s="280">
        <v>1</v>
      </c>
      <c r="BV37" s="280">
        <v>0</v>
      </c>
      <c r="BW37" s="280">
        <v>1</v>
      </c>
      <c r="BX37" s="280">
        <v>0</v>
      </c>
      <c r="BY37" s="280">
        <v>0</v>
      </c>
      <c r="BZ37" s="277">
        <v>2</v>
      </c>
      <c r="CA37" s="282">
        <v>2</v>
      </c>
      <c r="CB37" s="276">
        <v>0</v>
      </c>
      <c r="CC37" s="280">
        <v>0</v>
      </c>
      <c r="CD37" s="277">
        <v>0</v>
      </c>
      <c r="CE37" s="279">
        <v>0</v>
      </c>
      <c r="CF37" s="280">
        <v>0</v>
      </c>
      <c r="CG37" s="280">
        <v>1</v>
      </c>
      <c r="CH37" s="280">
        <v>0</v>
      </c>
      <c r="CI37" s="280">
        <v>0</v>
      </c>
      <c r="CJ37" s="280">
        <v>0</v>
      </c>
      <c r="CK37" s="277">
        <v>1</v>
      </c>
      <c r="CL37" s="282">
        <v>1</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3</v>
      </c>
      <c r="DU37" s="280">
        <v>2</v>
      </c>
      <c r="DV37" s="277">
        <v>5</v>
      </c>
      <c r="DW37" s="279">
        <v>0</v>
      </c>
      <c r="DX37" s="280">
        <v>7</v>
      </c>
      <c r="DY37" s="280">
        <v>8</v>
      </c>
      <c r="DZ37" s="280">
        <v>4</v>
      </c>
      <c r="EA37" s="280">
        <v>1</v>
      </c>
      <c r="EB37" s="280">
        <v>1</v>
      </c>
      <c r="EC37" s="277">
        <v>21</v>
      </c>
      <c r="ED37" s="282">
        <v>26</v>
      </c>
      <c r="EE37" s="276">
        <v>3</v>
      </c>
      <c r="EF37" s="280">
        <v>1</v>
      </c>
      <c r="EG37" s="277">
        <v>4</v>
      </c>
      <c r="EH37" s="279">
        <v>0</v>
      </c>
      <c r="EI37" s="280">
        <v>3</v>
      </c>
      <c r="EJ37" s="280">
        <v>2</v>
      </c>
      <c r="EK37" s="280">
        <v>1</v>
      </c>
      <c r="EL37" s="280">
        <v>3</v>
      </c>
      <c r="EM37" s="280">
        <v>1</v>
      </c>
      <c r="EN37" s="277">
        <v>10</v>
      </c>
      <c r="EO37" s="282">
        <v>14</v>
      </c>
      <c r="EP37" s="276">
        <v>3</v>
      </c>
      <c r="EQ37" s="280">
        <v>2</v>
      </c>
      <c r="ER37" s="277">
        <v>5</v>
      </c>
      <c r="ES37" s="279">
        <v>0</v>
      </c>
      <c r="ET37" s="280">
        <v>12</v>
      </c>
      <c r="EU37" s="280">
        <v>7</v>
      </c>
      <c r="EV37" s="280">
        <v>4</v>
      </c>
      <c r="EW37" s="280">
        <v>1</v>
      </c>
      <c r="EX37" s="280">
        <v>1</v>
      </c>
      <c r="EY37" s="277">
        <v>25</v>
      </c>
      <c r="EZ37" s="282">
        <v>30</v>
      </c>
    </row>
    <row r="38" spans="2:156" ht="21" customHeight="1" x14ac:dyDescent="0.2">
      <c r="B38" s="261" t="s">
        <v>36</v>
      </c>
      <c r="C38" s="276">
        <v>0</v>
      </c>
      <c r="D38" s="280">
        <v>0</v>
      </c>
      <c r="E38" s="384">
        <v>0</v>
      </c>
      <c r="F38" s="279">
        <v>0</v>
      </c>
      <c r="G38" s="280">
        <v>2</v>
      </c>
      <c r="H38" s="280">
        <v>2</v>
      </c>
      <c r="I38" s="280">
        <v>1</v>
      </c>
      <c r="J38" s="280">
        <v>0</v>
      </c>
      <c r="K38" s="280">
        <v>1</v>
      </c>
      <c r="L38" s="281">
        <v>6</v>
      </c>
      <c r="M38" s="282">
        <v>6</v>
      </c>
      <c r="N38" s="276">
        <v>0</v>
      </c>
      <c r="O38" s="280">
        <v>0</v>
      </c>
      <c r="P38" s="277">
        <v>0</v>
      </c>
      <c r="Q38" s="279">
        <v>0</v>
      </c>
      <c r="R38" s="280">
        <v>0</v>
      </c>
      <c r="S38" s="280">
        <v>0</v>
      </c>
      <c r="T38" s="280">
        <v>0</v>
      </c>
      <c r="U38" s="280">
        <v>0</v>
      </c>
      <c r="V38" s="280">
        <v>0</v>
      </c>
      <c r="W38" s="277">
        <v>0</v>
      </c>
      <c r="X38" s="282">
        <v>0</v>
      </c>
      <c r="Y38" s="276">
        <v>1</v>
      </c>
      <c r="Z38" s="280">
        <v>0</v>
      </c>
      <c r="AA38" s="277">
        <v>1</v>
      </c>
      <c r="AB38" s="279">
        <v>0</v>
      </c>
      <c r="AC38" s="280">
        <v>3</v>
      </c>
      <c r="AD38" s="280">
        <v>0</v>
      </c>
      <c r="AE38" s="280">
        <v>1</v>
      </c>
      <c r="AF38" s="280">
        <v>0</v>
      </c>
      <c r="AG38" s="280">
        <v>0</v>
      </c>
      <c r="AH38" s="277">
        <v>4</v>
      </c>
      <c r="AI38" s="282">
        <v>5</v>
      </c>
      <c r="AJ38" s="276">
        <v>0</v>
      </c>
      <c r="AK38" s="280">
        <v>1</v>
      </c>
      <c r="AL38" s="277">
        <v>1</v>
      </c>
      <c r="AM38" s="279">
        <v>0</v>
      </c>
      <c r="AN38" s="280">
        <v>0</v>
      </c>
      <c r="AO38" s="280">
        <v>1</v>
      </c>
      <c r="AP38" s="280">
        <v>1</v>
      </c>
      <c r="AQ38" s="280">
        <v>0</v>
      </c>
      <c r="AR38" s="280">
        <v>0</v>
      </c>
      <c r="AS38" s="277">
        <v>2</v>
      </c>
      <c r="AT38" s="282">
        <v>3</v>
      </c>
      <c r="AU38" s="276">
        <v>2</v>
      </c>
      <c r="AV38" s="280">
        <v>0</v>
      </c>
      <c r="AW38" s="277">
        <v>2</v>
      </c>
      <c r="AX38" s="279">
        <v>0</v>
      </c>
      <c r="AY38" s="280">
        <v>2</v>
      </c>
      <c r="AZ38" s="280">
        <v>2</v>
      </c>
      <c r="BA38" s="280">
        <v>5</v>
      </c>
      <c r="BB38" s="280">
        <v>1</v>
      </c>
      <c r="BC38" s="280">
        <v>2</v>
      </c>
      <c r="BD38" s="281">
        <v>12</v>
      </c>
      <c r="BE38" s="282">
        <v>14</v>
      </c>
      <c r="BF38" s="276">
        <v>0</v>
      </c>
      <c r="BG38" s="280">
        <v>0</v>
      </c>
      <c r="BH38" s="277">
        <v>0</v>
      </c>
      <c r="BI38" s="279">
        <v>0</v>
      </c>
      <c r="BJ38" s="280">
        <v>2</v>
      </c>
      <c r="BK38" s="280">
        <v>3</v>
      </c>
      <c r="BL38" s="280">
        <v>2</v>
      </c>
      <c r="BM38" s="280">
        <v>0</v>
      </c>
      <c r="BN38" s="280">
        <v>0</v>
      </c>
      <c r="BO38" s="277">
        <v>7</v>
      </c>
      <c r="BP38" s="282">
        <v>7</v>
      </c>
      <c r="BQ38" s="276">
        <v>0</v>
      </c>
      <c r="BR38" s="280">
        <v>1</v>
      </c>
      <c r="BS38" s="277">
        <v>1</v>
      </c>
      <c r="BT38" s="279">
        <v>0</v>
      </c>
      <c r="BU38" s="280">
        <v>0</v>
      </c>
      <c r="BV38" s="280">
        <v>2</v>
      </c>
      <c r="BW38" s="280">
        <v>0</v>
      </c>
      <c r="BX38" s="280">
        <v>0</v>
      </c>
      <c r="BY38" s="280">
        <v>0</v>
      </c>
      <c r="BZ38" s="277">
        <v>2</v>
      </c>
      <c r="CA38" s="282">
        <v>3</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2</v>
      </c>
      <c r="DV38" s="277">
        <v>2</v>
      </c>
      <c r="DW38" s="279">
        <v>0</v>
      </c>
      <c r="DX38" s="280">
        <v>7</v>
      </c>
      <c r="DY38" s="280">
        <v>6</v>
      </c>
      <c r="DZ38" s="280">
        <v>2</v>
      </c>
      <c r="EA38" s="280">
        <v>1</v>
      </c>
      <c r="EB38" s="280">
        <v>1</v>
      </c>
      <c r="EC38" s="277">
        <v>17</v>
      </c>
      <c r="ED38" s="282">
        <v>19</v>
      </c>
      <c r="EE38" s="276">
        <v>0</v>
      </c>
      <c r="EF38" s="280">
        <v>0</v>
      </c>
      <c r="EG38" s="277">
        <v>0</v>
      </c>
      <c r="EH38" s="279">
        <v>0</v>
      </c>
      <c r="EI38" s="280">
        <v>1</v>
      </c>
      <c r="EJ38" s="280">
        <v>1</v>
      </c>
      <c r="EK38" s="280">
        <v>1</v>
      </c>
      <c r="EL38" s="280">
        <v>1</v>
      </c>
      <c r="EM38" s="280">
        <v>2</v>
      </c>
      <c r="EN38" s="277">
        <v>6</v>
      </c>
      <c r="EO38" s="282">
        <v>6</v>
      </c>
      <c r="EP38" s="276">
        <v>1</v>
      </c>
      <c r="EQ38" s="280">
        <v>3</v>
      </c>
      <c r="ER38" s="277">
        <v>4</v>
      </c>
      <c r="ES38" s="279">
        <v>0</v>
      </c>
      <c r="ET38" s="280">
        <v>10</v>
      </c>
      <c r="EU38" s="280">
        <v>10</v>
      </c>
      <c r="EV38" s="280">
        <v>4</v>
      </c>
      <c r="EW38" s="280">
        <v>1</v>
      </c>
      <c r="EX38" s="280">
        <v>1</v>
      </c>
      <c r="EY38" s="277">
        <v>26</v>
      </c>
      <c r="EZ38" s="282">
        <v>30</v>
      </c>
    </row>
    <row r="39" spans="2:156"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1</v>
      </c>
      <c r="AP39" s="287">
        <v>0</v>
      </c>
      <c r="AQ39" s="287">
        <v>0</v>
      </c>
      <c r="AR39" s="287">
        <v>0</v>
      </c>
      <c r="AS39" s="284">
        <v>1</v>
      </c>
      <c r="AT39" s="289">
        <v>1</v>
      </c>
      <c r="AU39" s="283">
        <v>0</v>
      </c>
      <c r="AV39" s="287">
        <v>0</v>
      </c>
      <c r="AW39" s="284">
        <v>0</v>
      </c>
      <c r="AX39" s="286">
        <v>0</v>
      </c>
      <c r="AY39" s="287">
        <v>0</v>
      </c>
      <c r="AZ39" s="287">
        <v>0</v>
      </c>
      <c r="BA39" s="287">
        <v>0</v>
      </c>
      <c r="BB39" s="287">
        <v>0</v>
      </c>
      <c r="BC39" s="287">
        <v>1</v>
      </c>
      <c r="BD39" s="288">
        <v>1</v>
      </c>
      <c r="BE39" s="289">
        <v>1</v>
      </c>
      <c r="BF39" s="283">
        <v>0</v>
      </c>
      <c r="BG39" s="287">
        <v>0</v>
      </c>
      <c r="BH39" s="284">
        <v>0</v>
      </c>
      <c r="BI39" s="286">
        <v>0</v>
      </c>
      <c r="BJ39" s="287">
        <v>0</v>
      </c>
      <c r="BK39" s="287">
        <v>2</v>
      </c>
      <c r="BL39" s="287">
        <v>0</v>
      </c>
      <c r="BM39" s="287">
        <v>0</v>
      </c>
      <c r="BN39" s="287">
        <v>0</v>
      </c>
      <c r="BO39" s="284">
        <v>2</v>
      </c>
      <c r="BP39" s="289">
        <v>2</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2</v>
      </c>
      <c r="DZ39" s="287">
        <v>0</v>
      </c>
      <c r="EA39" s="287">
        <v>0</v>
      </c>
      <c r="EB39" s="287">
        <v>0</v>
      </c>
      <c r="EC39" s="284">
        <v>2</v>
      </c>
      <c r="ED39" s="289">
        <v>2</v>
      </c>
      <c r="EE39" s="283">
        <v>0</v>
      </c>
      <c r="EF39" s="287">
        <v>0</v>
      </c>
      <c r="EG39" s="284">
        <v>0</v>
      </c>
      <c r="EH39" s="286">
        <v>0</v>
      </c>
      <c r="EI39" s="287">
        <v>0</v>
      </c>
      <c r="EJ39" s="287">
        <v>0</v>
      </c>
      <c r="EK39" s="287">
        <v>0</v>
      </c>
      <c r="EL39" s="287">
        <v>0</v>
      </c>
      <c r="EM39" s="287">
        <v>1</v>
      </c>
      <c r="EN39" s="284">
        <v>1</v>
      </c>
      <c r="EO39" s="289">
        <v>1</v>
      </c>
      <c r="EP39" s="283">
        <v>0</v>
      </c>
      <c r="EQ39" s="287">
        <v>0</v>
      </c>
      <c r="ER39" s="284">
        <v>0</v>
      </c>
      <c r="ES39" s="286">
        <v>0</v>
      </c>
      <c r="ET39" s="287">
        <v>0</v>
      </c>
      <c r="EU39" s="287">
        <v>2</v>
      </c>
      <c r="EV39" s="287">
        <v>0</v>
      </c>
      <c r="EW39" s="287">
        <v>0</v>
      </c>
      <c r="EX39" s="287">
        <v>0</v>
      </c>
      <c r="EY39" s="284">
        <v>2</v>
      </c>
      <c r="EZ39" s="289">
        <v>2</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4</v>
      </c>
      <c r="J1" s="524"/>
      <c r="K1" s="248">
        <f>第１表!G2</f>
        <v>11</v>
      </c>
      <c r="L1" s="529">
        <f>IF(K1&lt;3,K1+12-2,K1-2)</f>
        <v>9</v>
      </c>
      <c r="M1" s="529"/>
    </row>
    <row r="2" spans="2:156" ht="24" customHeight="1" thickBot="1" x14ac:dyDescent="0.25">
      <c r="B2" s="290" t="s">
        <v>154</v>
      </c>
      <c r="G2" s="247"/>
      <c r="H2" s="248"/>
      <c r="J2" s="349"/>
      <c r="K2" s="349"/>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350" t="s">
        <v>43</v>
      </c>
      <c r="D5" s="259" t="s">
        <v>162</v>
      </c>
      <c r="E5" s="382" t="s">
        <v>45</v>
      </c>
      <c r="F5" s="267" t="s">
        <v>83</v>
      </c>
      <c r="G5" s="259" t="s">
        <v>47</v>
      </c>
      <c r="H5" s="259" t="s">
        <v>48</v>
      </c>
      <c r="I5" s="259" t="s">
        <v>49</v>
      </c>
      <c r="J5" s="259" t="s">
        <v>50</v>
      </c>
      <c r="K5" s="259" t="s">
        <v>51</v>
      </c>
      <c r="L5" s="268" t="s">
        <v>45</v>
      </c>
      <c r="M5" s="531"/>
      <c r="N5" s="350" t="s">
        <v>43</v>
      </c>
      <c r="O5" s="259" t="s">
        <v>44</v>
      </c>
      <c r="P5" s="265" t="s">
        <v>45</v>
      </c>
      <c r="Q5" s="267" t="s">
        <v>83</v>
      </c>
      <c r="R5" s="259" t="s">
        <v>47</v>
      </c>
      <c r="S5" s="259" t="s">
        <v>48</v>
      </c>
      <c r="T5" s="259" t="s">
        <v>49</v>
      </c>
      <c r="U5" s="259" t="s">
        <v>50</v>
      </c>
      <c r="V5" s="259" t="s">
        <v>51</v>
      </c>
      <c r="W5" s="265" t="s">
        <v>45</v>
      </c>
      <c r="X5" s="531"/>
      <c r="Y5" s="350" t="s">
        <v>43</v>
      </c>
      <c r="Z5" s="259" t="s">
        <v>44</v>
      </c>
      <c r="AA5" s="265" t="s">
        <v>45</v>
      </c>
      <c r="AB5" s="267" t="s">
        <v>83</v>
      </c>
      <c r="AC5" s="259" t="s">
        <v>47</v>
      </c>
      <c r="AD5" s="259" t="s">
        <v>48</v>
      </c>
      <c r="AE5" s="259" t="s">
        <v>49</v>
      </c>
      <c r="AF5" s="259" t="s">
        <v>50</v>
      </c>
      <c r="AG5" s="259" t="s">
        <v>51</v>
      </c>
      <c r="AH5" s="265" t="s">
        <v>45</v>
      </c>
      <c r="AI5" s="531"/>
      <c r="AJ5" s="350" t="s">
        <v>43</v>
      </c>
      <c r="AK5" s="259" t="s">
        <v>44</v>
      </c>
      <c r="AL5" s="265" t="s">
        <v>45</v>
      </c>
      <c r="AM5" s="267" t="s">
        <v>83</v>
      </c>
      <c r="AN5" s="259" t="s">
        <v>47</v>
      </c>
      <c r="AO5" s="259" t="s">
        <v>48</v>
      </c>
      <c r="AP5" s="259" t="s">
        <v>49</v>
      </c>
      <c r="AQ5" s="259" t="s">
        <v>50</v>
      </c>
      <c r="AR5" s="259" t="s">
        <v>51</v>
      </c>
      <c r="AS5" s="265" t="s">
        <v>45</v>
      </c>
      <c r="AT5" s="531"/>
      <c r="AU5" s="350" t="s">
        <v>43</v>
      </c>
      <c r="AV5" s="259" t="s">
        <v>44</v>
      </c>
      <c r="AW5" s="265" t="s">
        <v>45</v>
      </c>
      <c r="AX5" s="267" t="s">
        <v>83</v>
      </c>
      <c r="AY5" s="259" t="s">
        <v>47</v>
      </c>
      <c r="AZ5" s="259" t="s">
        <v>48</v>
      </c>
      <c r="BA5" s="259" t="s">
        <v>49</v>
      </c>
      <c r="BB5" s="259" t="s">
        <v>50</v>
      </c>
      <c r="BC5" s="259" t="s">
        <v>51</v>
      </c>
      <c r="BD5" s="268" t="s">
        <v>45</v>
      </c>
      <c r="BE5" s="531"/>
      <c r="BF5" s="350" t="s">
        <v>43</v>
      </c>
      <c r="BG5" s="259" t="s">
        <v>44</v>
      </c>
      <c r="BH5" s="265" t="s">
        <v>45</v>
      </c>
      <c r="BI5" s="267" t="s">
        <v>83</v>
      </c>
      <c r="BJ5" s="259" t="s">
        <v>47</v>
      </c>
      <c r="BK5" s="259" t="s">
        <v>48</v>
      </c>
      <c r="BL5" s="259" t="s">
        <v>49</v>
      </c>
      <c r="BM5" s="259" t="s">
        <v>50</v>
      </c>
      <c r="BN5" s="259" t="s">
        <v>51</v>
      </c>
      <c r="BO5" s="265" t="s">
        <v>45</v>
      </c>
      <c r="BP5" s="531"/>
      <c r="BQ5" s="350" t="s">
        <v>43</v>
      </c>
      <c r="BR5" s="259" t="s">
        <v>44</v>
      </c>
      <c r="BS5" s="265" t="s">
        <v>45</v>
      </c>
      <c r="BT5" s="267" t="s">
        <v>83</v>
      </c>
      <c r="BU5" s="259" t="s">
        <v>47</v>
      </c>
      <c r="BV5" s="259" t="s">
        <v>48</v>
      </c>
      <c r="BW5" s="259" t="s">
        <v>49</v>
      </c>
      <c r="BX5" s="259" t="s">
        <v>50</v>
      </c>
      <c r="BY5" s="259" t="s">
        <v>51</v>
      </c>
      <c r="BZ5" s="265" t="s">
        <v>45</v>
      </c>
      <c r="CA5" s="531"/>
      <c r="CB5" s="350" t="s">
        <v>43</v>
      </c>
      <c r="CC5" s="259" t="s">
        <v>44</v>
      </c>
      <c r="CD5" s="265" t="s">
        <v>45</v>
      </c>
      <c r="CE5" s="267" t="s">
        <v>83</v>
      </c>
      <c r="CF5" s="259" t="s">
        <v>47</v>
      </c>
      <c r="CG5" s="259" t="s">
        <v>48</v>
      </c>
      <c r="CH5" s="259" t="s">
        <v>49</v>
      </c>
      <c r="CI5" s="259" t="s">
        <v>50</v>
      </c>
      <c r="CJ5" s="259" t="s">
        <v>51</v>
      </c>
      <c r="CK5" s="265" t="s">
        <v>45</v>
      </c>
      <c r="CL5" s="531"/>
      <c r="CM5" s="350" t="s">
        <v>43</v>
      </c>
      <c r="CN5" s="259" t="s">
        <v>44</v>
      </c>
      <c r="CO5" s="265" t="s">
        <v>45</v>
      </c>
      <c r="CP5" s="267" t="s">
        <v>83</v>
      </c>
      <c r="CQ5" s="259" t="s">
        <v>47</v>
      </c>
      <c r="CR5" s="259" t="s">
        <v>48</v>
      </c>
      <c r="CS5" s="259" t="s">
        <v>49</v>
      </c>
      <c r="CT5" s="259" t="s">
        <v>50</v>
      </c>
      <c r="CU5" s="259" t="s">
        <v>51</v>
      </c>
      <c r="CV5" s="265" t="s">
        <v>45</v>
      </c>
      <c r="CW5" s="531"/>
      <c r="CX5" s="350" t="s">
        <v>43</v>
      </c>
      <c r="CY5" s="259" t="s">
        <v>44</v>
      </c>
      <c r="CZ5" s="265" t="s">
        <v>45</v>
      </c>
      <c r="DA5" s="267" t="s">
        <v>83</v>
      </c>
      <c r="DB5" s="259" t="s">
        <v>47</v>
      </c>
      <c r="DC5" s="259" t="s">
        <v>48</v>
      </c>
      <c r="DD5" s="259" t="s">
        <v>49</v>
      </c>
      <c r="DE5" s="259" t="s">
        <v>50</v>
      </c>
      <c r="DF5" s="259" t="s">
        <v>51</v>
      </c>
      <c r="DG5" s="265" t="s">
        <v>45</v>
      </c>
      <c r="DH5" s="531"/>
      <c r="DI5" s="350" t="s">
        <v>43</v>
      </c>
      <c r="DJ5" s="259" t="s">
        <v>44</v>
      </c>
      <c r="DK5" s="265" t="s">
        <v>45</v>
      </c>
      <c r="DL5" s="267" t="s">
        <v>83</v>
      </c>
      <c r="DM5" s="259" t="s">
        <v>47</v>
      </c>
      <c r="DN5" s="259" t="s">
        <v>48</v>
      </c>
      <c r="DO5" s="259" t="s">
        <v>49</v>
      </c>
      <c r="DP5" s="259" t="s">
        <v>50</v>
      </c>
      <c r="DQ5" s="259" t="s">
        <v>51</v>
      </c>
      <c r="DR5" s="265" t="s">
        <v>45</v>
      </c>
      <c r="DS5" s="531"/>
      <c r="DT5" s="350" t="s">
        <v>43</v>
      </c>
      <c r="DU5" s="259" t="s">
        <v>44</v>
      </c>
      <c r="DV5" s="265" t="s">
        <v>45</v>
      </c>
      <c r="DW5" s="267" t="s">
        <v>83</v>
      </c>
      <c r="DX5" s="259" t="s">
        <v>47</v>
      </c>
      <c r="DY5" s="259" t="s">
        <v>48</v>
      </c>
      <c r="DZ5" s="259" t="s">
        <v>49</v>
      </c>
      <c r="EA5" s="259" t="s">
        <v>50</v>
      </c>
      <c r="EB5" s="259" t="s">
        <v>51</v>
      </c>
      <c r="EC5" s="265" t="s">
        <v>45</v>
      </c>
      <c r="ED5" s="531"/>
      <c r="EE5" s="350" t="s">
        <v>43</v>
      </c>
      <c r="EF5" s="259" t="s">
        <v>44</v>
      </c>
      <c r="EG5" s="265" t="s">
        <v>45</v>
      </c>
      <c r="EH5" s="267" t="s">
        <v>83</v>
      </c>
      <c r="EI5" s="259" t="s">
        <v>47</v>
      </c>
      <c r="EJ5" s="259" t="s">
        <v>48</v>
      </c>
      <c r="EK5" s="259" t="s">
        <v>49</v>
      </c>
      <c r="EL5" s="259" t="s">
        <v>50</v>
      </c>
      <c r="EM5" s="259" t="s">
        <v>51</v>
      </c>
      <c r="EN5" s="265" t="s">
        <v>45</v>
      </c>
      <c r="EO5" s="531"/>
      <c r="EP5" s="350"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3">
        <v>0</v>
      </c>
      <c r="F6" s="272">
        <v>0</v>
      </c>
      <c r="G6" s="273">
        <v>1167</v>
      </c>
      <c r="H6" s="273">
        <v>1254</v>
      </c>
      <c r="I6" s="273">
        <v>673</v>
      </c>
      <c r="J6" s="273">
        <v>528</v>
      </c>
      <c r="K6" s="273">
        <v>442</v>
      </c>
      <c r="L6" s="274">
        <v>4064</v>
      </c>
      <c r="M6" s="275">
        <v>4064</v>
      </c>
      <c r="N6" s="269">
        <v>0</v>
      </c>
      <c r="O6" s="273">
        <v>1</v>
      </c>
      <c r="P6" s="270">
        <v>1</v>
      </c>
      <c r="Q6" s="272">
        <v>0</v>
      </c>
      <c r="R6" s="273">
        <v>13</v>
      </c>
      <c r="S6" s="273">
        <v>41</v>
      </c>
      <c r="T6" s="273">
        <v>59</v>
      </c>
      <c r="U6" s="273">
        <v>121</v>
      </c>
      <c r="V6" s="273">
        <v>225</v>
      </c>
      <c r="W6" s="270">
        <v>459</v>
      </c>
      <c r="X6" s="275">
        <v>460</v>
      </c>
      <c r="Y6" s="269">
        <v>198</v>
      </c>
      <c r="Z6" s="273">
        <v>395</v>
      </c>
      <c r="AA6" s="270">
        <v>593</v>
      </c>
      <c r="AB6" s="272">
        <v>0</v>
      </c>
      <c r="AC6" s="273">
        <v>881</v>
      </c>
      <c r="AD6" s="273">
        <v>1158</v>
      </c>
      <c r="AE6" s="273">
        <v>676</v>
      </c>
      <c r="AF6" s="273">
        <v>567</v>
      </c>
      <c r="AG6" s="273">
        <v>425</v>
      </c>
      <c r="AH6" s="270">
        <v>3707</v>
      </c>
      <c r="AI6" s="275">
        <v>4300</v>
      </c>
      <c r="AJ6" s="269">
        <v>19</v>
      </c>
      <c r="AK6" s="273">
        <v>57</v>
      </c>
      <c r="AL6" s="270">
        <v>76</v>
      </c>
      <c r="AM6" s="272">
        <v>0</v>
      </c>
      <c r="AN6" s="273">
        <v>102</v>
      </c>
      <c r="AO6" s="273">
        <v>141</v>
      </c>
      <c r="AP6" s="273">
        <v>103</v>
      </c>
      <c r="AQ6" s="273">
        <v>94</v>
      </c>
      <c r="AR6" s="273">
        <v>45</v>
      </c>
      <c r="AS6" s="270">
        <v>485</v>
      </c>
      <c r="AT6" s="275">
        <v>561</v>
      </c>
      <c r="AU6" s="269">
        <v>312</v>
      </c>
      <c r="AV6" s="273">
        <v>318</v>
      </c>
      <c r="AW6" s="270">
        <v>630</v>
      </c>
      <c r="AX6" s="272">
        <v>0</v>
      </c>
      <c r="AY6" s="273">
        <v>1274</v>
      </c>
      <c r="AZ6" s="273">
        <v>1498</v>
      </c>
      <c r="BA6" s="273">
        <v>1315</v>
      </c>
      <c r="BB6" s="273">
        <v>1396</v>
      </c>
      <c r="BC6" s="273">
        <v>1004</v>
      </c>
      <c r="BD6" s="274">
        <v>6487</v>
      </c>
      <c r="BE6" s="275">
        <v>7117</v>
      </c>
      <c r="BF6" s="269">
        <v>0</v>
      </c>
      <c r="BG6" s="273">
        <v>0</v>
      </c>
      <c r="BH6" s="270">
        <v>0</v>
      </c>
      <c r="BI6" s="272">
        <v>0</v>
      </c>
      <c r="BJ6" s="273">
        <v>1307</v>
      </c>
      <c r="BK6" s="273">
        <v>1104</v>
      </c>
      <c r="BL6" s="273">
        <v>570</v>
      </c>
      <c r="BM6" s="273">
        <v>343</v>
      </c>
      <c r="BN6" s="273">
        <v>157</v>
      </c>
      <c r="BO6" s="270">
        <v>3481</v>
      </c>
      <c r="BP6" s="275">
        <v>3481</v>
      </c>
      <c r="BQ6" s="269">
        <v>108</v>
      </c>
      <c r="BR6" s="273">
        <v>148</v>
      </c>
      <c r="BS6" s="270">
        <v>256</v>
      </c>
      <c r="BT6" s="272">
        <v>0</v>
      </c>
      <c r="BU6" s="273">
        <v>321</v>
      </c>
      <c r="BV6" s="273">
        <v>438</v>
      </c>
      <c r="BW6" s="273">
        <v>265</v>
      </c>
      <c r="BX6" s="273">
        <v>193</v>
      </c>
      <c r="BY6" s="273">
        <v>72</v>
      </c>
      <c r="BZ6" s="270">
        <v>1289</v>
      </c>
      <c r="CA6" s="275">
        <v>1545</v>
      </c>
      <c r="CB6" s="269">
        <v>4</v>
      </c>
      <c r="CC6" s="273">
        <v>14</v>
      </c>
      <c r="CD6" s="270">
        <v>18</v>
      </c>
      <c r="CE6" s="272">
        <v>0</v>
      </c>
      <c r="CF6" s="273">
        <v>136</v>
      </c>
      <c r="CG6" s="273">
        <v>186</v>
      </c>
      <c r="CH6" s="273">
        <v>243</v>
      </c>
      <c r="CI6" s="273">
        <v>192</v>
      </c>
      <c r="CJ6" s="273">
        <v>107</v>
      </c>
      <c r="CK6" s="270">
        <v>864</v>
      </c>
      <c r="CL6" s="275">
        <v>882</v>
      </c>
      <c r="CM6" s="269">
        <v>0</v>
      </c>
      <c r="CN6" s="273">
        <v>5</v>
      </c>
      <c r="CO6" s="270">
        <v>5</v>
      </c>
      <c r="CP6" s="272">
        <v>0</v>
      </c>
      <c r="CQ6" s="273">
        <v>19</v>
      </c>
      <c r="CR6" s="273">
        <v>38</v>
      </c>
      <c r="CS6" s="273">
        <v>38</v>
      </c>
      <c r="CT6" s="273">
        <v>32</v>
      </c>
      <c r="CU6" s="273">
        <v>17</v>
      </c>
      <c r="CV6" s="270">
        <v>144</v>
      </c>
      <c r="CW6" s="275">
        <v>149</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583</v>
      </c>
      <c r="DU6" s="273">
        <v>1188</v>
      </c>
      <c r="DV6" s="270">
        <v>1771</v>
      </c>
      <c r="DW6" s="272">
        <v>0</v>
      </c>
      <c r="DX6" s="273">
        <v>1598</v>
      </c>
      <c r="DY6" s="273">
        <v>2722</v>
      </c>
      <c r="DZ6" s="273">
        <v>1627</v>
      </c>
      <c r="EA6" s="273">
        <v>1196</v>
      </c>
      <c r="EB6" s="273">
        <v>775</v>
      </c>
      <c r="EC6" s="270">
        <v>7918</v>
      </c>
      <c r="ED6" s="275">
        <v>9689</v>
      </c>
      <c r="EE6" s="269">
        <v>216</v>
      </c>
      <c r="EF6" s="273">
        <v>151</v>
      </c>
      <c r="EG6" s="270">
        <v>367</v>
      </c>
      <c r="EH6" s="272">
        <v>0</v>
      </c>
      <c r="EI6" s="273">
        <v>631</v>
      </c>
      <c r="EJ6" s="273">
        <v>625</v>
      </c>
      <c r="EK6" s="273">
        <v>544</v>
      </c>
      <c r="EL6" s="273">
        <v>621</v>
      </c>
      <c r="EM6" s="273">
        <v>364</v>
      </c>
      <c r="EN6" s="270">
        <v>2785</v>
      </c>
      <c r="EO6" s="275">
        <v>3152</v>
      </c>
      <c r="EP6" s="269">
        <v>847</v>
      </c>
      <c r="EQ6" s="273">
        <v>1534</v>
      </c>
      <c r="ER6" s="270">
        <v>2381</v>
      </c>
      <c r="ES6" s="272">
        <v>0</v>
      </c>
      <c r="ET6" s="273">
        <v>3745</v>
      </c>
      <c r="EU6" s="273">
        <v>3788</v>
      </c>
      <c r="EV6" s="273">
        <v>1961</v>
      </c>
      <c r="EW6" s="273">
        <v>1320</v>
      </c>
      <c r="EX6" s="273">
        <v>831</v>
      </c>
      <c r="EY6" s="270">
        <v>11645</v>
      </c>
      <c r="EZ6" s="275">
        <v>14026</v>
      </c>
    </row>
    <row r="7" spans="2:156" ht="21" customHeight="1" x14ac:dyDescent="0.2">
      <c r="B7" s="261" t="s">
        <v>5</v>
      </c>
      <c r="C7" s="276">
        <v>0</v>
      </c>
      <c r="D7" s="280">
        <v>0</v>
      </c>
      <c r="E7" s="384">
        <v>0</v>
      </c>
      <c r="F7" s="279">
        <v>0</v>
      </c>
      <c r="G7" s="280">
        <v>449</v>
      </c>
      <c r="H7" s="280">
        <v>689</v>
      </c>
      <c r="I7" s="280">
        <v>287</v>
      </c>
      <c r="J7" s="280">
        <v>223</v>
      </c>
      <c r="K7" s="280">
        <v>182</v>
      </c>
      <c r="L7" s="281">
        <v>1830</v>
      </c>
      <c r="M7" s="282">
        <v>1830</v>
      </c>
      <c r="N7" s="276">
        <v>0</v>
      </c>
      <c r="O7" s="280">
        <v>1</v>
      </c>
      <c r="P7" s="277">
        <v>1</v>
      </c>
      <c r="Q7" s="279">
        <v>0</v>
      </c>
      <c r="R7" s="280">
        <v>5</v>
      </c>
      <c r="S7" s="280">
        <v>18</v>
      </c>
      <c r="T7" s="280">
        <v>26</v>
      </c>
      <c r="U7" s="280">
        <v>53</v>
      </c>
      <c r="V7" s="280">
        <v>93</v>
      </c>
      <c r="W7" s="277">
        <v>195</v>
      </c>
      <c r="X7" s="282">
        <v>196</v>
      </c>
      <c r="Y7" s="276">
        <v>95</v>
      </c>
      <c r="Z7" s="280">
        <v>210</v>
      </c>
      <c r="AA7" s="277">
        <v>305</v>
      </c>
      <c r="AB7" s="279">
        <v>0</v>
      </c>
      <c r="AC7" s="280">
        <v>337</v>
      </c>
      <c r="AD7" s="280">
        <v>653</v>
      </c>
      <c r="AE7" s="280">
        <v>319</v>
      </c>
      <c r="AF7" s="280">
        <v>261</v>
      </c>
      <c r="AG7" s="280">
        <v>189</v>
      </c>
      <c r="AH7" s="277">
        <v>1759</v>
      </c>
      <c r="AI7" s="282">
        <v>2064</v>
      </c>
      <c r="AJ7" s="276">
        <v>10</v>
      </c>
      <c r="AK7" s="280">
        <v>38</v>
      </c>
      <c r="AL7" s="277">
        <v>48</v>
      </c>
      <c r="AM7" s="279">
        <v>0</v>
      </c>
      <c r="AN7" s="280">
        <v>25</v>
      </c>
      <c r="AO7" s="280">
        <v>67</v>
      </c>
      <c r="AP7" s="280">
        <v>42</v>
      </c>
      <c r="AQ7" s="280">
        <v>44</v>
      </c>
      <c r="AR7" s="280">
        <v>20</v>
      </c>
      <c r="AS7" s="277">
        <v>198</v>
      </c>
      <c r="AT7" s="282">
        <v>246</v>
      </c>
      <c r="AU7" s="276">
        <v>141</v>
      </c>
      <c r="AV7" s="280">
        <v>181</v>
      </c>
      <c r="AW7" s="277">
        <v>322</v>
      </c>
      <c r="AX7" s="279">
        <v>0</v>
      </c>
      <c r="AY7" s="280">
        <v>504</v>
      </c>
      <c r="AZ7" s="280">
        <v>735</v>
      </c>
      <c r="BA7" s="280">
        <v>589</v>
      </c>
      <c r="BB7" s="280">
        <v>607</v>
      </c>
      <c r="BC7" s="280">
        <v>412</v>
      </c>
      <c r="BD7" s="281">
        <v>2847</v>
      </c>
      <c r="BE7" s="282">
        <v>3169</v>
      </c>
      <c r="BF7" s="276">
        <v>0</v>
      </c>
      <c r="BG7" s="280">
        <v>0</v>
      </c>
      <c r="BH7" s="277">
        <v>0</v>
      </c>
      <c r="BI7" s="279">
        <v>0</v>
      </c>
      <c r="BJ7" s="280">
        <v>446</v>
      </c>
      <c r="BK7" s="280">
        <v>473</v>
      </c>
      <c r="BL7" s="280">
        <v>237</v>
      </c>
      <c r="BM7" s="280">
        <v>131</v>
      </c>
      <c r="BN7" s="280">
        <v>63</v>
      </c>
      <c r="BO7" s="277">
        <v>1350</v>
      </c>
      <c r="BP7" s="282">
        <v>1350</v>
      </c>
      <c r="BQ7" s="276">
        <v>48</v>
      </c>
      <c r="BR7" s="280">
        <v>66</v>
      </c>
      <c r="BS7" s="277">
        <v>114</v>
      </c>
      <c r="BT7" s="279">
        <v>0</v>
      </c>
      <c r="BU7" s="280">
        <v>107</v>
      </c>
      <c r="BV7" s="280">
        <v>223</v>
      </c>
      <c r="BW7" s="280">
        <v>133</v>
      </c>
      <c r="BX7" s="280">
        <v>89</v>
      </c>
      <c r="BY7" s="280">
        <v>40</v>
      </c>
      <c r="BZ7" s="277">
        <v>592</v>
      </c>
      <c r="CA7" s="282">
        <v>706</v>
      </c>
      <c r="CB7" s="276">
        <v>2</v>
      </c>
      <c r="CC7" s="280">
        <v>7</v>
      </c>
      <c r="CD7" s="277">
        <v>9</v>
      </c>
      <c r="CE7" s="279">
        <v>0</v>
      </c>
      <c r="CF7" s="280">
        <v>52</v>
      </c>
      <c r="CG7" s="280">
        <v>84</v>
      </c>
      <c r="CH7" s="280">
        <v>82</v>
      </c>
      <c r="CI7" s="280">
        <v>75</v>
      </c>
      <c r="CJ7" s="280">
        <v>45</v>
      </c>
      <c r="CK7" s="277">
        <v>338</v>
      </c>
      <c r="CL7" s="282">
        <v>347</v>
      </c>
      <c r="CM7" s="276">
        <v>0</v>
      </c>
      <c r="CN7" s="280">
        <v>4</v>
      </c>
      <c r="CO7" s="277">
        <v>4</v>
      </c>
      <c r="CP7" s="279">
        <v>0</v>
      </c>
      <c r="CQ7" s="280">
        <v>11</v>
      </c>
      <c r="CR7" s="280">
        <v>21</v>
      </c>
      <c r="CS7" s="280">
        <v>22</v>
      </c>
      <c r="CT7" s="280">
        <v>19</v>
      </c>
      <c r="CU7" s="280">
        <v>8</v>
      </c>
      <c r="CV7" s="277">
        <v>81</v>
      </c>
      <c r="CW7" s="282">
        <v>85</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17</v>
      </c>
      <c r="DU7" s="280">
        <v>539</v>
      </c>
      <c r="DV7" s="277">
        <v>756</v>
      </c>
      <c r="DW7" s="279">
        <v>0</v>
      </c>
      <c r="DX7" s="280">
        <v>483</v>
      </c>
      <c r="DY7" s="280">
        <v>1342</v>
      </c>
      <c r="DZ7" s="280">
        <v>691</v>
      </c>
      <c r="EA7" s="280">
        <v>506</v>
      </c>
      <c r="EB7" s="280">
        <v>336</v>
      </c>
      <c r="EC7" s="277">
        <v>3358</v>
      </c>
      <c r="ED7" s="282">
        <v>4114</v>
      </c>
      <c r="EE7" s="276">
        <v>97</v>
      </c>
      <c r="EF7" s="280">
        <v>78</v>
      </c>
      <c r="EG7" s="277">
        <v>175</v>
      </c>
      <c r="EH7" s="279">
        <v>0</v>
      </c>
      <c r="EI7" s="280">
        <v>263</v>
      </c>
      <c r="EJ7" s="280">
        <v>319</v>
      </c>
      <c r="EK7" s="280">
        <v>264</v>
      </c>
      <c r="EL7" s="280">
        <v>282</v>
      </c>
      <c r="EM7" s="280">
        <v>160</v>
      </c>
      <c r="EN7" s="277">
        <v>1288</v>
      </c>
      <c r="EO7" s="282">
        <v>1463</v>
      </c>
      <c r="EP7" s="276">
        <v>346</v>
      </c>
      <c r="EQ7" s="280">
        <v>732</v>
      </c>
      <c r="ER7" s="277">
        <v>1078</v>
      </c>
      <c r="ES7" s="279">
        <v>0</v>
      </c>
      <c r="ET7" s="280">
        <v>1331</v>
      </c>
      <c r="EU7" s="280">
        <v>1877</v>
      </c>
      <c r="EV7" s="280">
        <v>844</v>
      </c>
      <c r="EW7" s="280">
        <v>563</v>
      </c>
      <c r="EX7" s="280">
        <v>359</v>
      </c>
      <c r="EY7" s="277">
        <v>4974</v>
      </c>
      <c r="EZ7" s="282">
        <v>6052</v>
      </c>
    </row>
    <row r="8" spans="2:156" ht="21" customHeight="1" x14ac:dyDescent="0.2">
      <c r="B8" s="261" t="s">
        <v>6</v>
      </c>
      <c r="C8" s="276">
        <v>0</v>
      </c>
      <c r="D8" s="280">
        <v>0</v>
      </c>
      <c r="E8" s="384">
        <v>0</v>
      </c>
      <c r="F8" s="279">
        <v>0</v>
      </c>
      <c r="G8" s="280">
        <v>237</v>
      </c>
      <c r="H8" s="280">
        <v>166</v>
      </c>
      <c r="I8" s="280">
        <v>101</v>
      </c>
      <c r="J8" s="280">
        <v>102</v>
      </c>
      <c r="K8" s="280">
        <v>74</v>
      </c>
      <c r="L8" s="281">
        <v>680</v>
      </c>
      <c r="M8" s="282">
        <v>680</v>
      </c>
      <c r="N8" s="276">
        <v>0</v>
      </c>
      <c r="O8" s="280">
        <v>0</v>
      </c>
      <c r="P8" s="277">
        <v>0</v>
      </c>
      <c r="Q8" s="279">
        <v>0</v>
      </c>
      <c r="R8" s="280">
        <v>1</v>
      </c>
      <c r="S8" s="280">
        <v>6</v>
      </c>
      <c r="T8" s="280">
        <v>6</v>
      </c>
      <c r="U8" s="280">
        <v>24</v>
      </c>
      <c r="V8" s="280">
        <v>33</v>
      </c>
      <c r="W8" s="277">
        <v>70</v>
      </c>
      <c r="X8" s="282">
        <v>70</v>
      </c>
      <c r="Y8" s="276">
        <v>33</v>
      </c>
      <c r="Z8" s="280">
        <v>67</v>
      </c>
      <c r="AA8" s="277">
        <v>100</v>
      </c>
      <c r="AB8" s="279">
        <v>0</v>
      </c>
      <c r="AC8" s="280">
        <v>196</v>
      </c>
      <c r="AD8" s="280">
        <v>153</v>
      </c>
      <c r="AE8" s="280">
        <v>104</v>
      </c>
      <c r="AF8" s="280">
        <v>104</v>
      </c>
      <c r="AG8" s="280">
        <v>71</v>
      </c>
      <c r="AH8" s="277">
        <v>628</v>
      </c>
      <c r="AI8" s="282">
        <v>728</v>
      </c>
      <c r="AJ8" s="276">
        <v>1</v>
      </c>
      <c r="AK8" s="280">
        <v>2</v>
      </c>
      <c r="AL8" s="277">
        <v>3</v>
      </c>
      <c r="AM8" s="279">
        <v>0</v>
      </c>
      <c r="AN8" s="280">
        <v>22</v>
      </c>
      <c r="AO8" s="280">
        <v>18</v>
      </c>
      <c r="AP8" s="280">
        <v>19</v>
      </c>
      <c r="AQ8" s="280">
        <v>9</v>
      </c>
      <c r="AR8" s="280">
        <v>5</v>
      </c>
      <c r="AS8" s="277">
        <v>73</v>
      </c>
      <c r="AT8" s="282">
        <v>76</v>
      </c>
      <c r="AU8" s="276">
        <v>49</v>
      </c>
      <c r="AV8" s="280">
        <v>46</v>
      </c>
      <c r="AW8" s="277">
        <v>95</v>
      </c>
      <c r="AX8" s="279">
        <v>0</v>
      </c>
      <c r="AY8" s="280">
        <v>259</v>
      </c>
      <c r="AZ8" s="280">
        <v>249</v>
      </c>
      <c r="BA8" s="280">
        <v>241</v>
      </c>
      <c r="BB8" s="280">
        <v>256</v>
      </c>
      <c r="BC8" s="280">
        <v>192</v>
      </c>
      <c r="BD8" s="281">
        <v>1197</v>
      </c>
      <c r="BE8" s="282">
        <v>1292</v>
      </c>
      <c r="BF8" s="276">
        <v>0</v>
      </c>
      <c r="BG8" s="280">
        <v>0</v>
      </c>
      <c r="BH8" s="277">
        <v>0</v>
      </c>
      <c r="BI8" s="279">
        <v>0</v>
      </c>
      <c r="BJ8" s="280">
        <v>261</v>
      </c>
      <c r="BK8" s="280">
        <v>164</v>
      </c>
      <c r="BL8" s="280">
        <v>81</v>
      </c>
      <c r="BM8" s="280">
        <v>64</v>
      </c>
      <c r="BN8" s="280">
        <v>25</v>
      </c>
      <c r="BO8" s="277">
        <v>595</v>
      </c>
      <c r="BP8" s="282">
        <v>595</v>
      </c>
      <c r="BQ8" s="276">
        <v>10</v>
      </c>
      <c r="BR8" s="280">
        <v>13</v>
      </c>
      <c r="BS8" s="277">
        <v>23</v>
      </c>
      <c r="BT8" s="279">
        <v>0</v>
      </c>
      <c r="BU8" s="280">
        <v>49</v>
      </c>
      <c r="BV8" s="280">
        <v>53</v>
      </c>
      <c r="BW8" s="280">
        <v>32</v>
      </c>
      <c r="BX8" s="280">
        <v>36</v>
      </c>
      <c r="BY8" s="280">
        <v>7</v>
      </c>
      <c r="BZ8" s="277">
        <v>177</v>
      </c>
      <c r="CA8" s="282">
        <v>200</v>
      </c>
      <c r="CB8" s="276">
        <v>0</v>
      </c>
      <c r="CC8" s="280">
        <v>1</v>
      </c>
      <c r="CD8" s="277">
        <v>1</v>
      </c>
      <c r="CE8" s="279">
        <v>0</v>
      </c>
      <c r="CF8" s="280">
        <v>18</v>
      </c>
      <c r="CG8" s="280">
        <v>20</v>
      </c>
      <c r="CH8" s="280">
        <v>35</v>
      </c>
      <c r="CI8" s="280">
        <v>26</v>
      </c>
      <c r="CJ8" s="280">
        <v>13</v>
      </c>
      <c r="CK8" s="277">
        <v>112</v>
      </c>
      <c r="CL8" s="282">
        <v>113</v>
      </c>
      <c r="CM8" s="276">
        <v>0</v>
      </c>
      <c r="CN8" s="280">
        <v>0</v>
      </c>
      <c r="CO8" s="277">
        <v>0</v>
      </c>
      <c r="CP8" s="279">
        <v>0</v>
      </c>
      <c r="CQ8" s="280">
        <v>4</v>
      </c>
      <c r="CR8" s="280">
        <v>6</v>
      </c>
      <c r="CS8" s="280">
        <v>4</v>
      </c>
      <c r="CT8" s="280">
        <v>9</v>
      </c>
      <c r="CU8" s="280">
        <v>2</v>
      </c>
      <c r="CV8" s="277">
        <v>25</v>
      </c>
      <c r="CW8" s="282">
        <v>25</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95</v>
      </c>
      <c r="DU8" s="280">
        <v>166</v>
      </c>
      <c r="DV8" s="277">
        <v>261</v>
      </c>
      <c r="DW8" s="279">
        <v>0</v>
      </c>
      <c r="DX8" s="280">
        <v>351</v>
      </c>
      <c r="DY8" s="280">
        <v>383</v>
      </c>
      <c r="DZ8" s="280">
        <v>271</v>
      </c>
      <c r="EA8" s="280">
        <v>217</v>
      </c>
      <c r="EB8" s="280">
        <v>124</v>
      </c>
      <c r="EC8" s="277">
        <v>1346</v>
      </c>
      <c r="ED8" s="282">
        <v>1607</v>
      </c>
      <c r="EE8" s="276">
        <v>33</v>
      </c>
      <c r="EF8" s="280">
        <v>20</v>
      </c>
      <c r="EG8" s="277">
        <v>53</v>
      </c>
      <c r="EH8" s="279">
        <v>0</v>
      </c>
      <c r="EI8" s="280">
        <v>114</v>
      </c>
      <c r="EJ8" s="280">
        <v>89</v>
      </c>
      <c r="EK8" s="280">
        <v>93</v>
      </c>
      <c r="EL8" s="280">
        <v>105</v>
      </c>
      <c r="EM8" s="280">
        <v>64</v>
      </c>
      <c r="EN8" s="277">
        <v>465</v>
      </c>
      <c r="EO8" s="282">
        <v>518</v>
      </c>
      <c r="EP8" s="276">
        <v>129</v>
      </c>
      <c r="EQ8" s="280">
        <v>211</v>
      </c>
      <c r="ER8" s="277">
        <v>340</v>
      </c>
      <c r="ES8" s="279">
        <v>0</v>
      </c>
      <c r="ET8" s="280">
        <v>751</v>
      </c>
      <c r="EU8" s="280">
        <v>533</v>
      </c>
      <c r="EV8" s="280">
        <v>312</v>
      </c>
      <c r="EW8" s="280">
        <v>239</v>
      </c>
      <c r="EX8" s="280">
        <v>136</v>
      </c>
      <c r="EY8" s="277">
        <v>1971</v>
      </c>
      <c r="EZ8" s="282">
        <v>2311</v>
      </c>
    </row>
    <row r="9" spans="2:156" ht="21" customHeight="1" x14ac:dyDescent="0.2">
      <c r="B9" s="261" t="s">
        <v>14</v>
      </c>
      <c r="C9" s="276">
        <v>0</v>
      </c>
      <c r="D9" s="280">
        <v>0</v>
      </c>
      <c r="E9" s="384">
        <v>0</v>
      </c>
      <c r="F9" s="279">
        <v>0</v>
      </c>
      <c r="G9" s="280">
        <v>49</v>
      </c>
      <c r="H9" s="280">
        <v>70</v>
      </c>
      <c r="I9" s="280">
        <v>50</v>
      </c>
      <c r="J9" s="280">
        <v>29</v>
      </c>
      <c r="K9" s="280">
        <v>30</v>
      </c>
      <c r="L9" s="281">
        <v>228</v>
      </c>
      <c r="M9" s="282">
        <v>228</v>
      </c>
      <c r="N9" s="276">
        <v>0</v>
      </c>
      <c r="O9" s="280">
        <v>0</v>
      </c>
      <c r="P9" s="277">
        <v>0</v>
      </c>
      <c r="Q9" s="279">
        <v>0</v>
      </c>
      <c r="R9" s="280">
        <v>0</v>
      </c>
      <c r="S9" s="280">
        <v>0</v>
      </c>
      <c r="T9" s="280">
        <v>5</v>
      </c>
      <c r="U9" s="280">
        <v>12</v>
      </c>
      <c r="V9" s="280">
        <v>21</v>
      </c>
      <c r="W9" s="277">
        <v>38</v>
      </c>
      <c r="X9" s="282">
        <v>38</v>
      </c>
      <c r="Y9" s="276">
        <v>4</v>
      </c>
      <c r="Z9" s="280">
        <v>29</v>
      </c>
      <c r="AA9" s="277">
        <v>33</v>
      </c>
      <c r="AB9" s="279">
        <v>0</v>
      </c>
      <c r="AC9" s="280">
        <v>33</v>
      </c>
      <c r="AD9" s="280">
        <v>62</v>
      </c>
      <c r="AE9" s="280">
        <v>38</v>
      </c>
      <c r="AF9" s="280">
        <v>39</v>
      </c>
      <c r="AG9" s="280">
        <v>30</v>
      </c>
      <c r="AH9" s="277">
        <v>202</v>
      </c>
      <c r="AI9" s="282">
        <v>235</v>
      </c>
      <c r="AJ9" s="276">
        <v>0</v>
      </c>
      <c r="AK9" s="280">
        <v>3</v>
      </c>
      <c r="AL9" s="277">
        <v>3</v>
      </c>
      <c r="AM9" s="279">
        <v>0</v>
      </c>
      <c r="AN9" s="280">
        <v>1</v>
      </c>
      <c r="AO9" s="280">
        <v>4</v>
      </c>
      <c r="AP9" s="280">
        <v>6</v>
      </c>
      <c r="AQ9" s="280">
        <v>4</v>
      </c>
      <c r="AR9" s="280">
        <v>1</v>
      </c>
      <c r="AS9" s="277">
        <v>16</v>
      </c>
      <c r="AT9" s="282">
        <v>19</v>
      </c>
      <c r="AU9" s="276">
        <v>14</v>
      </c>
      <c r="AV9" s="280">
        <v>18</v>
      </c>
      <c r="AW9" s="277">
        <v>32</v>
      </c>
      <c r="AX9" s="279">
        <v>0</v>
      </c>
      <c r="AY9" s="280">
        <v>69</v>
      </c>
      <c r="AZ9" s="280">
        <v>81</v>
      </c>
      <c r="BA9" s="280">
        <v>79</v>
      </c>
      <c r="BB9" s="280">
        <v>68</v>
      </c>
      <c r="BC9" s="280">
        <v>72</v>
      </c>
      <c r="BD9" s="281">
        <v>369</v>
      </c>
      <c r="BE9" s="282">
        <v>401</v>
      </c>
      <c r="BF9" s="276">
        <v>0</v>
      </c>
      <c r="BG9" s="280">
        <v>0</v>
      </c>
      <c r="BH9" s="277">
        <v>0</v>
      </c>
      <c r="BI9" s="279">
        <v>0</v>
      </c>
      <c r="BJ9" s="280">
        <v>85</v>
      </c>
      <c r="BK9" s="280">
        <v>79</v>
      </c>
      <c r="BL9" s="280">
        <v>56</v>
      </c>
      <c r="BM9" s="280">
        <v>30</v>
      </c>
      <c r="BN9" s="280">
        <v>14</v>
      </c>
      <c r="BO9" s="277">
        <v>264</v>
      </c>
      <c r="BP9" s="282">
        <v>264</v>
      </c>
      <c r="BQ9" s="276">
        <v>4</v>
      </c>
      <c r="BR9" s="280">
        <v>7</v>
      </c>
      <c r="BS9" s="277">
        <v>11</v>
      </c>
      <c r="BT9" s="279">
        <v>0</v>
      </c>
      <c r="BU9" s="280">
        <v>10</v>
      </c>
      <c r="BV9" s="280">
        <v>18</v>
      </c>
      <c r="BW9" s="280">
        <v>7</v>
      </c>
      <c r="BX9" s="280">
        <v>7</v>
      </c>
      <c r="BY9" s="280">
        <v>3</v>
      </c>
      <c r="BZ9" s="277">
        <v>45</v>
      </c>
      <c r="CA9" s="282">
        <v>56</v>
      </c>
      <c r="CB9" s="276">
        <v>1</v>
      </c>
      <c r="CC9" s="280">
        <v>0</v>
      </c>
      <c r="CD9" s="277">
        <v>1</v>
      </c>
      <c r="CE9" s="279">
        <v>0</v>
      </c>
      <c r="CF9" s="280">
        <v>8</v>
      </c>
      <c r="CG9" s="280">
        <v>15</v>
      </c>
      <c r="CH9" s="280">
        <v>17</v>
      </c>
      <c r="CI9" s="280">
        <v>19</v>
      </c>
      <c r="CJ9" s="280">
        <v>11</v>
      </c>
      <c r="CK9" s="277">
        <v>70</v>
      </c>
      <c r="CL9" s="282">
        <v>71</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0</v>
      </c>
      <c r="DU9" s="280">
        <v>94</v>
      </c>
      <c r="DV9" s="277">
        <v>124</v>
      </c>
      <c r="DW9" s="279">
        <v>0</v>
      </c>
      <c r="DX9" s="280">
        <v>76</v>
      </c>
      <c r="DY9" s="280">
        <v>176</v>
      </c>
      <c r="DZ9" s="280">
        <v>112</v>
      </c>
      <c r="EA9" s="280">
        <v>80</v>
      </c>
      <c r="EB9" s="280">
        <v>56</v>
      </c>
      <c r="EC9" s="277">
        <v>500</v>
      </c>
      <c r="ED9" s="282">
        <v>624</v>
      </c>
      <c r="EE9" s="276">
        <v>13</v>
      </c>
      <c r="EF9" s="280">
        <v>8</v>
      </c>
      <c r="EG9" s="277">
        <v>21</v>
      </c>
      <c r="EH9" s="279">
        <v>0</v>
      </c>
      <c r="EI9" s="280">
        <v>32</v>
      </c>
      <c r="EJ9" s="280">
        <v>31</v>
      </c>
      <c r="EK9" s="280">
        <v>26</v>
      </c>
      <c r="EL9" s="280">
        <v>25</v>
      </c>
      <c r="EM9" s="280">
        <v>18</v>
      </c>
      <c r="EN9" s="277">
        <v>132</v>
      </c>
      <c r="EO9" s="282">
        <v>153</v>
      </c>
      <c r="EP9" s="276">
        <v>36</v>
      </c>
      <c r="EQ9" s="280">
        <v>114</v>
      </c>
      <c r="ER9" s="277">
        <v>150</v>
      </c>
      <c r="ES9" s="279">
        <v>0</v>
      </c>
      <c r="ET9" s="280">
        <v>200</v>
      </c>
      <c r="EU9" s="280">
        <v>244</v>
      </c>
      <c r="EV9" s="280">
        <v>138</v>
      </c>
      <c r="EW9" s="280">
        <v>91</v>
      </c>
      <c r="EX9" s="280">
        <v>64</v>
      </c>
      <c r="EY9" s="277">
        <v>737</v>
      </c>
      <c r="EZ9" s="282">
        <v>887</v>
      </c>
    </row>
    <row r="10" spans="2:156" ht="21" customHeight="1" x14ac:dyDescent="0.2">
      <c r="B10" s="261" t="s">
        <v>7</v>
      </c>
      <c r="C10" s="276">
        <v>0</v>
      </c>
      <c r="D10" s="280">
        <v>0</v>
      </c>
      <c r="E10" s="384">
        <v>0</v>
      </c>
      <c r="F10" s="279">
        <v>0</v>
      </c>
      <c r="G10" s="280">
        <v>53</v>
      </c>
      <c r="H10" s="280">
        <v>40</v>
      </c>
      <c r="I10" s="280">
        <v>22</v>
      </c>
      <c r="J10" s="280">
        <v>12</v>
      </c>
      <c r="K10" s="280">
        <v>15</v>
      </c>
      <c r="L10" s="281">
        <v>142</v>
      </c>
      <c r="M10" s="282">
        <v>142</v>
      </c>
      <c r="N10" s="276">
        <v>0</v>
      </c>
      <c r="O10" s="280">
        <v>0</v>
      </c>
      <c r="P10" s="277">
        <v>0</v>
      </c>
      <c r="Q10" s="279">
        <v>0</v>
      </c>
      <c r="R10" s="280">
        <v>1</v>
      </c>
      <c r="S10" s="280">
        <v>5</v>
      </c>
      <c r="T10" s="280">
        <v>4</v>
      </c>
      <c r="U10" s="280">
        <v>0</v>
      </c>
      <c r="V10" s="280">
        <v>7</v>
      </c>
      <c r="W10" s="277">
        <v>17</v>
      </c>
      <c r="X10" s="282">
        <v>17</v>
      </c>
      <c r="Y10" s="276">
        <v>0</v>
      </c>
      <c r="Z10" s="280">
        <v>1</v>
      </c>
      <c r="AA10" s="277">
        <v>1</v>
      </c>
      <c r="AB10" s="279">
        <v>0</v>
      </c>
      <c r="AC10" s="280">
        <v>34</v>
      </c>
      <c r="AD10" s="280">
        <v>30</v>
      </c>
      <c r="AE10" s="280">
        <v>22</v>
      </c>
      <c r="AF10" s="280">
        <v>11</v>
      </c>
      <c r="AG10" s="280">
        <v>15</v>
      </c>
      <c r="AH10" s="277">
        <v>112</v>
      </c>
      <c r="AI10" s="282">
        <v>113</v>
      </c>
      <c r="AJ10" s="276">
        <v>1</v>
      </c>
      <c r="AK10" s="280">
        <v>0</v>
      </c>
      <c r="AL10" s="277">
        <v>1</v>
      </c>
      <c r="AM10" s="279">
        <v>0</v>
      </c>
      <c r="AN10" s="280">
        <v>4</v>
      </c>
      <c r="AO10" s="280">
        <v>5</v>
      </c>
      <c r="AP10" s="280">
        <v>4</v>
      </c>
      <c r="AQ10" s="280">
        <v>2</v>
      </c>
      <c r="AR10" s="280">
        <v>1</v>
      </c>
      <c r="AS10" s="277">
        <v>16</v>
      </c>
      <c r="AT10" s="282">
        <v>17</v>
      </c>
      <c r="AU10" s="276">
        <v>12</v>
      </c>
      <c r="AV10" s="280">
        <v>3</v>
      </c>
      <c r="AW10" s="277">
        <v>15</v>
      </c>
      <c r="AX10" s="279">
        <v>0</v>
      </c>
      <c r="AY10" s="280">
        <v>60</v>
      </c>
      <c r="AZ10" s="280">
        <v>51</v>
      </c>
      <c r="BA10" s="280">
        <v>48</v>
      </c>
      <c r="BB10" s="280">
        <v>38</v>
      </c>
      <c r="BC10" s="280">
        <v>26</v>
      </c>
      <c r="BD10" s="281">
        <v>223</v>
      </c>
      <c r="BE10" s="282">
        <v>238</v>
      </c>
      <c r="BF10" s="276">
        <v>0</v>
      </c>
      <c r="BG10" s="280">
        <v>0</v>
      </c>
      <c r="BH10" s="277">
        <v>0</v>
      </c>
      <c r="BI10" s="279">
        <v>0</v>
      </c>
      <c r="BJ10" s="280">
        <v>71</v>
      </c>
      <c r="BK10" s="280">
        <v>38</v>
      </c>
      <c r="BL10" s="280">
        <v>23</v>
      </c>
      <c r="BM10" s="280">
        <v>6</v>
      </c>
      <c r="BN10" s="280">
        <v>7</v>
      </c>
      <c r="BO10" s="277">
        <v>145</v>
      </c>
      <c r="BP10" s="282">
        <v>145</v>
      </c>
      <c r="BQ10" s="276">
        <v>3</v>
      </c>
      <c r="BR10" s="280">
        <v>3</v>
      </c>
      <c r="BS10" s="277">
        <v>6</v>
      </c>
      <c r="BT10" s="279">
        <v>0</v>
      </c>
      <c r="BU10" s="280">
        <v>22</v>
      </c>
      <c r="BV10" s="280">
        <v>8</v>
      </c>
      <c r="BW10" s="280">
        <v>8</v>
      </c>
      <c r="BX10" s="280">
        <v>2</v>
      </c>
      <c r="BY10" s="280">
        <v>2</v>
      </c>
      <c r="BZ10" s="277">
        <v>42</v>
      </c>
      <c r="CA10" s="282">
        <v>48</v>
      </c>
      <c r="CB10" s="276">
        <v>0</v>
      </c>
      <c r="CC10" s="280">
        <v>0</v>
      </c>
      <c r="CD10" s="277">
        <v>0</v>
      </c>
      <c r="CE10" s="279">
        <v>0</v>
      </c>
      <c r="CF10" s="280">
        <v>7</v>
      </c>
      <c r="CG10" s="280">
        <v>8</v>
      </c>
      <c r="CH10" s="280">
        <v>6</v>
      </c>
      <c r="CI10" s="280">
        <v>6</v>
      </c>
      <c r="CJ10" s="280">
        <v>3</v>
      </c>
      <c r="CK10" s="277">
        <v>30</v>
      </c>
      <c r="CL10" s="282">
        <v>30</v>
      </c>
      <c r="CM10" s="276">
        <v>0</v>
      </c>
      <c r="CN10" s="280">
        <v>0</v>
      </c>
      <c r="CO10" s="277">
        <v>0</v>
      </c>
      <c r="CP10" s="279">
        <v>0</v>
      </c>
      <c r="CQ10" s="280">
        <v>0</v>
      </c>
      <c r="CR10" s="280">
        <v>1</v>
      </c>
      <c r="CS10" s="280">
        <v>0</v>
      </c>
      <c r="CT10" s="280">
        <v>0</v>
      </c>
      <c r="CU10" s="280">
        <v>1</v>
      </c>
      <c r="CV10" s="277">
        <v>2</v>
      </c>
      <c r="CW10" s="282">
        <v>2</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19</v>
      </c>
      <c r="DU10" s="280">
        <v>22</v>
      </c>
      <c r="DV10" s="277">
        <v>41</v>
      </c>
      <c r="DW10" s="279">
        <v>0</v>
      </c>
      <c r="DX10" s="280">
        <v>78</v>
      </c>
      <c r="DY10" s="280">
        <v>95</v>
      </c>
      <c r="DZ10" s="280">
        <v>61</v>
      </c>
      <c r="EA10" s="280">
        <v>24</v>
      </c>
      <c r="EB10" s="280">
        <v>27</v>
      </c>
      <c r="EC10" s="277">
        <v>285</v>
      </c>
      <c r="ED10" s="282">
        <v>326</v>
      </c>
      <c r="EE10" s="276">
        <v>9</v>
      </c>
      <c r="EF10" s="280">
        <v>4</v>
      </c>
      <c r="EG10" s="277">
        <v>13</v>
      </c>
      <c r="EH10" s="279">
        <v>0</v>
      </c>
      <c r="EI10" s="280">
        <v>26</v>
      </c>
      <c r="EJ10" s="280">
        <v>22</v>
      </c>
      <c r="EK10" s="280">
        <v>22</v>
      </c>
      <c r="EL10" s="280">
        <v>20</v>
      </c>
      <c r="EM10" s="280">
        <v>8</v>
      </c>
      <c r="EN10" s="277">
        <v>98</v>
      </c>
      <c r="EO10" s="282">
        <v>111</v>
      </c>
      <c r="EP10" s="276">
        <v>21</v>
      </c>
      <c r="EQ10" s="280">
        <v>24</v>
      </c>
      <c r="ER10" s="277">
        <v>45</v>
      </c>
      <c r="ES10" s="279">
        <v>0</v>
      </c>
      <c r="ET10" s="280">
        <v>184</v>
      </c>
      <c r="EU10" s="280">
        <v>127</v>
      </c>
      <c r="EV10" s="280">
        <v>72</v>
      </c>
      <c r="EW10" s="280">
        <v>29</v>
      </c>
      <c r="EX10" s="280">
        <v>29</v>
      </c>
      <c r="EY10" s="277">
        <v>441</v>
      </c>
      <c r="EZ10" s="282">
        <v>486</v>
      </c>
    </row>
    <row r="11" spans="2:156" ht="21" customHeight="1" x14ac:dyDescent="0.2">
      <c r="B11" s="261" t="s">
        <v>8</v>
      </c>
      <c r="C11" s="276">
        <v>0</v>
      </c>
      <c r="D11" s="280">
        <v>0</v>
      </c>
      <c r="E11" s="384">
        <v>0</v>
      </c>
      <c r="F11" s="279">
        <v>0</v>
      </c>
      <c r="G11" s="280">
        <v>25</v>
      </c>
      <c r="H11" s="280">
        <v>26</v>
      </c>
      <c r="I11" s="280">
        <v>12</v>
      </c>
      <c r="J11" s="280">
        <v>9</v>
      </c>
      <c r="K11" s="280">
        <v>8</v>
      </c>
      <c r="L11" s="281">
        <v>80</v>
      </c>
      <c r="M11" s="282">
        <v>80</v>
      </c>
      <c r="N11" s="276">
        <v>0</v>
      </c>
      <c r="O11" s="280">
        <v>0</v>
      </c>
      <c r="P11" s="277">
        <v>0</v>
      </c>
      <c r="Q11" s="279">
        <v>0</v>
      </c>
      <c r="R11" s="280">
        <v>0</v>
      </c>
      <c r="S11" s="280">
        <v>0</v>
      </c>
      <c r="T11" s="280">
        <v>1</v>
      </c>
      <c r="U11" s="280">
        <v>5</v>
      </c>
      <c r="V11" s="280">
        <v>3</v>
      </c>
      <c r="W11" s="277">
        <v>9</v>
      </c>
      <c r="X11" s="282">
        <v>9</v>
      </c>
      <c r="Y11" s="276">
        <v>5</v>
      </c>
      <c r="Z11" s="280">
        <v>1</v>
      </c>
      <c r="AA11" s="277">
        <v>6</v>
      </c>
      <c r="AB11" s="279">
        <v>0</v>
      </c>
      <c r="AC11" s="280">
        <v>18</v>
      </c>
      <c r="AD11" s="280">
        <v>15</v>
      </c>
      <c r="AE11" s="280">
        <v>9</v>
      </c>
      <c r="AF11" s="280">
        <v>14</v>
      </c>
      <c r="AG11" s="280">
        <v>6</v>
      </c>
      <c r="AH11" s="277">
        <v>62</v>
      </c>
      <c r="AI11" s="282">
        <v>68</v>
      </c>
      <c r="AJ11" s="276">
        <v>1</v>
      </c>
      <c r="AK11" s="280">
        <v>1</v>
      </c>
      <c r="AL11" s="277">
        <v>2</v>
      </c>
      <c r="AM11" s="279">
        <v>0</v>
      </c>
      <c r="AN11" s="280">
        <v>2</v>
      </c>
      <c r="AO11" s="280">
        <v>4</v>
      </c>
      <c r="AP11" s="280">
        <v>2</v>
      </c>
      <c r="AQ11" s="280">
        <v>7</v>
      </c>
      <c r="AR11" s="280">
        <v>2</v>
      </c>
      <c r="AS11" s="277">
        <v>17</v>
      </c>
      <c r="AT11" s="282">
        <v>19</v>
      </c>
      <c r="AU11" s="276">
        <v>6</v>
      </c>
      <c r="AV11" s="280">
        <v>4</v>
      </c>
      <c r="AW11" s="277">
        <v>10</v>
      </c>
      <c r="AX11" s="279">
        <v>0</v>
      </c>
      <c r="AY11" s="280">
        <v>13</v>
      </c>
      <c r="AZ11" s="280">
        <v>24</v>
      </c>
      <c r="BA11" s="280">
        <v>12</v>
      </c>
      <c r="BB11" s="280">
        <v>30</v>
      </c>
      <c r="BC11" s="280">
        <v>17</v>
      </c>
      <c r="BD11" s="281">
        <v>96</v>
      </c>
      <c r="BE11" s="282">
        <v>106</v>
      </c>
      <c r="BF11" s="276">
        <v>0</v>
      </c>
      <c r="BG11" s="280">
        <v>0</v>
      </c>
      <c r="BH11" s="277">
        <v>0</v>
      </c>
      <c r="BI11" s="279">
        <v>0</v>
      </c>
      <c r="BJ11" s="280">
        <v>30</v>
      </c>
      <c r="BK11" s="280">
        <v>25</v>
      </c>
      <c r="BL11" s="280">
        <v>6</v>
      </c>
      <c r="BM11" s="280">
        <v>8</v>
      </c>
      <c r="BN11" s="280">
        <v>3</v>
      </c>
      <c r="BO11" s="277">
        <v>72</v>
      </c>
      <c r="BP11" s="282">
        <v>72</v>
      </c>
      <c r="BQ11" s="276">
        <v>1</v>
      </c>
      <c r="BR11" s="280">
        <v>4</v>
      </c>
      <c r="BS11" s="277">
        <v>5</v>
      </c>
      <c r="BT11" s="279">
        <v>0</v>
      </c>
      <c r="BU11" s="280">
        <v>11</v>
      </c>
      <c r="BV11" s="280">
        <v>12</v>
      </c>
      <c r="BW11" s="280">
        <v>6</v>
      </c>
      <c r="BX11" s="280">
        <v>3</v>
      </c>
      <c r="BY11" s="280">
        <v>1</v>
      </c>
      <c r="BZ11" s="277">
        <v>33</v>
      </c>
      <c r="CA11" s="282">
        <v>38</v>
      </c>
      <c r="CB11" s="276">
        <v>0</v>
      </c>
      <c r="CC11" s="280">
        <v>0</v>
      </c>
      <c r="CD11" s="277">
        <v>0</v>
      </c>
      <c r="CE11" s="279">
        <v>0</v>
      </c>
      <c r="CF11" s="280">
        <v>5</v>
      </c>
      <c r="CG11" s="280">
        <v>3</v>
      </c>
      <c r="CH11" s="280">
        <v>7</v>
      </c>
      <c r="CI11" s="280">
        <v>5</v>
      </c>
      <c r="CJ11" s="280">
        <v>0</v>
      </c>
      <c r="CK11" s="277">
        <v>20</v>
      </c>
      <c r="CL11" s="282">
        <v>2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0</v>
      </c>
      <c r="DU11" s="280">
        <v>15</v>
      </c>
      <c r="DV11" s="277">
        <v>25</v>
      </c>
      <c r="DW11" s="279">
        <v>0</v>
      </c>
      <c r="DX11" s="280">
        <v>43</v>
      </c>
      <c r="DY11" s="280">
        <v>58</v>
      </c>
      <c r="DZ11" s="280">
        <v>28</v>
      </c>
      <c r="EA11" s="280">
        <v>31</v>
      </c>
      <c r="EB11" s="280">
        <v>12</v>
      </c>
      <c r="EC11" s="277">
        <v>172</v>
      </c>
      <c r="ED11" s="282">
        <v>197</v>
      </c>
      <c r="EE11" s="276">
        <v>7</v>
      </c>
      <c r="EF11" s="280">
        <v>2</v>
      </c>
      <c r="EG11" s="277">
        <v>9</v>
      </c>
      <c r="EH11" s="279">
        <v>0</v>
      </c>
      <c r="EI11" s="280">
        <v>8</v>
      </c>
      <c r="EJ11" s="280">
        <v>11</v>
      </c>
      <c r="EK11" s="280">
        <v>7</v>
      </c>
      <c r="EL11" s="280">
        <v>8</v>
      </c>
      <c r="EM11" s="280">
        <v>9</v>
      </c>
      <c r="EN11" s="277">
        <v>43</v>
      </c>
      <c r="EO11" s="282">
        <v>52</v>
      </c>
      <c r="EP11" s="276">
        <v>16</v>
      </c>
      <c r="EQ11" s="280">
        <v>18</v>
      </c>
      <c r="ER11" s="277">
        <v>34</v>
      </c>
      <c r="ES11" s="279">
        <v>0</v>
      </c>
      <c r="ET11" s="280">
        <v>102</v>
      </c>
      <c r="EU11" s="280">
        <v>84</v>
      </c>
      <c r="EV11" s="280">
        <v>35</v>
      </c>
      <c r="EW11" s="280">
        <v>32</v>
      </c>
      <c r="EX11" s="280">
        <v>13</v>
      </c>
      <c r="EY11" s="277">
        <v>266</v>
      </c>
      <c r="EZ11" s="282">
        <v>300</v>
      </c>
    </row>
    <row r="12" spans="2:156" ht="21" customHeight="1" x14ac:dyDescent="0.2">
      <c r="B12" s="261" t="s">
        <v>9</v>
      </c>
      <c r="C12" s="276">
        <v>0</v>
      </c>
      <c r="D12" s="280">
        <v>0</v>
      </c>
      <c r="E12" s="384">
        <v>0</v>
      </c>
      <c r="F12" s="279">
        <v>0</v>
      </c>
      <c r="G12" s="280">
        <v>69</v>
      </c>
      <c r="H12" s="280">
        <v>46</v>
      </c>
      <c r="I12" s="280">
        <v>36</v>
      </c>
      <c r="J12" s="280">
        <v>34</v>
      </c>
      <c r="K12" s="280">
        <v>29</v>
      </c>
      <c r="L12" s="281">
        <v>214</v>
      </c>
      <c r="M12" s="282">
        <v>214</v>
      </c>
      <c r="N12" s="276">
        <v>0</v>
      </c>
      <c r="O12" s="280">
        <v>0</v>
      </c>
      <c r="P12" s="277">
        <v>0</v>
      </c>
      <c r="Q12" s="279">
        <v>0</v>
      </c>
      <c r="R12" s="280">
        <v>2</v>
      </c>
      <c r="S12" s="280">
        <v>2</v>
      </c>
      <c r="T12" s="280">
        <v>2</v>
      </c>
      <c r="U12" s="280">
        <v>6</v>
      </c>
      <c r="V12" s="280">
        <v>15</v>
      </c>
      <c r="W12" s="277">
        <v>27</v>
      </c>
      <c r="X12" s="282">
        <v>27</v>
      </c>
      <c r="Y12" s="276">
        <v>6</v>
      </c>
      <c r="Z12" s="280">
        <v>11</v>
      </c>
      <c r="AA12" s="277">
        <v>17</v>
      </c>
      <c r="AB12" s="279">
        <v>0</v>
      </c>
      <c r="AC12" s="280">
        <v>56</v>
      </c>
      <c r="AD12" s="280">
        <v>33</v>
      </c>
      <c r="AE12" s="280">
        <v>22</v>
      </c>
      <c r="AF12" s="280">
        <v>23</v>
      </c>
      <c r="AG12" s="280">
        <v>19</v>
      </c>
      <c r="AH12" s="277">
        <v>153</v>
      </c>
      <c r="AI12" s="282">
        <v>170</v>
      </c>
      <c r="AJ12" s="276">
        <v>0</v>
      </c>
      <c r="AK12" s="280">
        <v>2</v>
      </c>
      <c r="AL12" s="277">
        <v>2</v>
      </c>
      <c r="AM12" s="279">
        <v>0</v>
      </c>
      <c r="AN12" s="280">
        <v>7</v>
      </c>
      <c r="AO12" s="280">
        <v>7</v>
      </c>
      <c r="AP12" s="280">
        <v>4</v>
      </c>
      <c r="AQ12" s="280">
        <v>9</v>
      </c>
      <c r="AR12" s="280">
        <v>5</v>
      </c>
      <c r="AS12" s="277">
        <v>32</v>
      </c>
      <c r="AT12" s="282">
        <v>34</v>
      </c>
      <c r="AU12" s="276">
        <v>13</v>
      </c>
      <c r="AV12" s="280">
        <v>4</v>
      </c>
      <c r="AW12" s="277">
        <v>17</v>
      </c>
      <c r="AX12" s="279">
        <v>0</v>
      </c>
      <c r="AY12" s="280">
        <v>68</v>
      </c>
      <c r="AZ12" s="280">
        <v>61</v>
      </c>
      <c r="BA12" s="280">
        <v>57</v>
      </c>
      <c r="BB12" s="280">
        <v>64</v>
      </c>
      <c r="BC12" s="280">
        <v>42</v>
      </c>
      <c r="BD12" s="281">
        <v>292</v>
      </c>
      <c r="BE12" s="282">
        <v>309</v>
      </c>
      <c r="BF12" s="276">
        <v>0</v>
      </c>
      <c r="BG12" s="280">
        <v>0</v>
      </c>
      <c r="BH12" s="277">
        <v>0</v>
      </c>
      <c r="BI12" s="279">
        <v>0</v>
      </c>
      <c r="BJ12" s="280">
        <v>54</v>
      </c>
      <c r="BK12" s="280">
        <v>34</v>
      </c>
      <c r="BL12" s="280">
        <v>24</v>
      </c>
      <c r="BM12" s="280">
        <v>13</v>
      </c>
      <c r="BN12" s="280">
        <v>2</v>
      </c>
      <c r="BO12" s="277">
        <v>127</v>
      </c>
      <c r="BP12" s="282">
        <v>127</v>
      </c>
      <c r="BQ12" s="276">
        <v>2</v>
      </c>
      <c r="BR12" s="280">
        <v>7</v>
      </c>
      <c r="BS12" s="277">
        <v>9</v>
      </c>
      <c r="BT12" s="279">
        <v>0</v>
      </c>
      <c r="BU12" s="280">
        <v>13</v>
      </c>
      <c r="BV12" s="280">
        <v>14</v>
      </c>
      <c r="BW12" s="280">
        <v>9</v>
      </c>
      <c r="BX12" s="280">
        <v>10</v>
      </c>
      <c r="BY12" s="280">
        <v>0</v>
      </c>
      <c r="BZ12" s="277">
        <v>46</v>
      </c>
      <c r="CA12" s="282">
        <v>55</v>
      </c>
      <c r="CB12" s="276">
        <v>0</v>
      </c>
      <c r="CC12" s="280">
        <v>0</v>
      </c>
      <c r="CD12" s="277">
        <v>0</v>
      </c>
      <c r="CE12" s="279">
        <v>0</v>
      </c>
      <c r="CF12" s="280">
        <v>3</v>
      </c>
      <c r="CG12" s="280">
        <v>8</v>
      </c>
      <c r="CH12" s="280">
        <v>14</v>
      </c>
      <c r="CI12" s="280">
        <v>9</v>
      </c>
      <c r="CJ12" s="280">
        <v>5</v>
      </c>
      <c r="CK12" s="277">
        <v>39</v>
      </c>
      <c r="CL12" s="282">
        <v>39</v>
      </c>
      <c r="CM12" s="276">
        <v>0</v>
      </c>
      <c r="CN12" s="280">
        <v>0</v>
      </c>
      <c r="CO12" s="277">
        <v>0</v>
      </c>
      <c r="CP12" s="279">
        <v>0</v>
      </c>
      <c r="CQ12" s="280">
        <v>0</v>
      </c>
      <c r="CR12" s="280">
        <v>3</v>
      </c>
      <c r="CS12" s="280">
        <v>2</v>
      </c>
      <c r="CT12" s="280">
        <v>0</v>
      </c>
      <c r="CU12" s="280">
        <v>1</v>
      </c>
      <c r="CV12" s="277">
        <v>6</v>
      </c>
      <c r="CW12" s="282">
        <v>6</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6</v>
      </c>
      <c r="DU12" s="280">
        <v>34</v>
      </c>
      <c r="DV12" s="277">
        <v>60</v>
      </c>
      <c r="DW12" s="279">
        <v>0</v>
      </c>
      <c r="DX12" s="280">
        <v>99</v>
      </c>
      <c r="DY12" s="280">
        <v>101</v>
      </c>
      <c r="DZ12" s="280">
        <v>69</v>
      </c>
      <c r="EA12" s="280">
        <v>55</v>
      </c>
      <c r="EB12" s="280">
        <v>38</v>
      </c>
      <c r="EC12" s="277">
        <v>362</v>
      </c>
      <c r="ED12" s="282">
        <v>422</v>
      </c>
      <c r="EE12" s="276">
        <v>9</v>
      </c>
      <c r="EF12" s="280">
        <v>5</v>
      </c>
      <c r="EG12" s="277">
        <v>14</v>
      </c>
      <c r="EH12" s="279">
        <v>0</v>
      </c>
      <c r="EI12" s="280">
        <v>35</v>
      </c>
      <c r="EJ12" s="280">
        <v>23</v>
      </c>
      <c r="EK12" s="280">
        <v>15</v>
      </c>
      <c r="EL12" s="280">
        <v>26</v>
      </c>
      <c r="EM12" s="280">
        <v>14</v>
      </c>
      <c r="EN12" s="277">
        <v>113</v>
      </c>
      <c r="EO12" s="282">
        <v>127</v>
      </c>
      <c r="EP12" s="276">
        <v>33</v>
      </c>
      <c r="EQ12" s="280">
        <v>46</v>
      </c>
      <c r="ER12" s="277">
        <v>79</v>
      </c>
      <c r="ES12" s="279">
        <v>0</v>
      </c>
      <c r="ET12" s="280">
        <v>184</v>
      </c>
      <c r="EU12" s="280">
        <v>128</v>
      </c>
      <c r="EV12" s="280">
        <v>83</v>
      </c>
      <c r="EW12" s="280">
        <v>59</v>
      </c>
      <c r="EX12" s="280">
        <v>39</v>
      </c>
      <c r="EY12" s="277">
        <v>493</v>
      </c>
      <c r="EZ12" s="282">
        <v>572</v>
      </c>
    </row>
    <row r="13" spans="2:156" ht="21" customHeight="1" x14ac:dyDescent="0.2">
      <c r="B13" s="261" t="s">
        <v>10</v>
      </c>
      <c r="C13" s="276">
        <v>0</v>
      </c>
      <c r="D13" s="280">
        <v>0</v>
      </c>
      <c r="E13" s="384">
        <v>0</v>
      </c>
      <c r="F13" s="279">
        <v>0</v>
      </c>
      <c r="G13" s="280">
        <v>93</v>
      </c>
      <c r="H13" s="280">
        <v>52</v>
      </c>
      <c r="I13" s="280">
        <v>38</v>
      </c>
      <c r="J13" s="280">
        <v>28</v>
      </c>
      <c r="K13" s="280">
        <v>24</v>
      </c>
      <c r="L13" s="281">
        <v>235</v>
      </c>
      <c r="M13" s="282">
        <v>235</v>
      </c>
      <c r="N13" s="276">
        <v>0</v>
      </c>
      <c r="O13" s="280">
        <v>0</v>
      </c>
      <c r="P13" s="277">
        <v>0</v>
      </c>
      <c r="Q13" s="279">
        <v>0</v>
      </c>
      <c r="R13" s="280">
        <v>1</v>
      </c>
      <c r="S13" s="280">
        <v>3</v>
      </c>
      <c r="T13" s="280">
        <v>2</v>
      </c>
      <c r="U13" s="280">
        <v>1</v>
      </c>
      <c r="V13" s="280">
        <v>5</v>
      </c>
      <c r="W13" s="277">
        <v>12</v>
      </c>
      <c r="X13" s="282">
        <v>12</v>
      </c>
      <c r="Y13" s="276">
        <v>17</v>
      </c>
      <c r="Z13" s="280">
        <v>21</v>
      </c>
      <c r="AA13" s="277">
        <v>38</v>
      </c>
      <c r="AB13" s="279">
        <v>0</v>
      </c>
      <c r="AC13" s="280">
        <v>54</v>
      </c>
      <c r="AD13" s="280">
        <v>39</v>
      </c>
      <c r="AE13" s="280">
        <v>28</v>
      </c>
      <c r="AF13" s="280">
        <v>11</v>
      </c>
      <c r="AG13" s="280">
        <v>18</v>
      </c>
      <c r="AH13" s="277">
        <v>150</v>
      </c>
      <c r="AI13" s="282">
        <v>188</v>
      </c>
      <c r="AJ13" s="276">
        <v>1</v>
      </c>
      <c r="AK13" s="280">
        <v>4</v>
      </c>
      <c r="AL13" s="277">
        <v>5</v>
      </c>
      <c r="AM13" s="279">
        <v>0</v>
      </c>
      <c r="AN13" s="280">
        <v>8</v>
      </c>
      <c r="AO13" s="280">
        <v>10</v>
      </c>
      <c r="AP13" s="280">
        <v>8</v>
      </c>
      <c r="AQ13" s="280">
        <v>4</v>
      </c>
      <c r="AR13" s="280">
        <v>3</v>
      </c>
      <c r="AS13" s="277">
        <v>33</v>
      </c>
      <c r="AT13" s="282">
        <v>38</v>
      </c>
      <c r="AU13" s="276">
        <v>24</v>
      </c>
      <c r="AV13" s="280">
        <v>20</v>
      </c>
      <c r="AW13" s="277">
        <v>44</v>
      </c>
      <c r="AX13" s="279">
        <v>0</v>
      </c>
      <c r="AY13" s="280">
        <v>93</v>
      </c>
      <c r="AZ13" s="280">
        <v>75</v>
      </c>
      <c r="BA13" s="280">
        <v>75</v>
      </c>
      <c r="BB13" s="280">
        <v>76</v>
      </c>
      <c r="BC13" s="280">
        <v>63</v>
      </c>
      <c r="BD13" s="281">
        <v>382</v>
      </c>
      <c r="BE13" s="282">
        <v>426</v>
      </c>
      <c r="BF13" s="276">
        <v>0</v>
      </c>
      <c r="BG13" s="280">
        <v>0</v>
      </c>
      <c r="BH13" s="277">
        <v>0</v>
      </c>
      <c r="BI13" s="279">
        <v>0</v>
      </c>
      <c r="BJ13" s="280">
        <v>112</v>
      </c>
      <c r="BK13" s="280">
        <v>68</v>
      </c>
      <c r="BL13" s="280">
        <v>32</v>
      </c>
      <c r="BM13" s="280">
        <v>11</v>
      </c>
      <c r="BN13" s="280">
        <v>6</v>
      </c>
      <c r="BO13" s="277">
        <v>229</v>
      </c>
      <c r="BP13" s="282">
        <v>229</v>
      </c>
      <c r="BQ13" s="276">
        <v>5</v>
      </c>
      <c r="BR13" s="280">
        <v>5</v>
      </c>
      <c r="BS13" s="277">
        <v>10</v>
      </c>
      <c r="BT13" s="279">
        <v>0</v>
      </c>
      <c r="BU13" s="280">
        <v>24</v>
      </c>
      <c r="BV13" s="280">
        <v>11</v>
      </c>
      <c r="BW13" s="280">
        <v>8</v>
      </c>
      <c r="BX13" s="280">
        <v>4</v>
      </c>
      <c r="BY13" s="280">
        <v>0</v>
      </c>
      <c r="BZ13" s="277">
        <v>47</v>
      </c>
      <c r="CA13" s="282">
        <v>57</v>
      </c>
      <c r="CB13" s="276">
        <v>0</v>
      </c>
      <c r="CC13" s="280">
        <v>1</v>
      </c>
      <c r="CD13" s="277">
        <v>1</v>
      </c>
      <c r="CE13" s="279">
        <v>0</v>
      </c>
      <c r="CF13" s="280">
        <v>12</v>
      </c>
      <c r="CG13" s="280">
        <v>6</v>
      </c>
      <c r="CH13" s="280">
        <v>17</v>
      </c>
      <c r="CI13" s="280">
        <v>6</v>
      </c>
      <c r="CJ13" s="280">
        <v>4</v>
      </c>
      <c r="CK13" s="277">
        <v>45</v>
      </c>
      <c r="CL13" s="282">
        <v>46</v>
      </c>
      <c r="CM13" s="276">
        <v>0</v>
      </c>
      <c r="CN13" s="280">
        <v>1</v>
      </c>
      <c r="CO13" s="277">
        <v>1</v>
      </c>
      <c r="CP13" s="279">
        <v>0</v>
      </c>
      <c r="CQ13" s="280">
        <v>0</v>
      </c>
      <c r="CR13" s="280">
        <v>2</v>
      </c>
      <c r="CS13" s="280">
        <v>0</v>
      </c>
      <c r="CT13" s="280">
        <v>1</v>
      </c>
      <c r="CU13" s="280">
        <v>0</v>
      </c>
      <c r="CV13" s="277">
        <v>3</v>
      </c>
      <c r="CW13" s="282">
        <v>4</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50</v>
      </c>
      <c r="DU13" s="280">
        <v>86</v>
      </c>
      <c r="DV13" s="277">
        <v>136</v>
      </c>
      <c r="DW13" s="279">
        <v>0</v>
      </c>
      <c r="DX13" s="280">
        <v>131</v>
      </c>
      <c r="DY13" s="280">
        <v>112</v>
      </c>
      <c r="DZ13" s="280">
        <v>79</v>
      </c>
      <c r="EA13" s="280">
        <v>46</v>
      </c>
      <c r="EB13" s="280">
        <v>34</v>
      </c>
      <c r="EC13" s="277">
        <v>402</v>
      </c>
      <c r="ED13" s="282">
        <v>538</v>
      </c>
      <c r="EE13" s="276">
        <v>9</v>
      </c>
      <c r="EF13" s="280">
        <v>5</v>
      </c>
      <c r="EG13" s="277">
        <v>14</v>
      </c>
      <c r="EH13" s="279">
        <v>0</v>
      </c>
      <c r="EI13" s="280">
        <v>30</v>
      </c>
      <c r="EJ13" s="280">
        <v>27</v>
      </c>
      <c r="EK13" s="280">
        <v>22</v>
      </c>
      <c r="EL13" s="280">
        <v>27</v>
      </c>
      <c r="EM13" s="280">
        <v>21</v>
      </c>
      <c r="EN13" s="277">
        <v>127</v>
      </c>
      <c r="EO13" s="282">
        <v>141</v>
      </c>
      <c r="EP13" s="276">
        <v>67</v>
      </c>
      <c r="EQ13" s="280">
        <v>97</v>
      </c>
      <c r="ER13" s="277">
        <v>164</v>
      </c>
      <c r="ES13" s="279">
        <v>0</v>
      </c>
      <c r="ET13" s="280">
        <v>246</v>
      </c>
      <c r="EU13" s="280">
        <v>148</v>
      </c>
      <c r="EV13" s="280">
        <v>88</v>
      </c>
      <c r="EW13" s="280">
        <v>48</v>
      </c>
      <c r="EX13" s="280">
        <v>32</v>
      </c>
      <c r="EY13" s="277">
        <v>562</v>
      </c>
      <c r="EZ13" s="282">
        <v>726</v>
      </c>
    </row>
    <row r="14" spans="2:156" ht="21" customHeight="1" x14ac:dyDescent="0.2">
      <c r="B14" s="261" t="s">
        <v>11</v>
      </c>
      <c r="C14" s="276">
        <v>0</v>
      </c>
      <c r="D14" s="280">
        <v>0</v>
      </c>
      <c r="E14" s="384">
        <v>0</v>
      </c>
      <c r="F14" s="279">
        <v>0</v>
      </c>
      <c r="G14" s="280">
        <v>14</v>
      </c>
      <c r="H14" s="280">
        <v>9</v>
      </c>
      <c r="I14" s="280">
        <v>10</v>
      </c>
      <c r="J14" s="280">
        <v>7</v>
      </c>
      <c r="K14" s="280">
        <v>6</v>
      </c>
      <c r="L14" s="281">
        <v>46</v>
      </c>
      <c r="M14" s="282">
        <v>46</v>
      </c>
      <c r="N14" s="276">
        <v>0</v>
      </c>
      <c r="O14" s="280">
        <v>0</v>
      </c>
      <c r="P14" s="277">
        <v>0</v>
      </c>
      <c r="Q14" s="279">
        <v>0</v>
      </c>
      <c r="R14" s="280">
        <v>0</v>
      </c>
      <c r="S14" s="280">
        <v>0</v>
      </c>
      <c r="T14" s="280">
        <v>1</v>
      </c>
      <c r="U14" s="280">
        <v>2</v>
      </c>
      <c r="V14" s="280">
        <v>4</v>
      </c>
      <c r="W14" s="277">
        <v>7</v>
      </c>
      <c r="X14" s="282">
        <v>7</v>
      </c>
      <c r="Y14" s="276">
        <v>2</v>
      </c>
      <c r="Z14" s="280">
        <v>4</v>
      </c>
      <c r="AA14" s="277">
        <v>6</v>
      </c>
      <c r="AB14" s="279">
        <v>0</v>
      </c>
      <c r="AC14" s="280">
        <v>17</v>
      </c>
      <c r="AD14" s="280">
        <v>12</v>
      </c>
      <c r="AE14" s="280">
        <v>9</v>
      </c>
      <c r="AF14" s="280">
        <v>11</v>
      </c>
      <c r="AG14" s="280">
        <v>6</v>
      </c>
      <c r="AH14" s="277">
        <v>55</v>
      </c>
      <c r="AI14" s="282">
        <v>61</v>
      </c>
      <c r="AJ14" s="276">
        <v>0</v>
      </c>
      <c r="AK14" s="280">
        <v>1</v>
      </c>
      <c r="AL14" s="277">
        <v>1</v>
      </c>
      <c r="AM14" s="279">
        <v>0</v>
      </c>
      <c r="AN14" s="280">
        <v>4</v>
      </c>
      <c r="AO14" s="280">
        <v>1</v>
      </c>
      <c r="AP14" s="280">
        <v>0</v>
      </c>
      <c r="AQ14" s="280">
        <v>0</v>
      </c>
      <c r="AR14" s="280">
        <v>1</v>
      </c>
      <c r="AS14" s="277">
        <v>6</v>
      </c>
      <c r="AT14" s="282">
        <v>7</v>
      </c>
      <c r="AU14" s="276">
        <v>7</v>
      </c>
      <c r="AV14" s="280">
        <v>0</v>
      </c>
      <c r="AW14" s="277">
        <v>7</v>
      </c>
      <c r="AX14" s="279">
        <v>0</v>
      </c>
      <c r="AY14" s="280">
        <v>22</v>
      </c>
      <c r="AZ14" s="280">
        <v>18</v>
      </c>
      <c r="BA14" s="280">
        <v>21</v>
      </c>
      <c r="BB14" s="280">
        <v>27</v>
      </c>
      <c r="BC14" s="280">
        <v>16</v>
      </c>
      <c r="BD14" s="281">
        <v>104</v>
      </c>
      <c r="BE14" s="282">
        <v>111</v>
      </c>
      <c r="BF14" s="276">
        <v>0</v>
      </c>
      <c r="BG14" s="280">
        <v>0</v>
      </c>
      <c r="BH14" s="277">
        <v>0</v>
      </c>
      <c r="BI14" s="279">
        <v>0</v>
      </c>
      <c r="BJ14" s="280">
        <v>19</v>
      </c>
      <c r="BK14" s="280">
        <v>14</v>
      </c>
      <c r="BL14" s="280">
        <v>11</v>
      </c>
      <c r="BM14" s="280">
        <v>9</v>
      </c>
      <c r="BN14" s="280">
        <v>3</v>
      </c>
      <c r="BO14" s="277">
        <v>56</v>
      </c>
      <c r="BP14" s="282">
        <v>56</v>
      </c>
      <c r="BQ14" s="276">
        <v>3</v>
      </c>
      <c r="BR14" s="280">
        <v>5</v>
      </c>
      <c r="BS14" s="277">
        <v>8</v>
      </c>
      <c r="BT14" s="279">
        <v>0</v>
      </c>
      <c r="BU14" s="280">
        <v>10</v>
      </c>
      <c r="BV14" s="280">
        <v>6</v>
      </c>
      <c r="BW14" s="280">
        <v>5</v>
      </c>
      <c r="BX14" s="280">
        <v>3</v>
      </c>
      <c r="BY14" s="280">
        <v>1</v>
      </c>
      <c r="BZ14" s="277">
        <v>25</v>
      </c>
      <c r="CA14" s="282">
        <v>33</v>
      </c>
      <c r="CB14" s="276">
        <v>0</v>
      </c>
      <c r="CC14" s="280">
        <v>0</v>
      </c>
      <c r="CD14" s="277">
        <v>0</v>
      </c>
      <c r="CE14" s="279">
        <v>0</v>
      </c>
      <c r="CF14" s="280">
        <v>2</v>
      </c>
      <c r="CG14" s="280">
        <v>4</v>
      </c>
      <c r="CH14" s="280">
        <v>5</v>
      </c>
      <c r="CI14" s="280">
        <v>4</v>
      </c>
      <c r="CJ14" s="280">
        <v>2</v>
      </c>
      <c r="CK14" s="277">
        <v>17</v>
      </c>
      <c r="CL14" s="282">
        <v>17</v>
      </c>
      <c r="CM14" s="276">
        <v>0</v>
      </c>
      <c r="CN14" s="280">
        <v>0</v>
      </c>
      <c r="CO14" s="277">
        <v>0</v>
      </c>
      <c r="CP14" s="279">
        <v>0</v>
      </c>
      <c r="CQ14" s="280">
        <v>0</v>
      </c>
      <c r="CR14" s="280">
        <v>0</v>
      </c>
      <c r="CS14" s="280">
        <v>2</v>
      </c>
      <c r="CT14" s="280">
        <v>1</v>
      </c>
      <c r="CU14" s="280">
        <v>2</v>
      </c>
      <c r="CV14" s="277">
        <v>5</v>
      </c>
      <c r="CW14" s="282">
        <v>5</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2</v>
      </c>
      <c r="DU14" s="280">
        <v>17</v>
      </c>
      <c r="DV14" s="277">
        <v>29</v>
      </c>
      <c r="DW14" s="279">
        <v>0</v>
      </c>
      <c r="DX14" s="280">
        <v>41</v>
      </c>
      <c r="DY14" s="280">
        <v>33</v>
      </c>
      <c r="DZ14" s="280">
        <v>31</v>
      </c>
      <c r="EA14" s="280">
        <v>18</v>
      </c>
      <c r="EB14" s="280">
        <v>10</v>
      </c>
      <c r="EC14" s="277">
        <v>133</v>
      </c>
      <c r="ED14" s="282">
        <v>162</v>
      </c>
      <c r="EE14" s="276">
        <v>2</v>
      </c>
      <c r="EF14" s="280">
        <v>3</v>
      </c>
      <c r="EG14" s="277">
        <v>5</v>
      </c>
      <c r="EH14" s="279">
        <v>0</v>
      </c>
      <c r="EI14" s="280">
        <v>22</v>
      </c>
      <c r="EJ14" s="280">
        <v>7</v>
      </c>
      <c r="EK14" s="280">
        <v>15</v>
      </c>
      <c r="EL14" s="280">
        <v>18</v>
      </c>
      <c r="EM14" s="280">
        <v>11</v>
      </c>
      <c r="EN14" s="277">
        <v>73</v>
      </c>
      <c r="EO14" s="282">
        <v>78</v>
      </c>
      <c r="EP14" s="276">
        <v>17</v>
      </c>
      <c r="EQ14" s="280">
        <v>22</v>
      </c>
      <c r="ER14" s="277">
        <v>39</v>
      </c>
      <c r="ES14" s="279">
        <v>0</v>
      </c>
      <c r="ET14" s="280">
        <v>85</v>
      </c>
      <c r="EU14" s="280">
        <v>42</v>
      </c>
      <c r="EV14" s="280">
        <v>33</v>
      </c>
      <c r="EW14" s="280">
        <v>21</v>
      </c>
      <c r="EX14" s="280">
        <v>11</v>
      </c>
      <c r="EY14" s="277">
        <v>192</v>
      </c>
      <c r="EZ14" s="282">
        <v>231</v>
      </c>
    </row>
    <row r="15" spans="2:156" ht="21" customHeight="1" x14ac:dyDescent="0.2">
      <c r="B15" s="261" t="s">
        <v>12</v>
      </c>
      <c r="C15" s="276">
        <v>0</v>
      </c>
      <c r="D15" s="280">
        <v>0</v>
      </c>
      <c r="E15" s="384">
        <v>0</v>
      </c>
      <c r="F15" s="279">
        <v>0</v>
      </c>
      <c r="G15" s="280">
        <v>40</v>
      </c>
      <c r="H15" s="280">
        <v>19</v>
      </c>
      <c r="I15" s="280">
        <v>28</v>
      </c>
      <c r="J15" s="280">
        <v>15</v>
      </c>
      <c r="K15" s="280">
        <v>12</v>
      </c>
      <c r="L15" s="281">
        <v>114</v>
      </c>
      <c r="M15" s="282">
        <v>114</v>
      </c>
      <c r="N15" s="276">
        <v>0</v>
      </c>
      <c r="O15" s="280">
        <v>0</v>
      </c>
      <c r="P15" s="277">
        <v>0</v>
      </c>
      <c r="Q15" s="279">
        <v>0</v>
      </c>
      <c r="R15" s="280">
        <v>0</v>
      </c>
      <c r="S15" s="280">
        <v>1</v>
      </c>
      <c r="T15" s="280">
        <v>0</v>
      </c>
      <c r="U15" s="280">
        <v>3</v>
      </c>
      <c r="V15" s="280">
        <v>10</v>
      </c>
      <c r="W15" s="277">
        <v>14</v>
      </c>
      <c r="X15" s="282">
        <v>14</v>
      </c>
      <c r="Y15" s="276">
        <v>8</v>
      </c>
      <c r="Z15" s="280">
        <v>9</v>
      </c>
      <c r="AA15" s="277">
        <v>17</v>
      </c>
      <c r="AB15" s="279">
        <v>0</v>
      </c>
      <c r="AC15" s="280">
        <v>14</v>
      </c>
      <c r="AD15" s="280">
        <v>22</v>
      </c>
      <c r="AE15" s="280">
        <v>22</v>
      </c>
      <c r="AF15" s="280">
        <v>13</v>
      </c>
      <c r="AG15" s="280">
        <v>9</v>
      </c>
      <c r="AH15" s="277">
        <v>80</v>
      </c>
      <c r="AI15" s="282">
        <v>97</v>
      </c>
      <c r="AJ15" s="276">
        <v>0</v>
      </c>
      <c r="AK15" s="280">
        <v>1</v>
      </c>
      <c r="AL15" s="277">
        <v>1</v>
      </c>
      <c r="AM15" s="279">
        <v>0</v>
      </c>
      <c r="AN15" s="280">
        <v>4</v>
      </c>
      <c r="AO15" s="280">
        <v>1</v>
      </c>
      <c r="AP15" s="280">
        <v>0</v>
      </c>
      <c r="AQ15" s="280">
        <v>0</v>
      </c>
      <c r="AR15" s="280">
        <v>0</v>
      </c>
      <c r="AS15" s="277">
        <v>5</v>
      </c>
      <c r="AT15" s="282">
        <v>6</v>
      </c>
      <c r="AU15" s="276">
        <v>11</v>
      </c>
      <c r="AV15" s="280">
        <v>10</v>
      </c>
      <c r="AW15" s="277">
        <v>21</v>
      </c>
      <c r="AX15" s="279">
        <v>0</v>
      </c>
      <c r="AY15" s="280">
        <v>22</v>
      </c>
      <c r="AZ15" s="280">
        <v>18</v>
      </c>
      <c r="BA15" s="280">
        <v>24</v>
      </c>
      <c r="BB15" s="280">
        <v>36</v>
      </c>
      <c r="BC15" s="280">
        <v>18</v>
      </c>
      <c r="BD15" s="281">
        <v>118</v>
      </c>
      <c r="BE15" s="282">
        <v>139</v>
      </c>
      <c r="BF15" s="276">
        <v>0</v>
      </c>
      <c r="BG15" s="280">
        <v>0</v>
      </c>
      <c r="BH15" s="277">
        <v>0</v>
      </c>
      <c r="BI15" s="279">
        <v>0</v>
      </c>
      <c r="BJ15" s="280">
        <v>38</v>
      </c>
      <c r="BK15" s="280">
        <v>21</v>
      </c>
      <c r="BL15" s="280">
        <v>12</v>
      </c>
      <c r="BM15" s="280">
        <v>13</v>
      </c>
      <c r="BN15" s="280">
        <v>4</v>
      </c>
      <c r="BO15" s="277">
        <v>88</v>
      </c>
      <c r="BP15" s="282">
        <v>88</v>
      </c>
      <c r="BQ15" s="276">
        <v>13</v>
      </c>
      <c r="BR15" s="280">
        <v>9</v>
      </c>
      <c r="BS15" s="277">
        <v>22</v>
      </c>
      <c r="BT15" s="279">
        <v>0</v>
      </c>
      <c r="BU15" s="280">
        <v>11</v>
      </c>
      <c r="BV15" s="280">
        <v>11</v>
      </c>
      <c r="BW15" s="280">
        <v>10</v>
      </c>
      <c r="BX15" s="280">
        <v>6</v>
      </c>
      <c r="BY15" s="280">
        <v>0</v>
      </c>
      <c r="BZ15" s="277">
        <v>38</v>
      </c>
      <c r="CA15" s="282">
        <v>60</v>
      </c>
      <c r="CB15" s="276">
        <v>0</v>
      </c>
      <c r="CC15" s="280">
        <v>1</v>
      </c>
      <c r="CD15" s="277">
        <v>1</v>
      </c>
      <c r="CE15" s="279">
        <v>0</v>
      </c>
      <c r="CF15" s="280">
        <v>6</v>
      </c>
      <c r="CG15" s="280">
        <v>3</v>
      </c>
      <c r="CH15" s="280">
        <v>13</v>
      </c>
      <c r="CI15" s="280">
        <v>8</v>
      </c>
      <c r="CJ15" s="280">
        <v>3</v>
      </c>
      <c r="CK15" s="277">
        <v>33</v>
      </c>
      <c r="CL15" s="282">
        <v>34</v>
      </c>
      <c r="CM15" s="276">
        <v>0</v>
      </c>
      <c r="CN15" s="280">
        <v>0</v>
      </c>
      <c r="CO15" s="277">
        <v>0</v>
      </c>
      <c r="CP15" s="279">
        <v>0</v>
      </c>
      <c r="CQ15" s="280">
        <v>0</v>
      </c>
      <c r="CR15" s="280">
        <v>0</v>
      </c>
      <c r="CS15" s="280">
        <v>0</v>
      </c>
      <c r="CT15" s="280">
        <v>0</v>
      </c>
      <c r="CU15" s="280">
        <v>1</v>
      </c>
      <c r="CV15" s="277">
        <v>1</v>
      </c>
      <c r="CW15" s="282">
        <v>1</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6</v>
      </c>
      <c r="DU15" s="280">
        <v>47</v>
      </c>
      <c r="DV15" s="277">
        <v>73</v>
      </c>
      <c r="DW15" s="279">
        <v>0</v>
      </c>
      <c r="DX15" s="280">
        <v>34</v>
      </c>
      <c r="DY15" s="280">
        <v>48</v>
      </c>
      <c r="DZ15" s="280">
        <v>48</v>
      </c>
      <c r="EA15" s="280">
        <v>49</v>
      </c>
      <c r="EB15" s="280">
        <v>17</v>
      </c>
      <c r="EC15" s="277">
        <v>196</v>
      </c>
      <c r="ED15" s="282">
        <v>269</v>
      </c>
      <c r="EE15" s="276">
        <v>8</v>
      </c>
      <c r="EF15" s="280">
        <v>6</v>
      </c>
      <c r="EG15" s="277">
        <v>14</v>
      </c>
      <c r="EH15" s="279">
        <v>0</v>
      </c>
      <c r="EI15" s="280">
        <v>7</v>
      </c>
      <c r="EJ15" s="280">
        <v>8</v>
      </c>
      <c r="EK15" s="280">
        <v>6</v>
      </c>
      <c r="EL15" s="280">
        <v>11</v>
      </c>
      <c r="EM15" s="280">
        <v>6</v>
      </c>
      <c r="EN15" s="277">
        <v>38</v>
      </c>
      <c r="EO15" s="282">
        <v>52</v>
      </c>
      <c r="EP15" s="276">
        <v>44</v>
      </c>
      <c r="EQ15" s="280">
        <v>55</v>
      </c>
      <c r="ER15" s="277">
        <v>99</v>
      </c>
      <c r="ES15" s="279">
        <v>0</v>
      </c>
      <c r="ET15" s="280">
        <v>94</v>
      </c>
      <c r="EU15" s="280">
        <v>66</v>
      </c>
      <c r="EV15" s="280">
        <v>56</v>
      </c>
      <c r="EW15" s="280">
        <v>44</v>
      </c>
      <c r="EX15" s="280">
        <v>17</v>
      </c>
      <c r="EY15" s="277">
        <v>277</v>
      </c>
      <c r="EZ15" s="282">
        <v>376</v>
      </c>
    </row>
    <row r="16" spans="2:156" ht="21" customHeight="1" x14ac:dyDescent="0.2">
      <c r="B16" s="261" t="s">
        <v>13</v>
      </c>
      <c r="C16" s="276">
        <v>0</v>
      </c>
      <c r="D16" s="280">
        <v>0</v>
      </c>
      <c r="E16" s="384">
        <v>0</v>
      </c>
      <c r="F16" s="279">
        <v>0</v>
      </c>
      <c r="G16" s="280">
        <v>16</v>
      </c>
      <c r="H16" s="280">
        <v>20</v>
      </c>
      <c r="I16" s="280">
        <v>17</v>
      </c>
      <c r="J16" s="280">
        <v>11</v>
      </c>
      <c r="K16" s="280">
        <v>12</v>
      </c>
      <c r="L16" s="281">
        <v>76</v>
      </c>
      <c r="M16" s="282">
        <v>76</v>
      </c>
      <c r="N16" s="276">
        <v>0</v>
      </c>
      <c r="O16" s="280">
        <v>0</v>
      </c>
      <c r="P16" s="277">
        <v>0</v>
      </c>
      <c r="Q16" s="279">
        <v>0</v>
      </c>
      <c r="R16" s="280">
        <v>0</v>
      </c>
      <c r="S16" s="280">
        <v>0</v>
      </c>
      <c r="T16" s="280">
        <v>1</v>
      </c>
      <c r="U16" s="280">
        <v>1</v>
      </c>
      <c r="V16" s="280">
        <v>2</v>
      </c>
      <c r="W16" s="277">
        <v>4</v>
      </c>
      <c r="X16" s="282">
        <v>4</v>
      </c>
      <c r="Y16" s="276">
        <v>0</v>
      </c>
      <c r="Z16" s="280">
        <v>3</v>
      </c>
      <c r="AA16" s="277">
        <v>3</v>
      </c>
      <c r="AB16" s="279">
        <v>0</v>
      </c>
      <c r="AC16" s="280">
        <v>14</v>
      </c>
      <c r="AD16" s="280">
        <v>10</v>
      </c>
      <c r="AE16" s="280">
        <v>10</v>
      </c>
      <c r="AF16" s="280">
        <v>9</v>
      </c>
      <c r="AG16" s="280">
        <v>8</v>
      </c>
      <c r="AH16" s="277">
        <v>51</v>
      </c>
      <c r="AI16" s="282">
        <v>54</v>
      </c>
      <c r="AJ16" s="276">
        <v>0</v>
      </c>
      <c r="AK16" s="280">
        <v>0</v>
      </c>
      <c r="AL16" s="277">
        <v>0</v>
      </c>
      <c r="AM16" s="279">
        <v>0</v>
      </c>
      <c r="AN16" s="280">
        <v>2</v>
      </c>
      <c r="AO16" s="280">
        <v>5</v>
      </c>
      <c r="AP16" s="280">
        <v>0</v>
      </c>
      <c r="AQ16" s="280">
        <v>1</v>
      </c>
      <c r="AR16" s="280">
        <v>2</v>
      </c>
      <c r="AS16" s="277">
        <v>10</v>
      </c>
      <c r="AT16" s="282">
        <v>10</v>
      </c>
      <c r="AU16" s="276">
        <v>7</v>
      </c>
      <c r="AV16" s="280">
        <v>8</v>
      </c>
      <c r="AW16" s="277">
        <v>15</v>
      </c>
      <c r="AX16" s="279">
        <v>0</v>
      </c>
      <c r="AY16" s="280">
        <v>18</v>
      </c>
      <c r="AZ16" s="280">
        <v>21</v>
      </c>
      <c r="BA16" s="280">
        <v>18</v>
      </c>
      <c r="BB16" s="280">
        <v>16</v>
      </c>
      <c r="BC16" s="280">
        <v>19</v>
      </c>
      <c r="BD16" s="281">
        <v>92</v>
      </c>
      <c r="BE16" s="282">
        <v>107</v>
      </c>
      <c r="BF16" s="276">
        <v>0</v>
      </c>
      <c r="BG16" s="280">
        <v>0</v>
      </c>
      <c r="BH16" s="277">
        <v>0</v>
      </c>
      <c r="BI16" s="279">
        <v>0</v>
      </c>
      <c r="BJ16" s="280">
        <v>15</v>
      </c>
      <c r="BK16" s="280">
        <v>16</v>
      </c>
      <c r="BL16" s="280">
        <v>11</v>
      </c>
      <c r="BM16" s="280">
        <v>4</v>
      </c>
      <c r="BN16" s="280">
        <v>1</v>
      </c>
      <c r="BO16" s="277">
        <v>47</v>
      </c>
      <c r="BP16" s="282">
        <v>47</v>
      </c>
      <c r="BQ16" s="276">
        <v>0</v>
      </c>
      <c r="BR16" s="280">
        <v>1</v>
      </c>
      <c r="BS16" s="277">
        <v>1</v>
      </c>
      <c r="BT16" s="279">
        <v>0</v>
      </c>
      <c r="BU16" s="280">
        <v>0</v>
      </c>
      <c r="BV16" s="280">
        <v>3</v>
      </c>
      <c r="BW16" s="280">
        <v>5</v>
      </c>
      <c r="BX16" s="280">
        <v>2</v>
      </c>
      <c r="BY16" s="280">
        <v>0</v>
      </c>
      <c r="BZ16" s="277">
        <v>10</v>
      </c>
      <c r="CA16" s="282">
        <v>11</v>
      </c>
      <c r="CB16" s="276">
        <v>0</v>
      </c>
      <c r="CC16" s="280">
        <v>1</v>
      </c>
      <c r="CD16" s="277">
        <v>1</v>
      </c>
      <c r="CE16" s="279">
        <v>0</v>
      </c>
      <c r="CF16" s="280">
        <v>2</v>
      </c>
      <c r="CG16" s="280">
        <v>2</v>
      </c>
      <c r="CH16" s="280">
        <v>3</v>
      </c>
      <c r="CI16" s="280">
        <v>1</v>
      </c>
      <c r="CJ16" s="280">
        <v>3</v>
      </c>
      <c r="CK16" s="277">
        <v>11</v>
      </c>
      <c r="CL16" s="282">
        <v>12</v>
      </c>
      <c r="CM16" s="276">
        <v>0</v>
      </c>
      <c r="CN16" s="280">
        <v>0</v>
      </c>
      <c r="CO16" s="277">
        <v>0</v>
      </c>
      <c r="CP16" s="279">
        <v>0</v>
      </c>
      <c r="CQ16" s="280">
        <v>1</v>
      </c>
      <c r="CR16" s="280">
        <v>0</v>
      </c>
      <c r="CS16" s="280">
        <v>1</v>
      </c>
      <c r="CT16" s="280">
        <v>0</v>
      </c>
      <c r="CU16" s="280">
        <v>0</v>
      </c>
      <c r="CV16" s="277">
        <v>2</v>
      </c>
      <c r="CW16" s="282">
        <v>2</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5</v>
      </c>
      <c r="DU16" s="280">
        <v>13</v>
      </c>
      <c r="DV16" s="277">
        <v>18</v>
      </c>
      <c r="DW16" s="279">
        <v>0</v>
      </c>
      <c r="DX16" s="280">
        <v>27</v>
      </c>
      <c r="DY16" s="280">
        <v>35</v>
      </c>
      <c r="DZ16" s="280">
        <v>21</v>
      </c>
      <c r="EA16" s="280">
        <v>14</v>
      </c>
      <c r="EB16" s="280">
        <v>16</v>
      </c>
      <c r="EC16" s="277">
        <v>113</v>
      </c>
      <c r="ED16" s="282">
        <v>131</v>
      </c>
      <c r="EE16" s="276">
        <v>7</v>
      </c>
      <c r="EF16" s="280">
        <v>4</v>
      </c>
      <c r="EG16" s="277">
        <v>11</v>
      </c>
      <c r="EH16" s="279">
        <v>0</v>
      </c>
      <c r="EI16" s="280">
        <v>12</v>
      </c>
      <c r="EJ16" s="280">
        <v>10</v>
      </c>
      <c r="EK16" s="280">
        <v>7</v>
      </c>
      <c r="EL16" s="280">
        <v>8</v>
      </c>
      <c r="EM16" s="280">
        <v>7</v>
      </c>
      <c r="EN16" s="277">
        <v>44</v>
      </c>
      <c r="EO16" s="282">
        <v>55</v>
      </c>
      <c r="EP16" s="276">
        <v>5</v>
      </c>
      <c r="EQ16" s="280">
        <v>16</v>
      </c>
      <c r="ER16" s="277">
        <v>21</v>
      </c>
      <c r="ES16" s="279">
        <v>0</v>
      </c>
      <c r="ET16" s="280">
        <v>54</v>
      </c>
      <c r="EU16" s="280">
        <v>55</v>
      </c>
      <c r="EV16" s="280">
        <v>31</v>
      </c>
      <c r="EW16" s="280">
        <v>15</v>
      </c>
      <c r="EX16" s="280">
        <v>17</v>
      </c>
      <c r="EY16" s="277">
        <v>172</v>
      </c>
      <c r="EZ16" s="282">
        <v>193</v>
      </c>
    </row>
    <row r="17" spans="2:156" ht="21" customHeight="1" x14ac:dyDescent="0.2">
      <c r="B17" s="261" t="s">
        <v>15</v>
      </c>
      <c r="C17" s="276">
        <v>0</v>
      </c>
      <c r="D17" s="280">
        <v>0</v>
      </c>
      <c r="E17" s="384">
        <v>0</v>
      </c>
      <c r="F17" s="279">
        <v>0</v>
      </c>
      <c r="G17" s="280">
        <v>5</v>
      </c>
      <c r="H17" s="280">
        <v>6</v>
      </c>
      <c r="I17" s="280">
        <v>0</v>
      </c>
      <c r="J17" s="280">
        <v>2</v>
      </c>
      <c r="K17" s="280">
        <v>2</v>
      </c>
      <c r="L17" s="281">
        <v>15</v>
      </c>
      <c r="M17" s="282">
        <v>15</v>
      </c>
      <c r="N17" s="276">
        <v>0</v>
      </c>
      <c r="O17" s="280">
        <v>0</v>
      </c>
      <c r="P17" s="277">
        <v>0</v>
      </c>
      <c r="Q17" s="279">
        <v>0</v>
      </c>
      <c r="R17" s="280">
        <v>0</v>
      </c>
      <c r="S17" s="280">
        <v>0</v>
      </c>
      <c r="T17" s="280">
        <v>1</v>
      </c>
      <c r="U17" s="280">
        <v>0</v>
      </c>
      <c r="V17" s="280">
        <v>2</v>
      </c>
      <c r="W17" s="277">
        <v>3</v>
      </c>
      <c r="X17" s="282">
        <v>3</v>
      </c>
      <c r="Y17" s="276">
        <v>0</v>
      </c>
      <c r="Z17" s="280">
        <v>0</v>
      </c>
      <c r="AA17" s="277">
        <v>0</v>
      </c>
      <c r="AB17" s="279">
        <v>0</v>
      </c>
      <c r="AC17" s="280">
        <v>2</v>
      </c>
      <c r="AD17" s="280">
        <v>3</v>
      </c>
      <c r="AE17" s="280">
        <v>1</v>
      </c>
      <c r="AF17" s="280">
        <v>3</v>
      </c>
      <c r="AG17" s="280">
        <v>3</v>
      </c>
      <c r="AH17" s="277">
        <v>12</v>
      </c>
      <c r="AI17" s="282">
        <v>12</v>
      </c>
      <c r="AJ17" s="276">
        <v>0</v>
      </c>
      <c r="AK17" s="280">
        <v>0</v>
      </c>
      <c r="AL17" s="277">
        <v>0</v>
      </c>
      <c r="AM17" s="279">
        <v>0</v>
      </c>
      <c r="AN17" s="280">
        <v>0</v>
      </c>
      <c r="AO17" s="280">
        <v>1</v>
      </c>
      <c r="AP17" s="280">
        <v>2</v>
      </c>
      <c r="AQ17" s="280">
        <v>0</v>
      </c>
      <c r="AR17" s="280">
        <v>1</v>
      </c>
      <c r="AS17" s="277">
        <v>4</v>
      </c>
      <c r="AT17" s="282">
        <v>4</v>
      </c>
      <c r="AU17" s="276">
        <v>0</v>
      </c>
      <c r="AV17" s="280">
        <v>2</v>
      </c>
      <c r="AW17" s="277">
        <v>2</v>
      </c>
      <c r="AX17" s="279">
        <v>0</v>
      </c>
      <c r="AY17" s="280">
        <v>2</v>
      </c>
      <c r="AZ17" s="280">
        <v>8</v>
      </c>
      <c r="BA17" s="280">
        <v>3</v>
      </c>
      <c r="BB17" s="280">
        <v>2</v>
      </c>
      <c r="BC17" s="280">
        <v>5</v>
      </c>
      <c r="BD17" s="281">
        <v>20</v>
      </c>
      <c r="BE17" s="282">
        <v>22</v>
      </c>
      <c r="BF17" s="276">
        <v>0</v>
      </c>
      <c r="BG17" s="280">
        <v>0</v>
      </c>
      <c r="BH17" s="277">
        <v>0</v>
      </c>
      <c r="BI17" s="279">
        <v>0</v>
      </c>
      <c r="BJ17" s="280">
        <v>5</v>
      </c>
      <c r="BK17" s="280">
        <v>2</v>
      </c>
      <c r="BL17" s="280">
        <v>1</v>
      </c>
      <c r="BM17" s="280">
        <v>1</v>
      </c>
      <c r="BN17" s="280">
        <v>1</v>
      </c>
      <c r="BO17" s="277">
        <v>10</v>
      </c>
      <c r="BP17" s="282">
        <v>10</v>
      </c>
      <c r="BQ17" s="276">
        <v>0</v>
      </c>
      <c r="BR17" s="280">
        <v>0</v>
      </c>
      <c r="BS17" s="277">
        <v>0</v>
      </c>
      <c r="BT17" s="279">
        <v>0</v>
      </c>
      <c r="BU17" s="280">
        <v>4</v>
      </c>
      <c r="BV17" s="280">
        <v>1</v>
      </c>
      <c r="BW17" s="280">
        <v>1</v>
      </c>
      <c r="BX17" s="280">
        <v>2</v>
      </c>
      <c r="BY17" s="280">
        <v>2</v>
      </c>
      <c r="BZ17" s="277">
        <v>10</v>
      </c>
      <c r="CA17" s="282">
        <v>10</v>
      </c>
      <c r="CB17" s="276">
        <v>0</v>
      </c>
      <c r="CC17" s="280">
        <v>0</v>
      </c>
      <c r="CD17" s="277">
        <v>0</v>
      </c>
      <c r="CE17" s="279">
        <v>0</v>
      </c>
      <c r="CF17" s="280">
        <v>1</v>
      </c>
      <c r="CG17" s="280">
        <v>2</v>
      </c>
      <c r="CH17" s="280">
        <v>0</v>
      </c>
      <c r="CI17" s="280">
        <v>1</v>
      </c>
      <c r="CJ17" s="280">
        <v>1</v>
      </c>
      <c r="CK17" s="277">
        <v>5</v>
      </c>
      <c r="CL17" s="282">
        <v>5</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3</v>
      </c>
      <c r="DV17" s="277">
        <v>4</v>
      </c>
      <c r="DW17" s="279">
        <v>0</v>
      </c>
      <c r="DX17" s="280">
        <v>9</v>
      </c>
      <c r="DY17" s="280">
        <v>14</v>
      </c>
      <c r="DZ17" s="280">
        <v>2</v>
      </c>
      <c r="EA17" s="280">
        <v>5</v>
      </c>
      <c r="EB17" s="280">
        <v>6</v>
      </c>
      <c r="EC17" s="277">
        <v>36</v>
      </c>
      <c r="ED17" s="282">
        <v>40</v>
      </c>
      <c r="EE17" s="276">
        <v>1</v>
      </c>
      <c r="EF17" s="280">
        <v>2</v>
      </c>
      <c r="EG17" s="277">
        <v>3</v>
      </c>
      <c r="EH17" s="279">
        <v>0</v>
      </c>
      <c r="EI17" s="280">
        <v>5</v>
      </c>
      <c r="EJ17" s="280">
        <v>3</v>
      </c>
      <c r="EK17" s="280">
        <v>2</v>
      </c>
      <c r="EL17" s="280">
        <v>1</v>
      </c>
      <c r="EM17" s="280">
        <v>1</v>
      </c>
      <c r="EN17" s="277">
        <v>12</v>
      </c>
      <c r="EO17" s="282">
        <v>15</v>
      </c>
      <c r="EP17" s="276">
        <v>1</v>
      </c>
      <c r="EQ17" s="280">
        <v>4</v>
      </c>
      <c r="ER17" s="277">
        <v>5</v>
      </c>
      <c r="ES17" s="279">
        <v>0</v>
      </c>
      <c r="ET17" s="280">
        <v>16</v>
      </c>
      <c r="EU17" s="280">
        <v>16</v>
      </c>
      <c r="EV17" s="280">
        <v>3</v>
      </c>
      <c r="EW17" s="280">
        <v>5</v>
      </c>
      <c r="EX17" s="280">
        <v>7</v>
      </c>
      <c r="EY17" s="277">
        <v>47</v>
      </c>
      <c r="EZ17" s="282">
        <v>52</v>
      </c>
    </row>
    <row r="18" spans="2:156" ht="21" customHeight="1" x14ac:dyDescent="0.2">
      <c r="B18" s="261" t="s">
        <v>16</v>
      </c>
      <c r="C18" s="276">
        <v>0</v>
      </c>
      <c r="D18" s="280">
        <v>0</v>
      </c>
      <c r="E18" s="384">
        <v>0</v>
      </c>
      <c r="F18" s="279">
        <v>0</v>
      </c>
      <c r="G18" s="280">
        <v>8</v>
      </c>
      <c r="H18" s="280">
        <v>14</v>
      </c>
      <c r="I18" s="280">
        <v>5</v>
      </c>
      <c r="J18" s="280">
        <v>5</v>
      </c>
      <c r="K18" s="280">
        <v>1</v>
      </c>
      <c r="L18" s="281">
        <v>33</v>
      </c>
      <c r="M18" s="282">
        <v>33</v>
      </c>
      <c r="N18" s="276">
        <v>0</v>
      </c>
      <c r="O18" s="280">
        <v>0</v>
      </c>
      <c r="P18" s="277">
        <v>0</v>
      </c>
      <c r="Q18" s="279">
        <v>0</v>
      </c>
      <c r="R18" s="280">
        <v>0</v>
      </c>
      <c r="S18" s="280">
        <v>2</v>
      </c>
      <c r="T18" s="280">
        <v>1</v>
      </c>
      <c r="U18" s="280">
        <v>0</v>
      </c>
      <c r="V18" s="280">
        <v>1</v>
      </c>
      <c r="W18" s="277">
        <v>4</v>
      </c>
      <c r="X18" s="282">
        <v>4</v>
      </c>
      <c r="Y18" s="276">
        <v>1</v>
      </c>
      <c r="Z18" s="280">
        <v>3</v>
      </c>
      <c r="AA18" s="277">
        <v>4</v>
      </c>
      <c r="AB18" s="279">
        <v>0</v>
      </c>
      <c r="AC18" s="280">
        <v>6</v>
      </c>
      <c r="AD18" s="280">
        <v>13</v>
      </c>
      <c r="AE18" s="280">
        <v>10</v>
      </c>
      <c r="AF18" s="280">
        <v>7</v>
      </c>
      <c r="AG18" s="280">
        <v>2</v>
      </c>
      <c r="AH18" s="277">
        <v>38</v>
      </c>
      <c r="AI18" s="282">
        <v>42</v>
      </c>
      <c r="AJ18" s="276">
        <v>0</v>
      </c>
      <c r="AK18" s="280">
        <v>0</v>
      </c>
      <c r="AL18" s="277">
        <v>0</v>
      </c>
      <c r="AM18" s="279">
        <v>0</v>
      </c>
      <c r="AN18" s="280">
        <v>2</v>
      </c>
      <c r="AO18" s="280">
        <v>0</v>
      </c>
      <c r="AP18" s="280">
        <v>3</v>
      </c>
      <c r="AQ18" s="280">
        <v>1</v>
      </c>
      <c r="AR18" s="280">
        <v>0</v>
      </c>
      <c r="AS18" s="277">
        <v>6</v>
      </c>
      <c r="AT18" s="282">
        <v>6</v>
      </c>
      <c r="AU18" s="276">
        <v>2</v>
      </c>
      <c r="AV18" s="280">
        <v>2</v>
      </c>
      <c r="AW18" s="277">
        <v>4</v>
      </c>
      <c r="AX18" s="279">
        <v>0</v>
      </c>
      <c r="AY18" s="280">
        <v>14</v>
      </c>
      <c r="AZ18" s="280">
        <v>14</v>
      </c>
      <c r="BA18" s="280">
        <v>16</v>
      </c>
      <c r="BB18" s="280">
        <v>17</v>
      </c>
      <c r="BC18" s="280">
        <v>11</v>
      </c>
      <c r="BD18" s="281">
        <v>72</v>
      </c>
      <c r="BE18" s="282">
        <v>76</v>
      </c>
      <c r="BF18" s="276">
        <v>0</v>
      </c>
      <c r="BG18" s="280">
        <v>0</v>
      </c>
      <c r="BH18" s="277">
        <v>0</v>
      </c>
      <c r="BI18" s="279">
        <v>0</v>
      </c>
      <c r="BJ18" s="280">
        <v>20</v>
      </c>
      <c r="BK18" s="280">
        <v>21</v>
      </c>
      <c r="BL18" s="280">
        <v>9</v>
      </c>
      <c r="BM18" s="280">
        <v>2</v>
      </c>
      <c r="BN18" s="280">
        <v>3</v>
      </c>
      <c r="BO18" s="277">
        <v>55</v>
      </c>
      <c r="BP18" s="282">
        <v>55</v>
      </c>
      <c r="BQ18" s="276">
        <v>2</v>
      </c>
      <c r="BR18" s="280">
        <v>6</v>
      </c>
      <c r="BS18" s="277">
        <v>8</v>
      </c>
      <c r="BT18" s="279">
        <v>0</v>
      </c>
      <c r="BU18" s="280">
        <v>11</v>
      </c>
      <c r="BV18" s="280">
        <v>16</v>
      </c>
      <c r="BW18" s="280">
        <v>6</v>
      </c>
      <c r="BX18" s="280">
        <v>2</v>
      </c>
      <c r="BY18" s="280">
        <v>2</v>
      </c>
      <c r="BZ18" s="277">
        <v>37</v>
      </c>
      <c r="CA18" s="282">
        <v>45</v>
      </c>
      <c r="CB18" s="276">
        <v>0</v>
      </c>
      <c r="CC18" s="280">
        <v>0</v>
      </c>
      <c r="CD18" s="277">
        <v>0</v>
      </c>
      <c r="CE18" s="279">
        <v>0</v>
      </c>
      <c r="CF18" s="280">
        <v>3</v>
      </c>
      <c r="CG18" s="280">
        <v>4</v>
      </c>
      <c r="CH18" s="280">
        <v>3</v>
      </c>
      <c r="CI18" s="280">
        <v>0</v>
      </c>
      <c r="CJ18" s="280">
        <v>0</v>
      </c>
      <c r="CK18" s="277">
        <v>10</v>
      </c>
      <c r="CL18" s="282">
        <v>10</v>
      </c>
      <c r="CM18" s="276">
        <v>0</v>
      </c>
      <c r="CN18" s="280">
        <v>0</v>
      </c>
      <c r="CO18" s="277">
        <v>0</v>
      </c>
      <c r="CP18" s="279">
        <v>0</v>
      </c>
      <c r="CQ18" s="280">
        <v>1</v>
      </c>
      <c r="CR18" s="280">
        <v>0</v>
      </c>
      <c r="CS18" s="280">
        <v>1</v>
      </c>
      <c r="CT18" s="280">
        <v>0</v>
      </c>
      <c r="CU18" s="280">
        <v>0</v>
      </c>
      <c r="CV18" s="277">
        <v>2</v>
      </c>
      <c r="CW18" s="282">
        <v>2</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1</v>
      </c>
      <c r="DU18" s="280">
        <v>15</v>
      </c>
      <c r="DV18" s="277">
        <v>26</v>
      </c>
      <c r="DW18" s="279">
        <v>0</v>
      </c>
      <c r="DX18" s="280">
        <v>22</v>
      </c>
      <c r="DY18" s="280">
        <v>43</v>
      </c>
      <c r="DZ18" s="280">
        <v>26</v>
      </c>
      <c r="EA18" s="280">
        <v>8</v>
      </c>
      <c r="EB18" s="280">
        <v>7</v>
      </c>
      <c r="EC18" s="277">
        <v>106</v>
      </c>
      <c r="ED18" s="282">
        <v>132</v>
      </c>
      <c r="EE18" s="276">
        <v>2</v>
      </c>
      <c r="EF18" s="280">
        <v>1</v>
      </c>
      <c r="EG18" s="277">
        <v>3</v>
      </c>
      <c r="EH18" s="279">
        <v>0</v>
      </c>
      <c r="EI18" s="280">
        <v>11</v>
      </c>
      <c r="EJ18" s="280">
        <v>9</v>
      </c>
      <c r="EK18" s="280">
        <v>10</v>
      </c>
      <c r="EL18" s="280">
        <v>13</v>
      </c>
      <c r="EM18" s="280">
        <v>6</v>
      </c>
      <c r="EN18" s="277">
        <v>49</v>
      </c>
      <c r="EO18" s="282">
        <v>52</v>
      </c>
      <c r="EP18" s="276">
        <v>13</v>
      </c>
      <c r="EQ18" s="280">
        <v>19</v>
      </c>
      <c r="ER18" s="277">
        <v>32</v>
      </c>
      <c r="ES18" s="279">
        <v>0</v>
      </c>
      <c r="ET18" s="280">
        <v>48</v>
      </c>
      <c r="EU18" s="280">
        <v>62</v>
      </c>
      <c r="EV18" s="280">
        <v>30</v>
      </c>
      <c r="EW18" s="280">
        <v>10</v>
      </c>
      <c r="EX18" s="280">
        <v>7</v>
      </c>
      <c r="EY18" s="277">
        <v>157</v>
      </c>
      <c r="EZ18" s="282">
        <v>189</v>
      </c>
    </row>
    <row r="19" spans="2:156" ht="21" customHeight="1" x14ac:dyDescent="0.2">
      <c r="B19" s="261" t="s">
        <v>17</v>
      </c>
      <c r="C19" s="276">
        <v>0</v>
      </c>
      <c r="D19" s="280">
        <v>0</v>
      </c>
      <c r="E19" s="384">
        <v>0</v>
      </c>
      <c r="F19" s="279">
        <v>0</v>
      </c>
      <c r="G19" s="280">
        <v>10</v>
      </c>
      <c r="H19" s="280">
        <v>14</v>
      </c>
      <c r="I19" s="280">
        <v>15</v>
      </c>
      <c r="J19" s="280">
        <v>6</v>
      </c>
      <c r="K19" s="280">
        <v>5</v>
      </c>
      <c r="L19" s="281">
        <v>50</v>
      </c>
      <c r="M19" s="282">
        <v>50</v>
      </c>
      <c r="N19" s="276">
        <v>0</v>
      </c>
      <c r="O19" s="280">
        <v>0</v>
      </c>
      <c r="P19" s="277">
        <v>0</v>
      </c>
      <c r="Q19" s="279">
        <v>0</v>
      </c>
      <c r="R19" s="280">
        <v>1</v>
      </c>
      <c r="S19" s="280">
        <v>1</v>
      </c>
      <c r="T19" s="280">
        <v>2</v>
      </c>
      <c r="U19" s="280">
        <v>3</v>
      </c>
      <c r="V19" s="280">
        <v>6</v>
      </c>
      <c r="W19" s="277">
        <v>13</v>
      </c>
      <c r="X19" s="282">
        <v>13</v>
      </c>
      <c r="Y19" s="276">
        <v>3</v>
      </c>
      <c r="Z19" s="280">
        <v>7</v>
      </c>
      <c r="AA19" s="277">
        <v>10</v>
      </c>
      <c r="AB19" s="279">
        <v>0</v>
      </c>
      <c r="AC19" s="280">
        <v>16</v>
      </c>
      <c r="AD19" s="280">
        <v>15</v>
      </c>
      <c r="AE19" s="280">
        <v>15</v>
      </c>
      <c r="AF19" s="280">
        <v>7</v>
      </c>
      <c r="AG19" s="280">
        <v>11</v>
      </c>
      <c r="AH19" s="277">
        <v>64</v>
      </c>
      <c r="AI19" s="282">
        <v>74</v>
      </c>
      <c r="AJ19" s="276">
        <v>0</v>
      </c>
      <c r="AK19" s="280">
        <v>0</v>
      </c>
      <c r="AL19" s="277">
        <v>0</v>
      </c>
      <c r="AM19" s="279">
        <v>0</v>
      </c>
      <c r="AN19" s="280">
        <v>1</v>
      </c>
      <c r="AO19" s="280">
        <v>1</v>
      </c>
      <c r="AP19" s="280">
        <v>1</v>
      </c>
      <c r="AQ19" s="280">
        <v>3</v>
      </c>
      <c r="AR19" s="280">
        <v>0</v>
      </c>
      <c r="AS19" s="277">
        <v>6</v>
      </c>
      <c r="AT19" s="282">
        <v>6</v>
      </c>
      <c r="AU19" s="276">
        <v>4</v>
      </c>
      <c r="AV19" s="280">
        <v>4</v>
      </c>
      <c r="AW19" s="277">
        <v>8</v>
      </c>
      <c r="AX19" s="279">
        <v>0</v>
      </c>
      <c r="AY19" s="280">
        <v>15</v>
      </c>
      <c r="AZ19" s="280">
        <v>23</v>
      </c>
      <c r="BA19" s="280">
        <v>23</v>
      </c>
      <c r="BB19" s="280">
        <v>28</v>
      </c>
      <c r="BC19" s="280">
        <v>28</v>
      </c>
      <c r="BD19" s="281">
        <v>117</v>
      </c>
      <c r="BE19" s="282">
        <v>125</v>
      </c>
      <c r="BF19" s="276">
        <v>0</v>
      </c>
      <c r="BG19" s="280">
        <v>0</v>
      </c>
      <c r="BH19" s="277">
        <v>0</v>
      </c>
      <c r="BI19" s="279">
        <v>0</v>
      </c>
      <c r="BJ19" s="280">
        <v>24</v>
      </c>
      <c r="BK19" s="280">
        <v>33</v>
      </c>
      <c r="BL19" s="280">
        <v>9</v>
      </c>
      <c r="BM19" s="280">
        <v>10</v>
      </c>
      <c r="BN19" s="280">
        <v>3</v>
      </c>
      <c r="BO19" s="277">
        <v>79</v>
      </c>
      <c r="BP19" s="282">
        <v>79</v>
      </c>
      <c r="BQ19" s="276">
        <v>4</v>
      </c>
      <c r="BR19" s="280">
        <v>3</v>
      </c>
      <c r="BS19" s="277">
        <v>7</v>
      </c>
      <c r="BT19" s="279">
        <v>0</v>
      </c>
      <c r="BU19" s="280">
        <v>4</v>
      </c>
      <c r="BV19" s="280">
        <v>9</v>
      </c>
      <c r="BW19" s="280">
        <v>5</v>
      </c>
      <c r="BX19" s="280">
        <v>2</v>
      </c>
      <c r="BY19" s="280">
        <v>1</v>
      </c>
      <c r="BZ19" s="277">
        <v>21</v>
      </c>
      <c r="CA19" s="282">
        <v>28</v>
      </c>
      <c r="CB19" s="276">
        <v>0</v>
      </c>
      <c r="CC19" s="280">
        <v>0</v>
      </c>
      <c r="CD19" s="277">
        <v>0</v>
      </c>
      <c r="CE19" s="279">
        <v>0</v>
      </c>
      <c r="CF19" s="280">
        <v>3</v>
      </c>
      <c r="CG19" s="280">
        <v>3</v>
      </c>
      <c r="CH19" s="280">
        <v>9</v>
      </c>
      <c r="CI19" s="280">
        <v>9</v>
      </c>
      <c r="CJ19" s="280">
        <v>2</v>
      </c>
      <c r="CK19" s="277">
        <v>26</v>
      </c>
      <c r="CL19" s="282">
        <v>26</v>
      </c>
      <c r="CM19" s="276">
        <v>0</v>
      </c>
      <c r="CN19" s="280">
        <v>0</v>
      </c>
      <c r="CO19" s="277">
        <v>0</v>
      </c>
      <c r="CP19" s="279">
        <v>0</v>
      </c>
      <c r="CQ19" s="280">
        <v>1</v>
      </c>
      <c r="CR19" s="280">
        <v>0</v>
      </c>
      <c r="CS19" s="280">
        <v>2</v>
      </c>
      <c r="CT19" s="280">
        <v>1</v>
      </c>
      <c r="CU19" s="280">
        <v>0</v>
      </c>
      <c r="CV19" s="277">
        <v>4</v>
      </c>
      <c r="CW19" s="282">
        <v>4</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3</v>
      </c>
      <c r="DU19" s="280">
        <v>21</v>
      </c>
      <c r="DV19" s="277">
        <v>34</v>
      </c>
      <c r="DW19" s="279">
        <v>0</v>
      </c>
      <c r="DX19" s="280">
        <v>26</v>
      </c>
      <c r="DY19" s="280">
        <v>58</v>
      </c>
      <c r="DZ19" s="280">
        <v>46</v>
      </c>
      <c r="EA19" s="280">
        <v>27</v>
      </c>
      <c r="EB19" s="280">
        <v>18</v>
      </c>
      <c r="EC19" s="277">
        <v>175</v>
      </c>
      <c r="ED19" s="282">
        <v>209</v>
      </c>
      <c r="EE19" s="276">
        <v>2</v>
      </c>
      <c r="EF19" s="280">
        <v>2</v>
      </c>
      <c r="EG19" s="277">
        <v>4</v>
      </c>
      <c r="EH19" s="279">
        <v>0</v>
      </c>
      <c r="EI19" s="280">
        <v>7</v>
      </c>
      <c r="EJ19" s="280">
        <v>7</v>
      </c>
      <c r="EK19" s="280">
        <v>8</v>
      </c>
      <c r="EL19" s="280">
        <v>14</v>
      </c>
      <c r="EM19" s="280">
        <v>10</v>
      </c>
      <c r="EN19" s="277">
        <v>46</v>
      </c>
      <c r="EO19" s="282">
        <v>50</v>
      </c>
      <c r="EP19" s="276">
        <v>18</v>
      </c>
      <c r="EQ19" s="280">
        <v>27</v>
      </c>
      <c r="ER19" s="277">
        <v>45</v>
      </c>
      <c r="ES19" s="279">
        <v>0</v>
      </c>
      <c r="ET19" s="280">
        <v>59</v>
      </c>
      <c r="EU19" s="280">
        <v>83</v>
      </c>
      <c r="EV19" s="280">
        <v>50</v>
      </c>
      <c r="EW19" s="280">
        <v>30</v>
      </c>
      <c r="EX19" s="280">
        <v>19</v>
      </c>
      <c r="EY19" s="277">
        <v>241</v>
      </c>
      <c r="EZ19" s="282">
        <v>286</v>
      </c>
    </row>
    <row r="20" spans="2:156" ht="21" customHeight="1" x14ac:dyDescent="0.2">
      <c r="B20" s="261" t="s">
        <v>18</v>
      </c>
      <c r="C20" s="276">
        <v>0</v>
      </c>
      <c r="D20" s="280">
        <v>0</v>
      </c>
      <c r="E20" s="384">
        <v>0</v>
      </c>
      <c r="F20" s="279">
        <v>0</v>
      </c>
      <c r="G20" s="280">
        <v>30</v>
      </c>
      <c r="H20" s="280">
        <v>31</v>
      </c>
      <c r="I20" s="280">
        <v>14</v>
      </c>
      <c r="J20" s="280">
        <v>14</v>
      </c>
      <c r="K20" s="280">
        <v>12</v>
      </c>
      <c r="L20" s="281">
        <v>101</v>
      </c>
      <c r="M20" s="282">
        <v>101</v>
      </c>
      <c r="N20" s="276">
        <v>0</v>
      </c>
      <c r="O20" s="280">
        <v>0</v>
      </c>
      <c r="P20" s="277">
        <v>0</v>
      </c>
      <c r="Q20" s="279">
        <v>0</v>
      </c>
      <c r="R20" s="280">
        <v>0</v>
      </c>
      <c r="S20" s="280">
        <v>1</v>
      </c>
      <c r="T20" s="280">
        <v>2</v>
      </c>
      <c r="U20" s="280">
        <v>4</v>
      </c>
      <c r="V20" s="280">
        <v>3</v>
      </c>
      <c r="W20" s="277">
        <v>10</v>
      </c>
      <c r="X20" s="282">
        <v>10</v>
      </c>
      <c r="Y20" s="276">
        <v>8</v>
      </c>
      <c r="Z20" s="280">
        <v>9</v>
      </c>
      <c r="AA20" s="277">
        <v>17</v>
      </c>
      <c r="AB20" s="279">
        <v>0</v>
      </c>
      <c r="AC20" s="280">
        <v>20</v>
      </c>
      <c r="AD20" s="280">
        <v>32</v>
      </c>
      <c r="AE20" s="280">
        <v>13</v>
      </c>
      <c r="AF20" s="280">
        <v>14</v>
      </c>
      <c r="AG20" s="280">
        <v>9</v>
      </c>
      <c r="AH20" s="277">
        <v>88</v>
      </c>
      <c r="AI20" s="282">
        <v>105</v>
      </c>
      <c r="AJ20" s="276">
        <v>1</v>
      </c>
      <c r="AK20" s="280">
        <v>0</v>
      </c>
      <c r="AL20" s="277">
        <v>1</v>
      </c>
      <c r="AM20" s="279">
        <v>0</v>
      </c>
      <c r="AN20" s="280">
        <v>3</v>
      </c>
      <c r="AO20" s="280">
        <v>4</v>
      </c>
      <c r="AP20" s="280">
        <v>4</v>
      </c>
      <c r="AQ20" s="280">
        <v>2</v>
      </c>
      <c r="AR20" s="280">
        <v>1</v>
      </c>
      <c r="AS20" s="277">
        <v>14</v>
      </c>
      <c r="AT20" s="282">
        <v>15</v>
      </c>
      <c r="AU20" s="276">
        <v>5</v>
      </c>
      <c r="AV20" s="280">
        <v>3</v>
      </c>
      <c r="AW20" s="277">
        <v>8</v>
      </c>
      <c r="AX20" s="279">
        <v>0</v>
      </c>
      <c r="AY20" s="280">
        <v>29</v>
      </c>
      <c r="AZ20" s="280">
        <v>35</v>
      </c>
      <c r="BA20" s="280">
        <v>28</v>
      </c>
      <c r="BB20" s="280">
        <v>28</v>
      </c>
      <c r="BC20" s="280">
        <v>30</v>
      </c>
      <c r="BD20" s="281">
        <v>150</v>
      </c>
      <c r="BE20" s="282">
        <v>158</v>
      </c>
      <c r="BF20" s="276">
        <v>0</v>
      </c>
      <c r="BG20" s="280">
        <v>0</v>
      </c>
      <c r="BH20" s="277">
        <v>0</v>
      </c>
      <c r="BI20" s="279">
        <v>0</v>
      </c>
      <c r="BJ20" s="280">
        <v>36</v>
      </c>
      <c r="BK20" s="280">
        <v>43</v>
      </c>
      <c r="BL20" s="280">
        <v>14</v>
      </c>
      <c r="BM20" s="280">
        <v>10</v>
      </c>
      <c r="BN20" s="280">
        <v>6</v>
      </c>
      <c r="BO20" s="277">
        <v>109</v>
      </c>
      <c r="BP20" s="282">
        <v>109</v>
      </c>
      <c r="BQ20" s="276">
        <v>6</v>
      </c>
      <c r="BR20" s="280">
        <v>5</v>
      </c>
      <c r="BS20" s="277">
        <v>11</v>
      </c>
      <c r="BT20" s="279">
        <v>0</v>
      </c>
      <c r="BU20" s="280">
        <v>10</v>
      </c>
      <c r="BV20" s="280">
        <v>14</v>
      </c>
      <c r="BW20" s="280">
        <v>6</v>
      </c>
      <c r="BX20" s="280">
        <v>8</v>
      </c>
      <c r="BY20" s="280">
        <v>2</v>
      </c>
      <c r="BZ20" s="277">
        <v>40</v>
      </c>
      <c r="CA20" s="282">
        <v>51</v>
      </c>
      <c r="CB20" s="276">
        <v>0</v>
      </c>
      <c r="CC20" s="280">
        <v>0</v>
      </c>
      <c r="CD20" s="277">
        <v>0</v>
      </c>
      <c r="CE20" s="279">
        <v>0</v>
      </c>
      <c r="CF20" s="280">
        <v>2</v>
      </c>
      <c r="CG20" s="280">
        <v>10</v>
      </c>
      <c r="CH20" s="280">
        <v>10</v>
      </c>
      <c r="CI20" s="280">
        <v>8</v>
      </c>
      <c r="CJ20" s="280">
        <v>7</v>
      </c>
      <c r="CK20" s="277">
        <v>37</v>
      </c>
      <c r="CL20" s="282">
        <v>37</v>
      </c>
      <c r="CM20" s="276">
        <v>0</v>
      </c>
      <c r="CN20" s="280">
        <v>0</v>
      </c>
      <c r="CO20" s="277">
        <v>0</v>
      </c>
      <c r="CP20" s="279">
        <v>0</v>
      </c>
      <c r="CQ20" s="280">
        <v>0</v>
      </c>
      <c r="CR20" s="280">
        <v>0</v>
      </c>
      <c r="CS20" s="280">
        <v>1</v>
      </c>
      <c r="CT20" s="280">
        <v>0</v>
      </c>
      <c r="CU20" s="280">
        <v>0</v>
      </c>
      <c r="CV20" s="277">
        <v>1</v>
      </c>
      <c r="CW20" s="282">
        <v>1</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2</v>
      </c>
      <c r="DU20" s="280">
        <v>25</v>
      </c>
      <c r="DV20" s="277">
        <v>37</v>
      </c>
      <c r="DW20" s="279">
        <v>0</v>
      </c>
      <c r="DX20" s="280">
        <v>36</v>
      </c>
      <c r="DY20" s="280">
        <v>66</v>
      </c>
      <c r="DZ20" s="280">
        <v>35</v>
      </c>
      <c r="EA20" s="280">
        <v>30</v>
      </c>
      <c r="EB20" s="280">
        <v>23</v>
      </c>
      <c r="EC20" s="277">
        <v>190</v>
      </c>
      <c r="ED20" s="282">
        <v>227</v>
      </c>
      <c r="EE20" s="276">
        <v>4</v>
      </c>
      <c r="EF20" s="280">
        <v>1</v>
      </c>
      <c r="EG20" s="277">
        <v>5</v>
      </c>
      <c r="EH20" s="279">
        <v>0</v>
      </c>
      <c r="EI20" s="280">
        <v>15</v>
      </c>
      <c r="EJ20" s="280">
        <v>10</v>
      </c>
      <c r="EK20" s="280">
        <v>8</v>
      </c>
      <c r="EL20" s="280">
        <v>10</v>
      </c>
      <c r="EM20" s="280">
        <v>12</v>
      </c>
      <c r="EN20" s="277">
        <v>55</v>
      </c>
      <c r="EO20" s="282">
        <v>60</v>
      </c>
      <c r="EP20" s="276">
        <v>24</v>
      </c>
      <c r="EQ20" s="280">
        <v>33</v>
      </c>
      <c r="ER20" s="277">
        <v>57</v>
      </c>
      <c r="ES20" s="279">
        <v>0</v>
      </c>
      <c r="ET20" s="280">
        <v>95</v>
      </c>
      <c r="EU20" s="280">
        <v>101</v>
      </c>
      <c r="EV20" s="280">
        <v>49</v>
      </c>
      <c r="EW20" s="280">
        <v>38</v>
      </c>
      <c r="EX20" s="280">
        <v>23</v>
      </c>
      <c r="EY20" s="277">
        <v>306</v>
      </c>
      <c r="EZ20" s="282">
        <v>363</v>
      </c>
    </row>
    <row r="21" spans="2:156" ht="21" customHeight="1" x14ac:dyDescent="0.2">
      <c r="B21" s="261" t="s">
        <v>19</v>
      </c>
      <c r="C21" s="276">
        <v>0</v>
      </c>
      <c r="D21" s="280">
        <v>0</v>
      </c>
      <c r="E21" s="384">
        <v>0</v>
      </c>
      <c r="F21" s="279">
        <v>0</v>
      </c>
      <c r="G21" s="280">
        <v>6</v>
      </c>
      <c r="H21" s="280">
        <v>6</v>
      </c>
      <c r="I21" s="280">
        <v>3</v>
      </c>
      <c r="J21" s="280">
        <v>4</v>
      </c>
      <c r="K21" s="280">
        <v>5</v>
      </c>
      <c r="L21" s="281">
        <v>24</v>
      </c>
      <c r="M21" s="282">
        <v>24</v>
      </c>
      <c r="N21" s="276">
        <v>0</v>
      </c>
      <c r="O21" s="280">
        <v>0</v>
      </c>
      <c r="P21" s="277">
        <v>0</v>
      </c>
      <c r="Q21" s="279">
        <v>0</v>
      </c>
      <c r="R21" s="280">
        <v>1</v>
      </c>
      <c r="S21" s="280">
        <v>0</v>
      </c>
      <c r="T21" s="280">
        <v>1</v>
      </c>
      <c r="U21" s="280">
        <v>1</v>
      </c>
      <c r="V21" s="280">
        <v>3</v>
      </c>
      <c r="W21" s="277">
        <v>6</v>
      </c>
      <c r="X21" s="282">
        <v>6</v>
      </c>
      <c r="Y21" s="276">
        <v>2</v>
      </c>
      <c r="Z21" s="280">
        <v>1</v>
      </c>
      <c r="AA21" s="277">
        <v>3</v>
      </c>
      <c r="AB21" s="279">
        <v>0</v>
      </c>
      <c r="AC21" s="280">
        <v>9</v>
      </c>
      <c r="AD21" s="280">
        <v>12</v>
      </c>
      <c r="AE21" s="280">
        <v>6</v>
      </c>
      <c r="AF21" s="280">
        <v>7</v>
      </c>
      <c r="AG21" s="280">
        <v>6</v>
      </c>
      <c r="AH21" s="277">
        <v>40</v>
      </c>
      <c r="AI21" s="282">
        <v>43</v>
      </c>
      <c r="AJ21" s="276">
        <v>0</v>
      </c>
      <c r="AK21" s="280">
        <v>0</v>
      </c>
      <c r="AL21" s="277">
        <v>0</v>
      </c>
      <c r="AM21" s="279">
        <v>0</v>
      </c>
      <c r="AN21" s="280">
        <v>2</v>
      </c>
      <c r="AO21" s="280">
        <v>0</v>
      </c>
      <c r="AP21" s="280">
        <v>1</v>
      </c>
      <c r="AQ21" s="280">
        <v>1</v>
      </c>
      <c r="AR21" s="280">
        <v>0</v>
      </c>
      <c r="AS21" s="277">
        <v>4</v>
      </c>
      <c r="AT21" s="282">
        <v>4</v>
      </c>
      <c r="AU21" s="276">
        <v>0</v>
      </c>
      <c r="AV21" s="280">
        <v>4</v>
      </c>
      <c r="AW21" s="277">
        <v>4</v>
      </c>
      <c r="AX21" s="279">
        <v>0</v>
      </c>
      <c r="AY21" s="280">
        <v>16</v>
      </c>
      <c r="AZ21" s="280">
        <v>15</v>
      </c>
      <c r="BA21" s="280">
        <v>11</v>
      </c>
      <c r="BB21" s="280">
        <v>14</v>
      </c>
      <c r="BC21" s="280">
        <v>9</v>
      </c>
      <c r="BD21" s="281">
        <v>65</v>
      </c>
      <c r="BE21" s="282">
        <v>69</v>
      </c>
      <c r="BF21" s="276">
        <v>0</v>
      </c>
      <c r="BG21" s="280">
        <v>0</v>
      </c>
      <c r="BH21" s="277">
        <v>0</v>
      </c>
      <c r="BI21" s="279">
        <v>0</v>
      </c>
      <c r="BJ21" s="280">
        <v>11</v>
      </c>
      <c r="BK21" s="280">
        <v>4</v>
      </c>
      <c r="BL21" s="280">
        <v>7</v>
      </c>
      <c r="BM21" s="280">
        <v>5</v>
      </c>
      <c r="BN21" s="280">
        <v>5</v>
      </c>
      <c r="BO21" s="277">
        <v>32</v>
      </c>
      <c r="BP21" s="282">
        <v>32</v>
      </c>
      <c r="BQ21" s="276">
        <v>0</v>
      </c>
      <c r="BR21" s="280">
        <v>3</v>
      </c>
      <c r="BS21" s="277">
        <v>3</v>
      </c>
      <c r="BT21" s="279">
        <v>0</v>
      </c>
      <c r="BU21" s="280">
        <v>6</v>
      </c>
      <c r="BV21" s="280">
        <v>2</v>
      </c>
      <c r="BW21" s="280">
        <v>4</v>
      </c>
      <c r="BX21" s="280">
        <v>4</v>
      </c>
      <c r="BY21" s="280">
        <v>1</v>
      </c>
      <c r="BZ21" s="277">
        <v>17</v>
      </c>
      <c r="CA21" s="282">
        <v>20</v>
      </c>
      <c r="CB21" s="276">
        <v>0</v>
      </c>
      <c r="CC21" s="280">
        <v>1</v>
      </c>
      <c r="CD21" s="277">
        <v>1</v>
      </c>
      <c r="CE21" s="279">
        <v>0</v>
      </c>
      <c r="CF21" s="280">
        <v>0</v>
      </c>
      <c r="CG21" s="280">
        <v>3</v>
      </c>
      <c r="CH21" s="280">
        <v>1</v>
      </c>
      <c r="CI21" s="280">
        <v>1</v>
      </c>
      <c r="CJ21" s="280">
        <v>2</v>
      </c>
      <c r="CK21" s="277">
        <v>7</v>
      </c>
      <c r="CL21" s="282">
        <v>8</v>
      </c>
      <c r="CM21" s="276">
        <v>0</v>
      </c>
      <c r="CN21" s="280">
        <v>0</v>
      </c>
      <c r="CO21" s="277">
        <v>0</v>
      </c>
      <c r="CP21" s="279">
        <v>0</v>
      </c>
      <c r="CQ21" s="280">
        <v>0</v>
      </c>
      <c r="CR21" s="280">
        <v>1</v>
      </c>
      <c r="CS21" s="280">
        <v>1</v>
      </c>
      <c r="CT21" s="280">
        <v>0</v>
      </c>
      <c r="CU21" s="280">
        <v>0</v>
      </c>
      <c r="CV21" s="277">
        <v>2</v>
      </c>
      <c r="CW21" s="282">
        <v>2</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5</v>
      </c>
      <c r="DU21" s="280">
        <v>9</v>
      </c>
      <c r="DV21" s="277">
        <v>14</v>
      </c>
      <c r="DW21" s="279">
        <v>0</v>
      </c>
      <c r="DX21" s="280">
        <v>17</v>
      </c>
      <c r="DY21" s="280">
        <v>20</v>
      </c>
      <c r="DZ21" s="280">
        <v>15</v>
      </c>
      <c r="EA21" s="280">
        <v>13</v>
      </c>
      <c r="EB21" s="280">
        <v>8</v>
      </c>
      <c r="EC21" s="277">
        <v>73</v>
      </c>
      <c r="ED21" s="282">
        <v>87</v>
      </c>
      <c r="EE21" s="276">
        <v>0</v>
      </c>
      <c r="EF21" s="280">
        <v>3</v>
      </c>
      <c r="EG21" s="277">
        <v>3</v>
      </c>
      <c r="EH21" s="279">
        <v>0</v>
      </c>
      <c r="EI21" s="280">
        <v>9</v>
      </c>
      <c r="EJ21" s="280">
        <v>7</v>
      </c>
      <c r="EK21" s="280">
        <v>5</v>
      </c>
      <c r="EL21" s="280">
        <v>5</v>
      </c>
      <c r="EM21" s="280">
        <v>2</v>
      </c>
      <c r="EN21" s="277">
        <v>28</v>
      </c>
      <c r="EO21" s="282">
        <v>31</v>
      </c>
      <c r="EP21" s="276">
        <v>8</v>
      </c>
      <c r="EQ21" s="280">
        <v>12</v>
      </c>
      <c r="ER21" s="277">
        <v>20</v>
      </c>
      <c r="ES21" s="279">
        <v>0</v>
      </c>
      <c r="ET21" s="280">
        <v>38</v>
      </c>
      <c r="EU21" s="280">
        <v>28</v>
      </c>
      <c r="EV21" s="280">
        <v>16</v>
      </c>
      <c r="EW21" s="280">
        <v>13</v>
      </c>
      <c r="EX21" s="280">
        <v>8</v>
      </c>
      <c r="EY21" s="277">
        <v>103</v>
      </c>
      <c r="EZ21" s="282">
        <v>123</v>
      </c>
    </row>
    <row r="22" spans="2:156" ht="21" customHeight="1" x14ac:dyDescent="0.2">
      <c r="B22" s="261" t="s">
        <v>20</v>
      </c>
      <c r="C22" s="276">
        <v>0</v>
      </c>
      <c r="D22" s="280">
        <v>0</v>
      </c>
      <c r="E22" s="384">
        <v>0</v>
      </c>
      <c r="F22" s="279">
        <v>0</v>
      </c>
      <c r="G22" s="280">
        <v>15</v>
      </c>
      <c r="H22" s="280">
        <v>9</v>
      </c>
      <c r="I22" s="280">
        <v>5</v>
      </c>
      <c r="J22" s="280">
        <v>6</v>
      </c>
      <c r="K22" s="280">
        <v>3</v>
      </c>
      <c r="L22" s="281">
        <v>38</v>
      </c>
      <c r="M22" s="282">
        <v>38</v>
      </c>
      <c r="N22" s="276">
        <v>0</v>
      </c>
      <c r="O22" s="280">
        <v>0</v>
      </c>
      <c r="P22" s="277">
        <v>0</v>
      </c>
      <c r="Q22" s="279">
        <v>0</v>
      </c>
      <c r="R22" s="280">
        <v>0</v>
      </c>
      <c r="S22" s="280">
        <v>1</v>
      </c>
      <c r="T22" s="280">
        <v>0</v>
      </c>
      <c r="U22" s="280">
        <v>1</v>
      </c>
      <c r="V22" s="280">
        <v>1</v>
      </c>
      <c r="W22" s="277">
        <v>3</v>
      </c>
      <c r="X22" s="282">
        <v>3</v>
      </c>
      <c r="Y22" s="276">
        <v>3</v>
      </c>
      <c r="Z22" s="280">
        <v>5</v>
      </c>
      <c r="AA22" s="277">
        <v>8</v>
      </c>
      <c r="AB22" s="279">
        <v>0</v>
      </c>
      <c r="AC22" s="280">
        <v>16</v>
      </c>
      <c r="AD22" s="280">
        <v>12</v>
      </c>
      <c r="AE22" s="280">
        <v>10</v>
      </c>
      <c r="AF22" s="280">
        <v>2</v>
      </c>
      <c r="AG22" s="280">
        <v>2</v>
      </c>
      <c r="AH22" s="277">
        <v>42</v>
      </c>
      <c r="AI22" s="282">
        <v>50</v>
      </c>
      <c r="AJ22" s="276">
        <v>0</v>
      </c>
      <c r="AK22" s="280">
        <v>3</v>
      </c>
      <c r="AL22" s="277">
        <v>3</v>
      </c>
      <c r="AM22" s="279">
        <v>0</v>
      </c>
      <c r="AN22" s="280">
        <v>6</v>
      </c>
      <c r="AO22" s="280">
        <v>3</v>
      </c>
      <c r="AP22" s="280">
        <v>2</v>
      </c>
      <c r="AQ22" s="280">
        <v>1</v>
      </c>
      <c r="AR22" s="280">
        <v>1</v>
      </c>
      <c r="AS22" s="277">
        <v>13</v>
      </c>
      <c r="AT22" s="282">
        <v>16</v>
      </c>
      <c r="AU22" s="276">
        <v>1</v>
      </c>
      <c r="AV22" s="280">
        <v>2</v>
      </c>
      <c r="AW22" s="277">
        <v>3</v>
      </c>
      <c r="AX22" s="279">
        <v>0</v>
      </c>
      <c r="AY22" s="280">
        <v>13</v>
      </c>
      <c r="AZ22" s="280">
        <v>13</v>
      </c>
      <c r="BA22" s="280">
        <v>10</v>
      </c>
      <c r="BB22" s="280">
        <v>13</v>
      </c>
      <c r="BC22" s="280">
        <v>6</v>
      </c>
      <c r="BD22" s="281">
        <v>55</v>
      </c>
      <c r="BE22" s="282">
        <v>58</v>
      </c>
      <c r="BF22" s="276">
        <v>0</v>
      </c>
      <c r="BG22" s="280">
        <v>0</v>
      </c>
      <c r="BH22" s="277">
        <v>0</v>
      </c>
      <c r="BI22" s="279">
        <v>0</v>
      </c>
      <c r="BJ22" s="280">
        <v>8</v>
      </c>
      <c r="BK22" s="280">
        <v>10</v>
      </c>
      <c r="BL22" s="280">
        <v>10</v>
      </c>
      <c r="BM22" s="280">
        <v>4</v>
      </c>
      <c r="BN22" s="280">
        <v>3</v>
      </c>
      <c r="BO22" s="277">
        <v>35</v>
      </c>
      <c r="BP22" s="282">
        <v>35</v>
      </c>
      <c r="BQ22" s="276">
        <v>1</v>
      </c>
      <c r="BR22" s="280">
        <v>3</v>
      </c>
      <c r="BS22" s="277">
        <v>4</v>
      </c>
      <c r="BT22" s="279">
        <v>0</v>
      </c>
      <c r="BU22" s="280">
        <v>12</v>
      </c>
      <c r="BV22" s="280">
        <v>11</v>
      </c>
      <c r="BW22" s="280">
        <v>5</v>
      </c>
      <c r="BX22" s="280">
        <v>3</v>
      </c>
      <c r="BY22" s="280">
        <v>4</v>
      </c>
      <c r="BZ22" s="277">
        <v>35</v>
      </c>
      <c r="CA22" s="282">
        <v>39</v>
      </c>
      <c r="CB22" s="276">
        <v>0</v>
      </c>
      <c r="CC22" s="280">
        <v>0</v>
      </c>
      <c r="CD22" s="277">
        <v>0</v>
      </c>
      <c r="CE22" s="279">
        <v>0</v>
      </c>
      <c r="CF22" s="280">
        <v>3</v>
      </c>
      <c r="CG22" s="280">
        <v>0</v>
      </c>
      <c r="CH22" s="280">
        <v>3</v>
      </c>
      <c r="CI22" s="280">
        <v>3</v>
      </c>
      <c r="CJ22" s="280">
        <v>0</v>
      </c>
      <c r="CK22" s="277">
        <v>9</v>
      </c>
      <c r="CL22" s="282">
        <v>9</v>
      </c>
      <c r="CM22" s="276">
        <v>0</v>
      </c>
      <c r="CN22" s="280">
        <v>0</v>
      </c>
      <c r="CO22" s="277">
        <v>0</v>
      </c>
      <c r="CP22" s="279">
        <v>0</v>
      </c>
      <c r="CQ22" s="280">
        <v>0</v>
      </c>
      <c r="CR22" s="280">
        <v>0</v>
      </c>
      <c r="CS22" s="280">
        <v>1</v>
      </c>
      <c r="CT22" s="280">
        <v>0</v>
      </c>
      <c r="CU22" s="280">
        <v>0</v>
      </c>
      <c r="CV22" s="277">
        <v>1</v>
      </c>
      <c r="CW22" s="282">
        <v>1</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4</v>
      </c>
      <c r="DU22" s="280">
        <v>22</v>
      </c>
      <c r="DV22" s="277">
        <v>26</v>
      </c>
      <c r="DW22" s="279">
        <v>0</v>
      </c>
      <c r="DX22" s="280">
        <v>34</v>
      </c>
      <c r="DY22" s="280">
        <v>26</v>
      </c>
      <c r="DZ22" s="280">
        <v>17</v>
      </c>
      <c r="EA22" s="280">
        <v>10</v>
      </c>
      <c r="EB22" s="280">
        <v>6</v>
      </c>
      <c r="EC22" s="277">
        <v>93</v>
      </c>
      <c r="ED22" s="282">
        <v>119</v>
      </c>
      <c r="EE22" s="276">
        <v>1</v>
      </c>
      <c r="EF22" s="280">
        <v>1</v>
      </c>
      <c r="EG22" s="277">
        <v>2</v>
      </c>
      <c r="EH22" s="279">
        <v>0</v>
      </c>
      <c r="EI22" s="280">
        <v>2</v>
      </c>
      <c r="EJ22" s="280">
        <v>5</v>
      </c>
      <c r="EK22" s="280">
        <v>5</v>
      </c>
      <c r="EL22" s="280">
        <v>7</v>
      </c>
      <c r="EM22" s="280">
        <v>2</v>
      </c>
      <c r="EN22" s="277">
        <v>21</v>
      </c>
      <c r="EO22" s="282">
        <v>23</v>
      </c>
      <c r="EP22" s="276">
        <v>9</v>
      </c>
      <c r="EQ22" s="280">
        <v>28</v>
      </c>
      <c r="ER22" s="277">
        <v>37</v>
      </c>
      <c r="ES22" s="279">
        <v>0</v>
      </c>
      <c r="ET22" s="280">
        <v>59</v>
      </c>
      <c r="EU22" s="280">
        <v>38</v>
      </c>
      <c r="EV22" s="280">
        <v>24</v>
      </c>
      <c r="EW22" s="280">
        <v>12</v>
      </c>
      <c r="EX22" s="280">
        <v>7</v>
      </c>
      <c r="EY22" s="277">
        <v>140</v>
      </c>
      <c r="EZ22" s="282">
        <v>177</v>
      </c>
    </row>
    <row r="23" spans="2:156" ht="21" customHeight="1" x14ac:dyDescent="0.2">
      <c r="B23" s="261" t="s">
        <v>21</v>
      </c>
      <c r="C23" s="276">
        <v>0</v>
      </c>
      <c r="D23" s="280">
        <v>0</v>
      </c>
      <c r="E23" s="384">
        <v>0</v>
      </c>
      <c r="F23" s="279">
        <v>0</v>
      </c>
      <c r="G23" s="280">
        <v>12</v>
      </c>
      <c r="H23" s="280">
        <v>14</v>
      </c>
      <c r="I23" s="280">
        <v>6</v>
      </c>
      <c r="J23" s="280">
        <v>5</v>
      </c>
      <c r="K23" s="280">
        <v>6</v>
      </c>
      <c r="L23" s="281">
        <v>43</v>
      </c>
      <c r="M23" s="282">
        <v>43</v>
      </c>
      <c r="N23" s="276">
        <v>0</v>
      </c>
      <c r="O23" s="280">
        <v>0</v>
      </c>
      <c r="P23" s="277">
        <v>0</v>
      </c>
      <c r="Q23" s="279">
        <v>0</v>
      </c>
      <c r="R23" s="280">
        <v>0</v>
      </c>
      <c r="S23" s="280">
        <v>1</v>
      </c>
      <c r="T23" s="280">
        <v>0</v>
      </c>
      <c r="U23" s="280">
        <v>2</v>
      </c>
      <c r="V23" s="280">
        <v>3</v>
      </c>
      <c r="W23" s="277">
        <v>6</v>
      </c>
      <c r="X23" s="282">
        <v>6</v>
      </c>
      <c r="Y23" s="276">
        <v>2</v>
      </c>
      <c r="Z23" s="280">
        <v>0</v>
      </c>
      <c r="AA23" s="277">
        <v>2</v>
      </c>
      <c r="AB23" s="279">
        <v>0</v>
      </c>
      <c r="AC23" s="280">
        <v>9</v>
      </c>
      <c r="AD23" s="280">
        <v>9</v>
      </c>
      <c r="AE23" s="280">
        <v>4</v>
      </c>
      <c r="AF23" s="280">
        <v>4</v>
      </c>
      <c r="AG23" s="280">
        <v>5</v>
      </c>
      <c r="AH23" s="277">
        <v>31</v>
      </c>
      <c r="AI23" s="282">
        <v>33</v>
      </c>
      <c r="AJ23" s="276">
        <v>1</v>
      </c>
      <c r="AK23" s="280">
        <v>0</v>
      </c>
      <c r="AL23" s="277">
        <v>1</v>
      </c>
      <c r="AM23" s="279">
        <v>0</v>
      </c>
      <c r="AN23" s="280">
        <v>0</v>
      </c>
      <c r="AO23" s="280">
        <v>2</v>
      </c>
      <c r="AP23" s="280">
        <v>1</v>
      </c>
      <c r="AQ23" s="280">
        <v>1</v>
      </c>
      <c r="AR23" s="280">
        <v>1</v>
      </c>
      <c r="AS23" s="277">
        <v>5</v>
      </c>
      <c r="AT23" s="282">
        <v>6</v>
      </c>
      <c r="AU23" s="276">
        <v>5</v>
      </c>
      <c r="AV23" s="280">
        <v>2</v>
      </c>
      <c r="AW23" s="277">
        <v>7</v>
      </c>
      <c r="AX23" s="279">
        <v>0</v>
      </c>
      <c r="AY23" s="280">
        <v>13</v>
      </c>
      <c r="AZ23" s="280">
        <v>13</v>
      </c>
      <c r="BA23" s="280">
        <v>12</v>
      </c>
      <c r="BB23" s="280">
        <v>16</v>
      </c>
      <c r="BC23" s="280">
        <v>9</v>
      </c>
      <c r="BD23" s="281">
        <v>63</v>
      </c>
      <c r="BE23" s="282">
        <v>70</v>
      </c>
      <c r="BF23" s="276">
        <v>0</v>
      </c>
      <c r="BG23" s="280">
        <v>0</v>
      </c>
      <c r="BH23" s="277">
        <v>0</v>
      </c>
      <c r="BI23" s="279">
        <v>0</v>
      </c>
      <c r="BJ23" s="280">
        <v>16</v>
      </c>
      <c r="BK23" s="280">
        <v>13</v>
      </c>
      <c r="BL23" s="280">
        <v>5</v>
      </c>
      <c r="BM23" s="280">
        <v>5</v>
      </c>
      <c r="BN23" s="280">
        <v>3</v>
      </c>
      <c r="BO23" s="277">
        <v>42</v>
      </c>
      <c r="BP23" s="282">
        <v>42</v>
      </c>
      <c r="BQ23" s="276">
        <v>1</v>
      </c>
      <c r="BR23" s="280">
        <v>1</v>
      </c>
      <c r="BS23" s="277">
        <v>2</v>
      </c>
      <c r="BT23" s="279">
        <v>0</v>
      </c>
      <c r="BU23" s="280">
        <v>2</v>
      </c>
      <c r="BV23" s="280">
        <v>2</v>
      </c>
      <c r="BW23" s="280">
        <v>0</v>
      </c>
      <c r="BX23" s="280">
        <v>0</v>
      </c>
      <c r="BY23" s="280">
        <v>2</v>
      </c>
      <c r="BZ23" s="277">
        <v>6</v>
      </c>
      <c r="CA23" s="282">
        <v>8</v>
      </c>
      <c r="CB23" s="276">
        <v>1</v>
      </c>
      <c r="CC23" s="280">
        <v>0</v>
      </c>
      <c r="CD23" s="277">
        <v>1</v>
      </c>
      <c r="CE23" s="279">
        <v>0</v>
      </c>
      <c r="CF23" s="280">
        <v>1</v>
      </c>
      <c r="CG23" s="280">
        <v>4</v>
      </c>
      <c r="CH23" s="280">
        <v>4</v>
      </c>
      <c r="CI23" s="280">
        <v>2</v>
      </c>
      <c r="CJ23" s="280">
        <v>2</v>
      </c>
      <c r="CK23" s="277">
        <v>13</v>
      </c>
      <c r="CL23" s="282">
        <v>14</v>
      </c>
      <c r="CM23" s="276">
        <v>0</v>
      </c>
      <c r="CN23" s="280">
        <v>0</v>
      </c>
      <c r="CO23" s="277">
        <v>0</v>
      </c>
      <c r="CP23" s="279">
        <v>0</v>
      </c>
      <c r="CQ23" s="280">
        <v>0</v>
      </c>
      <c r="CR23" s="280">
        <v>2</v>
      </c>
      <c r="CS23" s="280">
        <v>0</v>
      </c>
      <c r="CT23" s="280">
        <v>1</v>
      </c>
      <c r="CU23" s="280">
        <v>1</v>
      </c>
      <c r="CV23" s="277">
        <v>4</v>
      </c>
      <c r="CW23" s="282">
        <v>4</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8</v>
      </c>
      <c r="DU23" s="280">
        <v>10</v>
      </c>
      <c r="DV23" s="277">
        <v>18</v>
      </c>
      <c r="DW23" s="279">
        <v>0</v>
      </c>
      <c r="DX23" s="280">
        <v>14</v>
      </c>
      <c r="DY23" s="280">
        <v>31</v>
      </c>
      <c r="DZ23" s="280">
        <v>12</v>
      </c>
      <c r="EA23" s="280">
        <v>14</v>
      </c>
      <c r="EB23" s="280">
        <v>6</v>
      </c>
      <c r="EC23" s="277">
        <v>77</v>
      </c>
      <c r="ED23" s="282">
        <v>95</v>
      </c>
      <c r="EE23" s="276">
        <v>3</v>
      </c>
      <c r="EF23" s="280">
        <v>1</v>
      </c>
      <c r="EG23" s="277">
        <v>4</v>
      </c>
      <c r="EH23" s="279">
        <v>0</v>
      </c>
      <c r="EI23" s="280">
        <v>5</v>
      </c>
      <c r="EJ23" s="280">
        <v>3</v>
      </c>
      <c r="EK23" s="280">
        <v>7</v>
      </c>
      <c r="EL23" s="280">
        <v>5</v>
      </c>
      <c r="EM23" s="280">
        <v>2</v>
      </c>
      <c r="EN23" s="277">
        <v>22</v>
      </c>
      <c r="EO23" s="282">
        <v>26</v>
      </c>
      <c r="EP23" s="276">
        <v>12</v>
      </c>
      <c r="EQ23" s="280">
        <v>11</v>
      </c>
      <c r="ER23" s="277">
        <v>23</v>
      </c>
      <c r="ES23" s="279">
        <v>0</v>
      </c>
      <c r="ET23" s="280">
        <v>44</v>
      </c>
      <c r="EU23" s="280">
        <v>39</v>
      </c>
      <c r="EV23" s="280">
        <v>18</v>
      </c>
      <c r="EW23" s="280">
        <v>15</v>
      </c>
      <c r="EX23" s="280">
        <v>10</v>
      </c>
      <c r="EY23" s="277">
        <v>126</v>
      </c>
      <c r="EZ23" s="282">
        <v>149</v>
      </c>
    </row>
    <row r="24" spans="2:156" ht="21" customHeight="1" x14ac:dyDescent="0.2">
      <c r="B24" s="261" t="s">
        <v>22</v>
      </c>
      <c r="C24" s="276">
        <v>0</v>
      </c>
      <c r="D24" s="280">
        <v>0</v>
      </c>
      <c r="E24" s="384">
        <v>0</v>
      </c>
      <c r="F24" s="279">
        <v>0</v>
      </c>
      <c r="G24" s="280">
        <v>6</v>
      </c>
      <c r="H24" s="280">
        <v>1</v>
      </c>
      <c r="I24" s="280">
        <v>2</v>
      </c>
      <c r="J24" s="280">
        <v>0</v>
      </c>
      <c r="K24" s="280">
        <v>3</v>
      </c>
      <c r="L24" s="281">
        <v>12</v>
      </c>
      <c r="M24" s="282">
        <v>12</v>
      </c>
      <c r="N24" s="276">
        <v>0</v>
      </c>
      <c r="O24" s="280">
        <v>0</v>
      </c>
      <c r="P24" s="277">
        <v>0</v>
      </c>
      <c r="Q24" s="279">
        <v>0</v>
      </c>
      <c r="R24" s="280">
        <v>0</v>
      </c>
      <c r="S24" s="280">
        <v>0</v>
      </c>
      <c r="T24" s="280">
        <v>0</v>
      </c>
      <c r="U24" s="280">
        <v>0</v>
      </c>
      <c r="V24" s="280">
        <v>4</v>
      </c>
      <c r="W24" s="277">
        <v>4</v>
      </c>
      <c r="X24" s="282">
        <v>4</v>
      </c>
      <c r="Y24" s="276">
        <v>1</v>
      </c>
      <c r="Z24" s="280">
        <v>1</v>
      </c>
      <c r="AA24" s="277">
        <v>2</v>
      </c>
      <c r="AB24" s="279">
        <v>0</v>
      </c>
      <c r="AC24" s="280">
        <v>6</v>
      </c>
      <c r="AD24" s="280">
        <v>5</v>
      </c>
      <c r="AE24" s="280">
        <v>2</v>
      </c>
      <c r="AF24" s="280">
        <v>3</v>
      </c>
      <c r="AG24" s="280">
        <v>4</v>
      </c>
      <c r="AH24" s="277">
        <v>20</v>
      </c>
      <c r="AI24" s="282">
        <v>22</v>
      </c>
      <c r="AJ24" s="276">
        <v>0</v>
      </c>
      <c r="AK24" s="280">
        <v>0</v>
      </c>
      <c r="AL24" s="277">
        <v>0</v>
      </c>
      <c r="AM24" s="279">
        <v>0</v>
      </c>
      <c r="AN24" s="280">
        <v>3</v>
      </c>
      <c r="AO24" s="280">
        <v>1</v>
      </c>
      <c r="AP24" s="280">
        <v>0</v>
      </c>
      <c r="AQ24" s="280">
        <v>2</v>
      </c>
      <c r="AR24" s="280">
        <v>0</v>
      </c>
      <c r="AS24" s="277">
        <v>6</v>
      </c>
      <c r="AT24" s="282">
        <v>6</v>
      </c>
      <c r="AU24" s="276">
        <v>0</v>
      </c>
      <c r="AV24" s="280">
        <v>0</v>
      </c>
      <c r="AW24" s="277">
        <v>0</v>
      </c>
      <c r="AX24" s="279">
        <v>0</v>
      </c>
      <c r="AY24" s="280">
        <v>5</v>
      </c>
      <c r="AZ24" s="280">
        <v>3</v>
      </c>
      <c r="BA24" s="280">
        <v>2</v>
      </c>
      <c r="BB24" s="280">
        <v>6</v>
      </c>
      <c r="BC24" s="280">
        <v>2</v>
      </c>
      <c r="BD24" s="281">
        <v>18</v>
      </c>
      <c r="BE24" s="282">
        <v>18</v>
      </c>
      <c r="BF24" s="276">
        <v>0</v>
      </c>
      <c r="BG24" s="280">
        <v>0</v>
      </c>
      <c r="BH24" s="277">
        <v>0</v>
      </c>
      <c r="BI24" s="279">
        <v>0</v>
      </c>
      <c r="BJ24" s="280">
        <v>11</v>
      </c>
      <c r="BK24" s="280">
        <v>3</v>
      </c>
      <c r="BL24" s="280">
        <v>1</v>
      </c>
      <c r="BM24" s="280">
        <v>2</v>
      </c>
      <c r="BN24" s="280">
        <v>3</v>
      </c>
      <c r="BO24" s="277">
        <v>20</v>
      </c>
      <c r="BP24" s="282">
        <v>20</v>
      </c>
      <c r="BQ24" s="276">
        <v>0</v>
      </c>
      <c r="BR24" s="280">
        <v>0</v>
      </c>
      <c r="BS24" s="277">
        <v>0</v>
      </c>
      <c r="BT24" s="279">
        <v>0</v>
      </c>
      <c r="BU24" s="280">
        <v>0</v>
      </c>
      <c r="BV24" s="280">
        <v>1</v>
      </c>
      <c r="BW24" s="280">
        <v>1</v>
      </c>
      <c r="BX24" s="280">
        <v>1</v>
      </c>
      <c r="BY24" s="280">
        <v>0</v>
      </c>
      <c r="BZ24" s="277">
        <v>3</v>
      </c>
      <c r="CA24" s="282">
        <v>3</v>
      </c>
      <c r="CB24" s="276">
        <v>0</v>
      </c>
      <c r="CC24" s="280">
        <v>0</v>
      </c>
      <c r="CD24" s="277">
        <v>0</v>
      </c>
      <c r="CE24" s="279">
        <v>0</v>
      </c>
      <c r="CF24" s="280">
        <v>2</v>
      </c>
      <c r="CG24" s="280">
        <v>1</v>
      </c>
      <c r="CH24" s="280">
        <v>2</v>
      </c>
      <c r="CI24" s="280">
        <v>1</v>
      </c>
      <c r="CJ24" s="280">
        <v>1</v>
      </c>
      <c r="CK24" s="277">
        <v>7</v>
      </c>
      <c r="CL24" s="282">
        <v>7</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1</v>
      </c>
      <c r="DU24" s="280">
        <v>3</v>
      </c>
      <c r="DV24" s="277">
        <v>4</v>
      </c>
      <c r="DW24" s="279">
        <v>0</v>
      </c>
      <c r="DX24" s="280">
        <v>13</v>
      </c>
      <c r="DY24" s="280">
        <v>10</v>
      </c>
      <c r="DZ24" s="280">
        <v>5</v>
      </c>
      <c r="EA24" s="280">
        <v>5</v>
      </c>
      <c r="EB24" s="280">
        <v>4</v>
      </c>
      <c r="EC24" s="277">
        <v>37</v>
      </c>
      <c r="ED24" s="282">
        <v>41</v>
      </c>
      <c r="EE24" s="276">
        <v>0</v>
      </c>
      <c r="EF24" s="280">
        <v>0</v>
      </c>
      <c r="EG24" s="277">
        <v>0</v>
      </c>
      <c r="EH24" s="279">
        <v>0</v>
      </c>
      <c r="EI24" s="280">
        <v>3</v>
      </c>
      <c r="EJ24" s="280">
        <v>4</v>
      </c>
      <c r="EK24" s="280">
        <v>2</v>
      </c>
      <c r="EL24" s="280">
        <v>4</v>
      </c>
      <c r="EM24" s="280">
        <v>2</v>
      </c>
      <c r="EN24" s="277">
        <v>15</v>
      </c>
      <c r="EO24" s="282">
        <v>15</v>
      </c>
      <c r="EP24" s="276">
        <v>1</v>
      </c>
      <c r="EQ24" s="280">
        <v>3</v>
      </c>
      <c r="ER24" s="277">
        <v>4</v>
      </c>
      <c r="ES24" s="279">
        <v>0</v>
      </c>
      <c r="ET24" s="280">
        <v>27</v>
      </c>
      <c r="EU24" s="280">
        <v>11</v>
      </c>
      <c r="EV24" s="280">
        <v>6</v>
      </c>
      <c r="EW24" s="280">
        <v>6</v>
      </c>
      <c r="EX24" s="280">
        <v>7</v>
      </c>
      <c r="EY24" s="277">
        <v>57</v>
      </c>
      <c r="EZ24" s="282">
        <v>61</v>
      </c>
    </row>
    <row r="25" spans="2:156" ht="21" customHeight="1" x14ac:dyDescent="0.2">
      <c r="B25" s="261" t="s">
        <v>23</v>
      </c>
      <c r="C25" s="276">
        <v>0</v>
      </c>
      <c r="D25" s="280">
        <v>0</v>
      </c>
      <c r="E25" s="384">
        <v>0</v>
      </c>
      <c r="F25" s="279">
        <v>0</v>
      </c>
      <c r="G25" s="280">
        <v>1</v>
      </c>
      <c r="H25" s="280">
        <v>7</v>
      </c>
      <c r="I25" s="280">
        <v>4</v>
      </c>
      <c r="J25" s="280">
        <v>3</v>
      </c>
      <c r="K25" s="280">
        <v>0</v>
      </c>
      <c r="L25" s="281">
        <v>15</v>
      </c>
      <c r="M25" s="282">
        <v>15</v>
      </c>
      <c r="N25" s="276">
        <v>0</v>
      </c>
      <c r="O25" s="280">
        <v>0</v>
      </c>
      <c r="P25" s="277">
        <v>0</v>
      </c>
      <c r="Q25" s="279">
        <v>0</v>
      </c>
      <c r="R25" s="280">
        <v>1</v>
      </c>
      <c r="S25" s="280">
        <v>0</v>
      </c>
      <c r="T25" s="280">
        <v>1</v>
      </c>
      <c r="U25" s="280">
        <v>1</v>
      </c>
      <c r="V25" s="280">
        <v>0</v>
      </c>
      <c r="W25" s="277">
        <v>3</v>
      </c>
      <c r="X25" s="282">
        <v>3</v>
      </c>
      <c r="Y25" s="276">
        <v>3</v>
      </c>
      <c r="Z25" s="280">
        <v>1</v>
      </c>
      <c r="AA25" s="277">
        <v>4</v>
      </c>
      <c r="AB25" s="279">
        <v>0</v>
      </c>
      <c r="AC25" s="280">
        <v>4</v>
      </c>
      <c r="AD25" s="280">
        <v>4</v>
      </c>
      <c r="AE25" s="280">
        <v>6</v>
      </c>
      <c r="AF25" s="280">
        <v>4</v>
      </c>
      <c r="AG25" s="280">
        <v>0</v>
      </c>
      <c r="AH25" s="277">
        <v>18</v>
      </c>
      <c r="AI25" s="282">
        <v>22</v>
      </c>
      <c r="AJ25" s="276">
        <v>0</v>
      </c>
      <c r="AK25" s="280">
        <v>1</v>
      </c>
      <c r="AL25" s="277">
        <v>1</v>
      </c>
      <c r="AM25" s="279">
        <v>0</v>
      </c>
      <c r="AN25" s="280">
        <v>0</v>
      </c>
      <c r="AO25" s="280">
        <v>4</v>
      </c>
      <c r="AP25" s="280">
        <v>1</v>
      </c>
      <c r="AQ25" s="280">
        <v>0</v>
      </c>
      <c r="AR25" s="280">
        <v>0</v>
      </c>
      <c r="AS25" s="277">
        <v>5</v>
      </c>
      <c r="AT25" s="282">
        <v>6</v>
      </c>
      <c r="AU25" s="276">
        <v>0</v>
      </c>
      <c r="AV25" s="280">
        <v>1</v>
      </c>
      <c r="AW25" s="277">
        <v>1</v>
      </c>
      <c r="AX25" s="279">
        <v>0</v>
      </c>
      <c r="AY25" s="280">
        <v>5</v>
      </c>
      <c r="AZ25" s="280">
        <v>3</v>
      </c>
      <c r="BA25" s="280">
        <v>10</v>
      </c>
      <c r="BB25" s="280">
        <v>12</v>
      </c>
      <c r="BC25" s="280">
        <v>4</v>
      </c>
      <c r="BD25" s="281">
        <v>34</v>
      </c>
      <c r="BE25" s="282">
        <v>35</v>
      </c>
      <c r="BF25" s="276">
        <v>0</v>
      </c>
      <c r="BG25" s="280">
        <v>0</v>
      </c>
      <c r="BH25" s="277">
        <v>0</v>
      </c>
      <c r="BI25" s="279">
        <v>0</v>
      </c>
      <c r="BJ25" s="280">
        <v>10</v>
      </c>
      <c r="BK25" s="280">
        <v>16</v>
      </c>
      <c r="BL25" s="280">
        <v>4</v>
      </c>
      <c r="BM25" s="280">
        <v>6</v>
      </c>
      <c r="BN25" s="280">
        <v>0</v>
      </c>
      <c r="BO25" s="277">
        <v>36</v>
      </c>
      <c r="BP25" s="282">
        <v>36</v>
      </c>
      <c r="BQ25" s="276">
        <v>0</v>
      </c>
      <c r="BR25" s="280">
        <v>0</v>
      </c>
      <c r="BS25" s="277">
        <v>0</v>
      </c>
      <c r="BT25" s="279">
        <v>0</v>
      </c>
      <c r="BU25" s="280">
        <v>2</v>
      </c>
      <c r="BV25" s="280">
        <v>2</v>
      </c>
      <c r="BW25" s="280">
        <v>6</v>
      </c>
      <c r="BX25" s="280">
        <v>3</v>
      </c>
      <c r="BY25" s="280">
        <v>0</v>
      </c>
      <c r="BZ25" s="277">
        <v>13</v>
      </c>
      <c r="CA25" s="282">
        <v>13</v>
      </c>
      <c r="CB25" s="276">
        <v>0</v>
      </c>
      <c r="CC25" s="280">
        <v>0</v>
      </c>
      <c r="CD25" s="277">
        <v>0</v>
      </c>
      <c r="CE25" s="279">
        <v>0</v>
      </c>
      <c r="CF25" s="280">
        <v>2</v>
      </c>
      <c r="CG25" s="280">
        <v>2</v>
      </c>
      <c r="CH25" s="280">
        <v>4</v>
      </c>
      <c r="CI25" s="280">
        <v>2</v>
      </c>
      <c r="CJ25" s="280">
        <v>1</v>
      </c>
      <c r="CK25" s="277">
        <v>11</v>
      </c>
      <c r="CL25" s="282">
        <v>11</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4</v>
      </c>
      <c r="DU25" s="280">
        <v>6</v>
      </c>
      <c r="DV25" s="277">
        <v>10</v>
      </c>
      <c r="DW25" s="279">
        <v>0</v>
      </c>
      <c r="DX25" s="280">
        <v>12</v>
      </c>
      <c r="DY25" s="280">
        <v>14</v>
      </c>
      <c r="DZ25" s="280">
        <v>9</v>
      </c>
      <c r="EA25" s="280">
        <v>11</v>
      </c>
      <c r="EB25" s="280">
        <v>2</v>
      </c>
      <c r="EC25" s="277">
        <v>48</v>
      </c>
      <c r="ED25" s="282">
        <v>58</v>
      </c>
      <c r="EE25" s="276">
        <v>0</v>
      </c>
      <c r="EF25" s="280">
        <v>1</v>
      </c>
      <c r="EG25" s="277">
        <v>1</v>
      </c>
      <c r="EH25" s="279">
        <v>0</v>
      </c>
      <c r="EI25" s="280">
        <v>4</v>
      </c>
      <c r="EJ25" s="280">
        <v>1</v>
      </c>
      <c r="EK25" s="280">
        <v>2</v>
      </c>
      <c r="EL25" s="280">
        <v>9</v>
      </c>
      <c r="EM25" s="280">
        <v>4</v>
      </c>
      <c r="EN25" s="277">
        <v>20</v>
      </c>
      <c r="EO25" s="282">
        <v>21</v>
      </c>
      <c r="EP25" s="276">
        <v>5</v>
      </c>
      <c r="EQ25" s="280">
        <v>8</v>
      </c>
      <c r="ER25" s="277">
        <v>13</v>
      </c>
      <c r="ES25" s="279">
        <v>0</v>
      </c>
      <c r="ET25" s="280">
        <v>21</v>
      </c>
      <c r="EU25" s="280">
        <v>28</v>
      </c>
      <c r="EV25" s="280">
        <v>17</v>
      </c>
      <c r="EW25" s="280">
        <v>11</v>
      </c>
      <c r="EX25" s="280">
        <v>2</v>
      </c>
      <c r="EY25" s="277">
        <v>79</v>
      </c>
      <c r="EZ25" s="282">
        <v>92</v>
      </c>
    </row>
    <row r="26" spans="2:156" ht="21" customHeight="1" x14ac:dyDescent="0.2">
      <c r="B26" s="261" t="s">
        <v>24</v>
      </c>
      <c r="C26" s="276">
        <v>0</v>
      </c>
      <c r="D26" s="280">
        <v>0</v>
      </c>
      <c r="E26" s="384">
        <v>0</v>
      </c>
      <c r="F26" s="279">
        <v>0</v>
      </c>
      <c r="G26" s="280">
        <v>7</v>
      </c>
      <c r="H26" s="280">
        <v>4</v>
      </c>
      <c r="I26" s="280">
        <v>6</v>
      </c>
      <c r="J26" s="280">
        <v>4</v>
      </c>
      <c r="K26" s="280">
        <v>5</v>
      </c>
      <c r="L26" s="281">
        <v>26</v>
      </c>
      <c r="M26" s="282">
        <v>26</v>
      </c>
      <c r="N26" s="276">
        <v>0</v>
      </c>
      <c r="O26" s="280">
        <v>0</v>
      </c>
      <c r="P26" s="277">
        <v>0</v>
      </c>
      <c r="Q26" s="279">
        <v>0</v>
      </c>
      <c r="R26" s="280">
        <v>0</v>
      </c>
      <c r="S26" s="280">
        <v>0</v>
      </c>
      <c r="T26" s="280">
        <v>0</v>
      </c>
      <c r="U26" s="280">
        <v>0</v>
      </c>
      <c r="V26" s="280">
        <v>3</v>
      </c>
      <c r="W26" s="277">
        <v>3</v>
      </c>
      <c r="X26" s="282">
        <v>3</v>
      </c>
      <c r="Y26" s="276">
        <v>1</v>
      </c>
      <c r="Z26" s="280">
        <v>1</v>
      </c>
      <c r="AA26" s="277">
        <v>2</v>
      </c>
      <c r="AB26" s="279">
        <v>0</v>
      </c>
      <c r="AC26" s="280">
        <v>4</v>
      </c>
      <c r="AD26" s="280">
        <v>3</v>
      </c>
      <c r="AE26" s="280">
        <v>8</v>
      </c>
      <c r="AF26" s="280">
        <v>4</v>
      </c>
      <c r="AG26" s="280">
        <v>4</v>
      </c>
      <c r="AH26" s="277">
        <v>23</v>
      </c>
      <c r="AI26" s="282">
        <v>25</v>
      </c>
      <c r="AJ26" s="276">
        <v>0</v>
      </c>
      <c r="AK26" s="280">
        <v>0</v>
      </c>
      <c r="AL26" s="277">
        <v>0</v>
      </c>
      <c r="AM26" s="279">
        <v>0</v>
      </c>
      <c r="AN26" s="280">
        <v>0</v>
      </c>
      <c r="AO26" s="280">
        <v>0</v>
      </c>
      <c r="AP26" s="280">
        <v>0</v>
      </c>
      <c r="AQ26" s="280">
        <v>0</v>
      </c>
      <c r="AR26" s="280">
        <v>1</v>
      </c>
      <c r="AS26" s="277">
        <v>1</v>
      </c>
      <c r="AT26" s="282">
        <v>1</v>
      </c>
      <c r="AU26" s="276">
        <v>4</v>
      </c>
      <c r="AV26" s="280">
        <v>2</v>
      </c>
      <c r="AW26" s="277">
        <v>6</v>
      </c>
      <c r="AX26" s="279">
        <v>0</v>
      </c>
      <c r="AY26" s="280">
        <v>10</v>
      </c>
      <c r="AZ26" s="280">
        <v>9</v>
      </c>
      <c r="BA26" s="280">
        <v>7</v>
      </c>
      <c r="BB26" s="280">
        <v>11</v>
      </c>
      <c r="BC26" s="280">
        <v>8</v>
      </c>
      <c r="BD26" s="281">
        <v>45</v>
      </c>
      <c r="BE26" s="282">
        <v>51</v>
      </c>
      <c r="BF26" s="276">
        <v>0</v>
      </c>
      <c r="BG26" s="280">
        <v>0</v>
      </c>
      <c r="BH26" s="277">
        <v>0</v>
      </c>
      <c r="BI26" s="279">
        <v>0</v>
      </c>
      <c r="BJ26" s="280">
        <v>8</v>
      </c>
      <c r="BK26" s="280">
        <v>6</v>
      </c>
      <c r="BL26" s="280">
        <v>2</v>
      </c>
      <c r="BM26" s="280">
        <v>1</v>
      </c>
      <c r="BN26" s="280">
        <v>1</v>
      </c>
      <c r="BO26" s="277">
        <v>18</v>
      </c>
      <c r="BP26" s="282">
        <v>18</v>
      </c>
      <c r="BQ26" s="276">
        <v>1</v>
      </c>
      <c r="BR26" s="280">
        <v>1</v>
      </c>
      <c r="BS26" s="277">
        <v>2</v>
      </c>
      <c r="BT26" s="279">
        <v>0</v>
      </c>
      <c r="BU26" s="280">
        <v>4</v>
      </c>
      <c r="BV26" s="280">
        <v>5</v>
      </c>
      <c r="BW26" s="280">
        <v>0</v>
      </c>
      <c r="BX26" s="280">
        <v>1</v>
      </c>
      <c r="BY26" s="280">
        <v>2</v>
      </c>
      <c r="BZ26" s="277">
        <v>12</v>
      </c>
      <c r="CA26" s="282">
        <v>14</v>
      </c>
      <c r="CB26" s="276">
        <v>0</v>
      </c>
      <c r="CC26" s="280">
        <v>0</v>
      </c>
      <c r="CD26" s="277">
        <v>0</v>
      </c>
      <c r="CE26" s="279">
        <v>0</v>
      </c>
      <c r="CF26" s="280">
        <v>0</v>
      </c>
      <c r="CG26" s="280">
        <v>2</v>
      </c>
      <c r="CH26" s="280">
        <v>1</v>
      </c>
      <c r="CI26" s="280">
        <v>0</v>
      </c>
      <c r="CJ26" s="280">
        <v>1</v>
      </c>
      <c r="CK26" s="277">
        <v>4</v>
      </c>
      <c r="CL26" s="282">
        <v>4</v>
      </c>
      <c r="CM26" s="276">
        <v>0</v>
      </c>
      <c r="CN26" s="280">
        <v>0</v>
      </c>
      <c r="CO26" s="277">
        <v>0</v>
      </c>
      <c r="CP26" s="279">
        <v>0</v>
      </c>
      <c r="CQ26" s="280">
        <v>0</v>
      </c>
      <c r="CR26" s="280">
        <v>0</v>
      </c>
      <c r="CS26" s="280">
        <v>0</v>
      </c>
      <c r="CT26" s="280">
        <v>0</v>
      </c>
      <c r="CU26" s="280">
        <v>1</v>
      </c>
      <c r="CV26" s="277">
        <v>1</v>
      </c>
      <c r="CW26" s="282">
        <v>1</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9</v>
      </c>
      <c r="DU26" s="280">
        <v>9</v>
      </c>
      <c r="DV26" s="277">
        <v>18</v>
      </c>
      <c r="DW26" s="279">
        <v>0</v>
      </c>
      <c r="DX26" s="280">
        <v>10</v>
      </c>
      <c r="DY26" s="280">
        <v>11</v>
      </c>
      <c r="DZ26" s="280">
        <v>14</v>
      </c>
      <c r="EA26" s="280">
        <v>6</v>
      </c>
      <c r="EB26" s="280">
        <v>9</v>
      </c>
      <c r="EC26" s="277">
        <v>50</v>
      </c>
      <c r="ED26" s="282">
        <v>68</v>
      </c>
      <c r="EE26" s="276">
        <v>2</v>
      </c>
      <c r="EF26" s="280">
        <v>3</v>
      </c>
      <c r="EG26" s="277">
        <v>5</v>
      </c>
      <c r="EH26" s="279">
        <v>0</v>
      </c>
      <c r="EI26" s="280">
        <v>7</v>
      </c>
      <c r="EJ26" s="280">
        <v>8</v>
      </c>
      <c r="EK26" s="280">
        <v>6</v>
      </c>
      <c r="EL26" s="280">
        <v>5</v>
      </c>
      <c r="EM26" s="280">
        <v>1</v>
      </c>
      <c r="EN26" s="277">
        <v>27</v>
      </c>
      <c r="EO26" s="282">
        <v>32</v>
      </c>
      <c r="EP26" s="276">
        <v>11</v>
      </c>
      <c r="EQ26" s="280">
        <v>10</v>
      </c>
      <c r="ER26" s="277">
        <v>21</v>
      </c>
      <c r="ES26" s="279">
        <v>0</v>
      </c>
      <c r="ET26" s="280">
        <v>19</v>
      </c>
      <c r="EU26" s="280">
        <v>16</v>
      </c>
      <c r="EV26" s="280">
        <v>13</v>
      </c>
      <c r="EW26" s="280">
        <v>7</v>
      </c>
      <c r="EX26" s="280">
        <v>8</v>
      </c>
      <c r="EY26" s="277">
        <v>63</v>
      </c>
      <c r="EZ26" s="282">
        <v>84</v>
      </c>
    </row>
    <row r="27" spans="2:156" ht="21" customHeight="1" x14ac:dyDescent="0.2">
      <c r="B27" s="261" t="s">
        <v>25</v>
      </c>
      <c r="C27" s="276">
        <v>0</v>
      </c>
      <c r="D27" s="280">
        <v>0</v>
      </c>
      <c r="E27" s="384">
        <v>0</v>
      </c>
      <c r="F27" s="279">
        <v>0</v>
      </c>
      <c r="G27" s="280">
        <v>5</v>
      </c>
      <c r="H27" s="280">
        <v>2</v>
      </c>
      <c r="I27" s="280">
        <v>1</v>
      </c>
      <c r="J27" s="280">
        <v>0</v>
      </c>
      <c r="K27" s="280">
        <v>2</v>
      </c>
      <c r="L27" s="281">
        <v>10</v>
      </c>
      <c r="M27" s="282">
        <v>10</v>
      </c>
      <c r="N27" s="276">
        <v>0</v>
      </c>
      <c r="O27" s="280">
        <v>0</v>
      </c>
      <c r="P27" s="277">
        <v>0</v>
      </c>
      <c r="Q27" s="279">
        <v>0</v>
      </c>
      <c r="R27" s="280">
        <v>0</v>
      </c>
      <c r="S27" s="280">
        <v>0</v>
      </c>
      <c r="T27" s="280">
        <v>0</v>
      </c>
      <c r="U27" s="280">
        <v>0</v>
      </c>
      <c r="V27" s="280">
        <v>4</v>
      </c>
      <c r="W27" s="277">
        <v>4</v>
      </c>
      <c r="X27" s="282">
        <v>4</v>
      </c>
      <c r="Y27" s="276">
        <v>1</v>
      </c>
      <c r="Z27" s="280">
        <v>2</v>
      </c>
      <c r="AA27" s="277">
        <v>3</v>
      </c>
      <c r="AB27" s="279">
        <v>0</v>
      </c>
      <c r="AC27" s="280">
        <v>2</v>
      </c>
      <c r="AD27" s="280">
        <v>4</v>
      </c>
      <c r="AE27" s="280">
        <v>2</v>
      </c>
      <c r="AF27" s="280">
        <v>2</v>
      </c>
      <c r="AG27" s="280">
        <v>2</v>
      </c>
      <c r="AH27" s="277">
        <v>12</v>
      </c>
      <c r="AI27" s="282">
        <v>15</v>
      </c>
      <c r="AJ27" s="276">
        <v>0</v>
      </c>
      <c r="AK27" s="280">
        <v>0</v>
      </c>
      <c r="AL27" s="277">
        <v>0</v>
      </c>
      <c r="AM27" s="279">
        <v>0</v>
      </c>
      <c r="AN27" s="280">
        <v>0</v>
      </c>
      <c r="AO27" s="280">
        <v>0</v>
      </c>
      <c r="AP27" s="280">
        <v>0</v>
      </c>
      <c r="AQ27" s="280">
        <v>0</v>
      </c>
      <c r="AR27" s="280">
        <v>0</v>
      </c>
      <c r="AS27" s="277">
        <v>0</v>
      </c>
      <c r="AT27" s="282">
        <v>0</v>
      </c>
      <c r="AU27" s="276">
        <v>2</v>
      </c>
      <c r="AV27" s="280">
        <v>1</v>
      </c>
      <c r="AW27" s="277">
        <v>3</v>
      </c>
      <c r="AX27" s="279">
        <v>0</v>
      </c>
      <c r="AY27" s="280">
        <v>1</v>
      </c>
      <c r="AZ27" s="280">
        <v>4</v>
      </c>
      <c r="BA27" s="280">
        <v>3</v>
      </c>
      <c r="BB27" s="280">
        <v>2</v>
      </c>
      <c r="BC27" s="280">
        <v>4</v>
      </c>
      <c r="BD27" s="281">
        <v>14</v>
      </c>
      <c r="BE27" s="282">
        <v>17</v>
      </c>
      <c r="BF27" s="276">
        <v>0</v>
      </c>
      <c r="BG27" s="280">
        <v>0</v>
      </c>
      <c r="BH27" s="277">
        <v>0</v>
      </c>
      <c r="BI27" s="279">
        <v>0</v>
      </c>
      <c r="BJ27" s="280">
        <v>7</v>
      </c>
      <c r="BK27" s="280">
        <v>5</v>
      </c>
      <c r="BL27" s="280">
        <v>3</v>
      </c>
      <c r="BM27" s="280">
        <v>1</v>
      </c>
      <c r="BN27" s="280">
        <v>0</v>
      </c>
      <c r="BO27" s="277">
        <v>16</v>
      </c>
      <c r="BP27" s="282">
        <v>16</v>
      </c>
      <c r="BQ27" s="276">
        <v>0</v>
      </c>
      <c r="BR27" s="280">
        <v>1</v>
      </c>
      <c r="BS27" s="277">
        <v>1</v>
      </c>
      <c r="BT27" s="279">
        <v>0</v>
      </c>
      <c r="BU27" s="280">
        <v>2</v>
      </c>
      <c r="BV27" s="280">
        <v>5</v>
      </c>
      <c r="BW27" s="280">
        <v>1</v>
      </c>
      <c r="BX27" s="280">
        <v>0</v>
      </c>
      <c r="BY27" s="280">
        <v>1</v>
      </c>
      <c r="BZ27" s="277">
        <v>9</v>
      </c>
      <c r="CA27" s="282">
        <v>10</v>
      </c>
      <c r="CB27" s="276">
        <v>0</v>
      </c>
      <c r="CC27" s="280">
        <v>1</v>
      </c>
      <c r="CD27" s="277">
        <v>1</v>
      </c>
      <c r="CE27" s="279">
        <v>0</v>
      </c>
      <c r="CF27" s="280">
        <v>2</v>
      </c>
      <c r="CG27" s="280">
        <v>1</v>
      </c>
      <c r="CH27" s="280">
        <v>2</v>
      </c>
      <c r="CI27" s="280">
        <v>1</v>
      </c>
      <c r="CJ27" s="280">
        <v>0</v>
      </c>
      <c r="CK27" s="277">
        <v>6</v>
      </c>
      <c r="CL27" s="282">
        <v>7</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4</v>
      </c>
      <c r="DU27" s="280">
        <v>7</v>
      </c>
      <c r="DV27" s="277">
        <v>11</v>
      </c>
      <c r="DW27" s="279">
        <v>0</v>
      </c>
      <c r="DX27" s="280">
        <v>5</v>
      </c>
      <c r="DY27" s="280">
        <v>11</v>
      </c>
      <c r="DZ27" s="280">
        <v>4</v>
      </c>
      <c r="EA27" s="280">
        <v>2</v>
      </c>
      <c r="EB27" s="280">
        <v>4</v>
      </c>
      <c r="EC27" s="277">
        <v>26</v>
      </c>
      <c r="ED27" s="282">
        <v>37</v>
      </c>
      <c r="EE27" s="276">
        <v>0</v>
      </c>
      <c r="EF27" s="280">
        <v>0</v>
      </c>
      <c r="EG27" s="277">
        <v>0</v>
      </c>
      <c r="EH27" s="279">
        <v>0</v>
      </c>
      <c r="EI27" s="280">
        <v>0</v>
      </c>
      <c r="EJ27" s="280">
        <v>2</v>
      </c>
      <c r="EK27" s="280">
        <v>0</v>
      </c>
      <c r="EL27" s="280">
        <v>2</v>
      </c>
      <c r="EM27" s="280">
        <v>2</v>
      </c>
      <c r="EN27" s="277">
        <v>6</v>
      </c>
      <c r="EO27" s="282">
        <v>6</v>
      </c>
      <c r="EP27" s="276">
        <v>5</v>
      </c>
      <c r="EQ27" s="280">
        <v>9</v>
      </c>
      <c r="ER27" s="277">
        <v>14</v>
      </c>
      <c r="ES27" s="279">
        <v>0</v>
      </c>
      <c r="ET27" s="280">
        <v>16</v>
      </c>
      <c r="EU27" s="280">
        <v>15</v>
      </c>
      <c r="EV27" s="280">
        <v>4</v>
      </c>
      <c r="EW27" s="280">
        <v>2</v>
      </c>
      <c r="EX27" s="280">
        <v>5</v>
      </c>
      <c r="EY27" s="277">
        <v>42</v>
      </c>
      <c r="EZ27" s="282">
        <v>56</v>
      </c>
    </row>
    <row r="28" spans="2:156" ht="21" customHeight="1" x14ac:dyDescent="0.2">
      <c r="B28" s="261" t="s">
        <v>26</v>
      </c>
      <c r="C28" s="276">
        <v>0</v>
      </c>
      <c r="D28" s="280">
        <v>0</v>
      </c>
      <c r="E28" s="384">
        <v>0</v>
      </c>
      <c r="F28" s="279">
        <v>0</v>
      </c>
      <c r="G28" s="280">
        <v>4</v>
      </c>
      <c r="H28" s="280">
        <v>1</v>
      </c>
      <c r="I28" s="280">
        <v>3</v>
      </c>
      <c r="J28" s="280">
        <v>3</v>
      </c>
      <c r="K28" s="280">
        <v>2</v>
      </c>
      <c r="L28" s="281">
        <v>13</v>
      </c>
      <c r="M28" s="282">
        <v>13</v>
      </c>
      <c r="N28" s="276">
        <v>0</v>
      </c>
      <c r="O28" s="280">
        <v>0</v>
      </c>
      <c r="P28" s="277">
        <v>0</v>
      </c>
      <c r="Q28" s="279">
        <v>0</v>
      </c>
      <c r="R28" s="280">
        <v>0</v>
      </c>
      <c r="S28" s="280">
        <v>0</v>
      </c>
      <c r="T28" s="280">
        <v>1</v>
      </c>
      <c r="U28" s="280">
        <v>0</v>
      </c>
      <c r="V28" s="280">
        <v>1</v>
      </c>
      <c r="W28" s="277">
        <v>2</v>
      </c>
      <c r="X28" s="282">
        <v>2</v>
      </c>
      <c r="Y28" s="276">
        <v>0</v>
      </c>
      <c r="Z28" s="280">
        <v>4</v>
      </c>
      <c r="AA28" s="277">
        <v>4</v>
      </c>
      <c r="AB28" s="279">
        <v>0</v>
      </c>
      <c r="AC28" s="280">
        <v>5</v>
      </c>
      <c r="AD28" s="280">
        <v>4</v>
      </c>
      <c r="AE28" s="280">
        <v>3</v>
      </c>
      <c r="AF28" s="280">
        <v>5</v>
      </c>
      <c r="AG28" s="280">
        <v>3</v>
      </c>
      <c r="AH28" s="277">
        <v>20</v>
      </c>
      <c r="AI28" s="282">
        <v>24</v>
      </c>
      <c r="AJ28" s="276">
        <v>0</v>
      </c>
      <c r="AK28" s="280">
        <v>0</v>
      </c>
      <c r="AL28" s="277">
        <v>0</v>
      </c>
      <c r="AM28" s="279">
        <v>0</v>
      </c>
      <c r="AN28" s="280">
        <v>0</v>
      </c>
      <c r="AO28" s="280">
        <v>0</v>
      </c>
      <c r="AP28" s="280">
        <v>1</v>
      </c>
      <c r="AQ28" s="280">
        <v>0</v>
      </c>
      <c r="AR28" s="280">
        <v>0</v>
      </c>
      <c r="AS28" s="277">
        <v>1</v>
      </c>
      <c r="AT28" s="282">
        <v>1</v>
      </c>
      <c r="AU28" s="276">
        <v>2</v>
      </c>
      <c r="AV28" s="280">
        <v>0</v>
      </c>
      <c r="AW28" s="277">
        <v>2</v>
      </c>
      <c r="AX28" s="279">
        <v>0</v>
      </c>
      <c r="AY28" s="280">
        <v>4</v>
      </c>
      <c r="AZ28" s="280">
        <v>8</v>
      </c>
      <c r="BA28" s="280">
        <v>2</v>
      </c>
      <c r="BB28" s="280">
        <v>6</v>
      </c>
      <c r="BC28" s="280">
        <v>3</v>
      </c>
      <c r="BD28" s="281">
        <v>23</v>
      </c>
      <c r="BE28" s="282">
        <v>25</v>
      </c>
      <c r="BF28" s="276">
        <v>0</v>
      </c>
      <c r="BG28" s="280">
        <v>0</v>
      </c>
      <c r="BH28" s="277">
        <v>0</v>
      </c>
      <c r="BI28" s="279">
        <v>0</v>
      </c>
      <c r="BJ28" s="280">
        <v>6</v>
      </c>
      <c r="BK28" s="280">
        <v>2</v>
      </c>
      <c r="BL28" s="280">
        <v>3</v>
      </c>
      <c r="BM28" s="280">
        <v>1</v>
      </c>
      <c r="BN28" s="280">
        <v>0</v>
      </c>
      <c r="BO28" s="277">
        <v>12</v>
      </c>
      <c r="BP28" s="282">
        <v>12</v>
      </c>
      <c r="BQ28" s="276">
        <v>0</v>
      </c>
      <c r="BR28" s="280">
        <v>1</v>
      </c>
      <c r="BS28" s="277">
        <v>1</v>
      </c>
      <c r="BT28" s="279">
        <v>0</v>
      </c>
      <c r="BU28" s="280">
        <v>0</v>
      </c>
      <c r="BV28" s="280">
        <v>4</v>
      </c>
      <c r="BW28" s="280">
        <v>2</v>
      </c>
      <c r="BX28" s="280">
        <v>0</v>
      </c>
      <c r="BY28" s="280">
        <v>0</v>
      </c>
      <c r="BZ28" s="277">
        <v>6</v>
      </c>
      <c r="CA28" s="282">
        <v>7</v>
      </c>
      <c r="CB28" s="276">
        <v>0</v>
      </c>
      <c r="CC28" s="280">
        <v>1</v>
      </c>
      <c r="CD28" s="277">
        <v>1</v>
      </c>
      <c r="CE28" s="279">
        <v>0</v>
      </c>
      <c r="CF28" s="280">
        <v>0</v>
      </c>
      <c r="CG28" s="280">
        <v>0</v>
      </c>
      <c r="CH28" s="280">
        <v>1</v>
      </c>
      <c r="CI28" s="280">
        <v>0</v>
      </c>
      <c r="CJ28" s="280">
        <v>0</v>
      </c>
      <c r="CK28" s="277">
        <v>1</v>
      </c>
      <c r="CL28" s="282">
        <v>2</v>
      </c>
      <c r="CM28" s="276">
        <v>0</v>
      </c>
      <c r="CN28" s="280">
        <v>0</v>
      </c>
      <c r="CO28" s="277">
        <v>0</v>
      </c>
      <c r="CP28" s="279">
        <v>0</v>
      </c>
      <c r="CQ28" s="280">
        <v>0</v>
      </c>
      <c r="CR28" s="280">
        <v>1</v>
      </c>
      <c r="CS28" s="280">
        <v>0</v>
      </c>
      <c r="CT28" s="280">
        <v>0</v>
      </c>
      <c r="CU28" s="280">
        <v>0</v>
      </c>
      <c r="CV28" s="277">
        <v>1</v>
      </c>
      <c r="CW28" s="282">
        <v>1</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3</v>
      </c>
      <c r="DU28" s="280">
        <v>7</v>
      </c>
      <c r="DV28" s="277">
        <v>10</v>
      </c>
      <c r="DW28" s="279">
        <v>0</v>
      </c>
      <c r="DX28" s="280">
        <v>11</v>
      </c>
      <c r="DY28" s="280">
        <v>5</v>
      </c>
      <c r="DZ28" s="280">
        <v>8</v>
      </c>
      <c r="EA28" s="280">
        <v>5</v>
      </c>
      <c r="EB28" s="280">
        <v>3</v>
      </c>
      <c r="EC28" s="277">
        <v>32</v>
      </c>
      <c r="ED28" s="282">
        <v>42</v>
      </c>
      <c r="EE28" s="276">
        <v>3</v>
      </c>
      <c r="EF28" s="280">
        <v>0</v>
      </c>
      <c r="EG28" s="277">
        <v>3</v>
      </c>
      <c r="EH28" s="279">
        <v>0</v>
      </c>
      <c r="EI28" s="280">
        <v>2</v>
      </c>
      <c r="EJ28" s="280">
        <v>10</v>
      </c>
      <c r="EK28" s="280">
        <v>0</v>
      </c>
      <c r="EL28" s="280">
        <v>2</v>
      </c>
      <c r="EM28" s="280">
        <v>0</v>
      </c>
      <c r="EN28" s="277">
        <v>14</v>
      </c>
      <c r="EO28" s="282">
        <v>17</v>
      </c>
      <c r="EP28" s="276">
        <v>3</v>
      </c>
      <c r="EQ28" s="280">
        <v>10</v>
      </c>
      <c r="ER28" s="277">
        <v>13</v>
      </c>
      <c r="ES28" s="279">
        <v>0</v>
      </c>
      <c r="ET28" s="280">
        <v>19</v>
      </c>
      <c r="EU28" s="280">
        <v>8</v>
      </c>
      <c r="EV28" s="280">
        <v>8</v>
      </c>
      <c r="EW28" s="280">
        <v>5</v>
      </c>
      <c r="EX28" s="280">
        <v>3</v>
      </c>
      <c r="EY28" s="277">
        <v>43</v>
      </c>
      <c r="EZ28" s="282">
        <v>56</v>
      </c>
    </row>
    <row r="29" spans="2:156" ht="21" customHeight="1" x14ac:dyDescent="0.2">
      <c r="B29" s="261" t="s">
        <v>27</v>
      </c>
      <c r="C29" s="276">
        <v>0</v>
      </c>
      <c r="D29" s="280">
        <v>0</v>
      </c>
      <c r="E29" s="384">
        <v>0</v>
      </c>
      <c r="F29" s="279">
        <v>0</v>
      </c>
      <c r="G29" s="280">
        <v>1</v>
      </c>
      <c r="H29" s="280">
        <v>3</v>
      </c>
      <c r="I29" s="280">
        <v>1</v>
      </c>
      <c r="J29" s="280">
        <v>0</v>
      </c>
      <c r="K29" s="280">
        <v>1</v>
      </c>
      <c r="L29" s="281">
        <v>6</v>
      </c>
      <c r="M29" s="282">
        <v>6</v>
      </c>
      <c r="N29" s="276">
        <v>0</v>
      </c>
      <c r="O29" s="280">
        <v>0</v>
      </c>
      <c r="P29" s="277">
        <v>0</v>
      </c>
      <c r="Q29" s="279">
        <v>0</v>
      </c>
      <c r="R29" s="280">
        <v>0</v>
      </c>
      <c r="S29" s="280">
        <v>0</v>
      </c>
      <c r="T29" s="280">
        <v>0</v>
      </c>
      <c r="U29" s="280">
        <v>1</v>
      </c>
      <c r="V29" s="280">
        <v>0</v>
      </c>
      <c r="W29" s="277">
        <v>1</v>
      </c>
      <c r="X29" s="282">
        <v>1</v>
      </c>
      <c r="Y29" s="276">
        <v>3</v>
      </c>
      <c r="Z29" s="280">
        <v>2</v>
      </c>
      <c r="AA29" s="277">
        <v>5</v>
      </c>
      <c r="AB29" s="279">
        <v>0</v>
      </c>
      <c r="AC29" s="280">
        <v>1</v>
      </c>
      <c r="AD29" s="280">
        <v>4</v>
      </c>
      <c r="AE29" s="280">
        <v>3</v>
      </c>
      <c r="AF29" s="280">
        <v>2</v>
      </c>
      <c r="AG29" s="280">
        <v>1</v>
      </c>
      <c r="AH29" s="277">
        <v>11</v>
      </c>
      <c r="AI29" s="282">
        <v>16</v>
      </c>
      <c r="AJ29" s="276">
        <v>0</v>
      </c>
      <c r="AK29" s="280">
        <v>0</v>
      </c>
      <c r="AL29" s="277">
        <v>0</v>
      </c>
      <c r="AM29" s="279">
        <v>0</v>
      </c>
      <c r="AN29" s="280">
        <v>0</v>
      </c>
      <c r="AO29" s="280">
        <v>0</v>
      </c>
      <c r="AP29" s="280">
        <v>0</v>
      </c>
      <c r="AQ29" s="280">
        <v>0</v>
      </c>
      <c r="AR29" s="280">
        <v>0</v>
      </c>
      <c r="AS29" s="277">
        <v>0</v>
      </c>
      <c r="AT29" s="282">
        <v>0</v>
      </c>
      <c r="AU29" s="276">
        <v>0</v>
      </c>
      <c r="AV29" s="280">
        <v>1</v>
      </c>
      <c r="AW29" s="277">
        <v>1</v>
      </c>
      <c r="AX29" s="279">
        <v>0</v>
      </c>
      <c r="AY29" s="280">
        <v>3</v>
      </c>
      <c r="AZ29" s="280">
        <v>4</v>
      </c>
      <c r="BA29" s="280">
        <v>8</v>
      </c>
      <c r="BB29" s="280">
        <v>3</v>
      </c>
      <c r="BC29" s="280">
        <v>1</v>
      </c>
      <c r="BD29" s="281">
        <v>19</v>
      </c>
      <c r="BE29" s="282">
        <v>20</v>
      </c>
      <c r="BF29" s="276">
        <v>0</v>
      </c>
      <c r="BG29" s="280">
        <v>0</v>
      </c>
      <c r="BH29" s="277">
        <v>0</v>
      </c>
      <c r="BI29" s="279">
        <v>0</v>
      </c>
      <c r="BJ29" s="280">
        <v>0</v>
      </c>
      <c r="BK29" s="280">
        <v>2</v>
      </c>
      <c r="BL29" s="280">
        <v>2</v>
      </c>
      <c r="BM29" s="280">
        <v>1</v>
      </c>
      <c r="BN29" s="280">
        <v>0</v>
      </c>
      <c r="BO29" s="277">
        <v>5</v>
      </c>
      <c r="BP29" s="282">
        <v>5</v>
      </c>
      <c r="BQ29" s="276">
        <v>3</v>
      </c>
      <c r="BR29" s="280">
        <v>1</v>
      </c>
      <c r="BS29" s="277">
        <v>4</v>
      </c>
      <c r="BT29" s="279">
        <v>0</v>
      </c>
      <c r="BU29" s="280">
        <v>1</v>
      </c>
      <c r="BV29" s="280">
        <v>1</v>
      </c>
      <c r="BW29" s="280">
        <v>2</v>
      </c>
      <c r="BX29" s="280">
        <v>0</v>
      </c>
      <c r="BY29" s="280">
        <v>0</v>
      </c>
      <c r="BZ29" s="277">
        <v>4</v>
      </c>
      <c r="CA29" s="282">
        <v>8</v>
      </c>
      <c r="CB29" s="276">
        <v>0</v>
      </c>
      <c r="CC29" s="280">
        <v>0</v>
      </c>
      <c r="CD29" s="277">
        <v>0</v>
      </c>
      <c r="CE29" s="279">
        <v>0</v>
      </c>
      <c r="CF29" s="280">
        <v>0</v>
      </c>
      <c r="CG29" s="280">
        <v>0</v>
      </c>
      <c r="CH29" s="280">
        <v>1</v>
      </c>
      <c r="CI29" s="280">
        <v>1</v>
      </c>
      <c r="CJ29" s="280">
        <v>0</v>
      </c>
      <c r="CK29" s="277">
        <v>2</v>
      </c>
      <c r="CL29" s="282">
        <v>2</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5</v>
      </c>
      <c r="DU29" s="280">
        <v>11</v>
      </c>
      <c r="DV29" s="277">
        <v>16</v>
      </c>
      <c r="DW29" s="279">
        <v>0</v>
      </c>
      <c r="DX29" s="280">
        <v>3</v>
      </c>
      <c r="DY29" s="280">
        <v>5</v>
      </c>
      <c r="DZ29" s="280">
        <v>4</v>
      </c>
      <c r="EA29" s="280">
        <v>2</v>
      </c>
      <c r="EB29" s="280">
        <v>1</v>
      </c>
      <c r="EC29" s="277">
        <v>15</v>
      </c>
      <c r="ED29" s="282">
        <v>31</v>
      </c>
      <c r="EE29" s="276">
        <v>0</v>
      </c>
      <c r="EF29" s="280">
        <v>1</v>
      </c>
      <c r="EG29" s="277">
        <v>1</v>
      </c>
      <c r="EH29" s="279">
        <v>0</v>
      </c>
      <c r="EI29" s="280">
        <v>4</v>
      </c>
      <c r="EJ29" s="280">
        <v>3</v>
      </c>
      <c r="EK29" s="280">
        <v>6</v>
      </c>
      <c r="EL29" s="280">
        <v>2</v>
      </c>
      <c r="EM29" s="280">
        <v>0</v>
      </c>
      <c r="EN29" s="277">
        <v>15</v>
      </c>
      <c r="EO29" s="282">
        <v>16</v>
      </c>
      <c r="EP29" s="276">
        <v>7</v>
      </c>
      <c r="EQ29" s="280">
        <v>11</v>
      </c>
      <c r="ER29" s="277">
        <v>18</v>
      </c>
      <c r="ES29" s="279">
        <v>0</v>
      </c>
      <c r="ET29" s="280">
        <v>5</v>
      </c>
      <c r="EU29" s="280">
        <v>8</v>
      </c>
      <c r="EV29" s="280">
        <v>7</v>
      </c>
      <c r="EW29" s="280">
        <v>2</v>
      </c>
      <c r="EX29" s="280">
        <v>1</v>
      </c>
      <c r="EY29" s="277">
        <v>23</v>
      </c>
      <c r="EZ29" s="282">
        <v>41</v>
      </c>
    </row>
    <row r="30" spans="2:156" ht="21" customHeight="1" x14ac:dyDescent="0.2">
      <c r="B30" s="261" t="s">
        <v>28</v>
      </c>
      <c r="C30" s="276">
        <v>0</v>
      </c>
      <c r="D30" s="280">
        <v>0</v>
      </c>
      <c r="E30" s="384">
        <v>0</v>
      </c>
      <c r="F30" s="279">
        <v>0</v>
      </c>
      <c r="G30" s="280">
        <v>1</v>
      </c>
      <c r="H30" s="280">
        <v>1</v>
      </c>
      <c r="I30" s="280">
        <v>0</v>
      </c>
      <c r="J30" s="280">
        <v>0</v>
      </c>
      <c r="K30" s="280">
        <v>1</v>
      </c>
      <c r="L30" s="281">
        <v>3</v>
      </c>
      <c r="M30" s="282">
        <v>3</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1</v>
      </c>
      <c r="AD30" s="280">
        <v>1</v>
      </c>
      <c r="AE30" s="280">
        <v>1</v>
      </c>
      <c r="AF30" s="280">
        <v>0</v>
      </c>
      <c r="AG30" s="280">
        <v>0</v>
      </c>
      <c r="AH30" s="277">
        <v>3</v>
      </c>
      <c r="AI30" s="282">
        <v>3</v>
      </c>
      <c r="AJ30" s="276">
        <v>0</v>
      </c>
      <c r="AK30" s="280">
        <v>0</v>
      </c>
      <c r="AL30" s="277">
        <v>0</v>
      </c>
      <c r="AM30" s="279">
        <v>0</v>
      </c>
      <c r="AN30" s="280">
        <v>1</v>
      </c>
      <c r="AO30" s="280">
        <v>0</v>
      </c>
      <c r="AP30" s="280">
        <v>0</v>
      </c>
      <c r="AQ30" s="280">
        <v>0</v>
      </c>
      <c r="AR30" s="280">
        <v>0</v>
      </c>
      <c r="AS30" s="277">
        <v>1</v>
      </c>
      <c r="AT30" s="282">
        <v>1</v>
      </c>
      <c r="AU30" s="276">
        <v>0</v>
      </c>
      <c r="AV30" s="280">
        <v>0</v>
      </c>
      <c r="AW30" s="277">
        <v>0</v>
      </c>
      <c r="AX30" s="279">
        <v>0</v>
      </c>
      <c r="AY30" s="280">
        <v>1</v>
      </c>
      <c r="AZ30" s="280">
        <v>2</v>
      </c>
      <c r="BA30" s="280">
        <v>1</v>
      </c>
      <c r="BB30" s="280">
        <v>1</v>
      </c>
      <c r="BC30" s="280">
        <v>2</v>
      </c>
      <c r="BD30" s="281">
        <v>7</v>
      </c>
      <c r="BE30" s="282">
        <v>7</v>
      </c>
      <c r="BF30" s="276">
        <v>0</v>
      </c>
      <c r="BG30" s="280">
        <v>0</v>
      </c>
      <c r="BH30" s="277">
        <v>0</v>
      </c>
      <c r="BI30" s="279">
        <v>0</v>
      </c>
      <c r="BJ30" s="280">
        <v>1</v>
      </c>
      <c r="BK30" s="280">
        <v>1</v>
      </c>
      <c r="BL30" s="280">
        <v>0</v>
      </c>
      <c r="BM30" s="280">
        <v>1</v>
      </c>
      <c r="BN30" s="280">
        <v>0</v>
      </c>
      <c r="BO30" s="277">
        <v>3</v>
      </c>
      <c r="BP30" s="282">
        <v>3</v>
      </c>
      <c r="BQ30" s="276">
        <v>0</v>
      </c>
      <c r="BR30" s="280">
        <v>0</v>
      </c>
      <c r="BS30" s="277">
        <v>0</v>
      </c>
      <c r="BT30" s="279">
        <v>0</v>
      </c>
      <c r="BU30" s="280">
        <v>1</v>
      </c>
      <c r="BV30" s="280">
        <v>1</v>
      </c>
      <c r="BW30" s="280">
        <v>1</v>
      </c>
      <c r="BX30" s="280">
        <v>0</v>
      </c>
      <c r="BY30" s="280">
        <v>1</v>
      </c>
      <c r="BZ30" s="277">
        <v>4</v>
      </c>
      <c r="CA30" s="282">
        <v>4</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2</v>
      </c>
      <c r="DU30" s="280">
        <v>1</v>
      </c>
      <c r="DV30" s="277">
        <v>3</v>
      </c>
      <c r="DW30" s="279">
        <v>0</v>
      </c>
      <c r="DX30" s="280">
        <v>4</v>
      </c>
      <c r="DY30" s="280">
        <v>2</v>
      </c>
      <c r="DZ30" s="280">
        <v>1</v>
      </c>
      <c r="EA30" s="280">
        <v>0</v>
      </c>
      <c r="EB30" s="280">
        <v>2</v>
      </c>
      <c r="EC30" s="277">
        <v>9</v>
      </c>
      <c r="ED30" s="282">
        <v>12</v>
      </c>
      <c r="EE30" s="276">
        <v>0</v>
      </c>
      <c r="EF30" s="280">
        <v>0</v>
      </c>
      <c r="EG30" s="277">
        <v>0</v>
      </c>
      <c r="EH30" s="279">
        <v>0</v>
      </c>
      <c r="EI30" s="280">
        <v>0</v>
      </c>
      <c r="EJ30" s="280">
        <v>0</v>
      </c>
      <c r="EK30" s="280">
        <v>1</v>
      </c>
      <c r="EL30" s="280">
        <v>1</v>
      </c>
      <c r="EM30" s="280">
        <v>0</v>
      </c>
      <c r="EN30" s="277">
        <v>2</v>
      </c>
      <c r="EO30" s="282">
        <v>2</v>
      </c>
      <c r="EP30" s="276">
        <v>2</v>
      </c>
      <c r="EQ30" s="280">
        <v>1</v>
      </c>
      <c r="ER30" s="277">
        <v>3</v>
      </c>
      <c r="ES30" s="279">
        <v>0</v>
      </c>
      <c r="ET30" s="280">
        <v>7</v>
      </c>
      <c r="EU30" s="280">
        <v>3</v>
      </c>
      <c r="EV30" s="280">
        <v>1</v>
      </c>
      <c r="EW30" s="280">
        <v>1</v>
      </c>
      <c r="EX30" s="280">
        <v>2</v>
      </c>
      <c r="EY30" s="277">
        <v>14</v>
      </c>
      <c r="EZ30" s="282">
        <v>17</v>
      </c>
    </row>
    <row r="31" spans="2:156" ht="21" customHeight="1" x14ac:dyDescent="0.2">
      <c r="B31" s="261" t="s">
        <v>29</v>
      </c>
      <c r="C31" s="276">
        <v>0</v>
      </c>
      <c r="D31" s="280">
        <v>0</v>
      </c>
      <c r="E31" s="384">
        <v>0</v>
      </c>
      <c r="F31" s="279">
        <v>0</v>
      </c>
      <c r="G31" s="280">
        <v>1</v>
      </c>
      <c r="H31" s="280">
        <v>1</v>
      </c>
      <c r="I31" s="280">
        <v>1</v>
      </c>
      <c r="J31" s="280">
        <v>2</v>
      </c>
      <c r="K31" s="280">
        <v>0</v>
      </c>
      <c r="L31" s="281">
        <v>5</v>
      </c>
      <c r="M31" s="282">
        <v>5</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v>
      </c>
      <c r="AE31" s="280">
        <v>5</v>
      </c>
      <c r="AF31" s="280">
        <v>0</v>
      </c>
      <c r="AG31" s="280">
        <v>0</v>
      </c>
      <c r="AH31" s="277">
        <v>6</v>
      </c>
      <c r="AI31" s="282">
        <v>6</v>
      </c>
      <c r="AJ31" s="276">
        <v>0</v>
      </c>
      <c r="AK31" s="280">
        <v>0</v>
      </c>
      <c r="AL31" s="277">
        <v>0</v>
      </c>
      <c r="AM31" s="279">
        <v>0</v>
      </c>
      <c r="AN31" s="280">
        <v>0</v>
      </c>
      <c r="AO31" s="280">
        <v>1</v>
      </c>
      <c r="AP31" s="280">
        <v>1</v>
      </c>
      <c r="AQ31" s="280">
        <v>1</v>
      </c>
      <c r="AR31" s="280">
        <v>0</v>
      </c>
      <c r="AS31" s="277">
        <v>3</v>
      </c>
      <c r="AT31" s="282">
        <v>3</v>
      </c>
      <c r="AU31" s="276">
        <v>0</v>
      </c>
      <c r="AV31" s="280">
        <v>0</v>
      </c>
      <c r="AW31" s="277">
        <v>0</v>
      </c>
      <c r="AX31" s="279">
        <v>0</v>
      </c>
      <c r="AY31" s="280">
        <v>1</v>
      </c>
      <c r="AZ31" s="280">
        <v>0</v>
      </c>
      <c r="BA31" s="280">
        <v>3</v>
      </c>
      <c r="BB31" s="280">
        <v>3</v>
      </c>
      <c r="BC31" s="280">
        <v>0</v>
      </c>
      <c r="BD31" s="281">
        <v>7</v>
      </c>
      <c r="BE31" s="282">
        <v>7</v>
      </c>
      <c r="BF31" s="276">
        <v>0</v>
      </c>
      <c r="BG31" s="280">
        <v>0</v>
      </c>
      <c r="BH31" s="277">
        <v>0</v>
      </c>
      <c r="BI31" s="279">
        <v>0</v>
      </c>
      <c r="BJ31" s="280">
        <v>1</v>
      </c>
      <c r="BK31" s="280">
        <v>0</v>
      </c>
      <c r="BL31" s="280">
        <v>1</v>
      </c>
      <c r="BM31" s="280">
        <v>0</v>
      </c>
      <c r="BN31" s="280">
        <v>0</v>
      </c>
      <c r="BO31" s="277">
        <v>2</v>
      </c>
      <c r="BP31" s="282">
        <v>2</v>
      </c>
      <c r="BQ31" s="276">
        <v>0</v>
      </c>
      <c r="BR31" s="280">
        <v>0</v>
      </c>
      <c r="BS31" s="277">
        <v>0</v>
      </c>
      <c r="BT31" s="279">
        <v>0</v>
      </c>
      <c r="BU31" s="280">
        <v>1</v>
      </c>
      <c r="BV31" s="280">
        <v>1</v>
      </c>
      <c r="BW31" s="280">
        <v>1</v>
      </c>
      <c r="BX31" s="280">
        <v>1</v>
      </c>
      <c r="BY31" s="280">
        <v>0</v>
      </c>
      <c r="BZ31" s="277">
        <v>4</v>
      </c>
      <c r="CA31" s="282">
        <v>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1</v>
      </c>
      <c r="CS31" s="280">
        <v>0</v>
      </c>
      <c r="CT31" s="280">
        <v>0</v>
      </c>
      <c r="CU31" s="280">
        <v>0</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1</v>
      </c>
      <c r="DV31" s="277">
        <v>3</v>
      </c>
      <c r="DW31" s="279">
        <v>0</v>
      </c>
      <c r="DX31" s="280">
        <v>2</v>
      </c>
      <c r="DY31" s="280">
        <v>1</v>
      </c>
      <c r="DZ31" s="280">
        <v>6</v>
      </c>
      <c r="EA31" s="280">
        <v>2</v>
      </c>
      <c r="EB31" s="280">
        <v>1</v>
      </c>
      <c r="EC31" s="277">
        <v>12</v>
      </c>
      <c r="ED31" s="282">
        <v>15</v>
      </c>
      <c r="EE31" s="276">
        <v>0</v>
      </c>
      <c r="EF31" s="280">
        <v>0</v>
      </c>
      <c r="EG31" s="277">
        <v>0</v>
      </c>
      <c r="EH31" s="279">
        <v>0</v>
      </c>
      <c r="EI31" s="280">
        <v>1</v>
      </c>
      <c r="EJ31" s="280">
        <v>0</v>
      </c>
      <c r="EK31" s="280">
        <v>0</v>
      </c>
      <c r="EL31" s="280">
        <v>3</v>
      </c>
      <c r="EM31" s="280">
        <v>0</v>
      </c>
      <c r="EN31" s="277">
        <v>4</v>
      </c>
      <c r="EO31" s="282">
        <v>4</v>
      </c>
      <c r="EP31" s="276">
        <v>2</v>
      </c>
      <c r="EQ31" s="280">
        <v>1</v>
      </c>
      <c r="ER31" s="277">
        <v>3</v>
      </c>
      <c r="ES31" s="279">
        <v>0</v>
      </c>
      <c r="ET31" s="280">
        <v>3</v>
      </c>
      <c r="EU31" s="280">
        <v>2</v>
      </c>
      <c r="EV31" s="280">
        <v>7</v>
      </c>
      <c r="EW31" s="280">
        <v>2</v>
      </c>
      <c r="EX31" s="280">
        <v>1</v>
      </c>
      <c r="EY31" s="277">
        <v>15</v>
      </c>
      <c r="EZ31" s="282">
        <v>18</v>
      </c>
    </row>
    <row r="32" spans="2:156" ht="21" customHeight="1" x14ac:dyDescent="0.2">
      <c r="B32" s="261" t="s">
        <v>30</v>
      </c>
      <c r="C32" s="276">
        <v>0</v>
      </c>
      <c r="D32" s="280">
        <v>0</v>
      </c>
      <c r="E32" s="384">
        <v>0</v>
      </c>
      <c r="F32" s="279">
        <v>0</v>
      </c>
      <c r="G32" s="280">
        <v>1</v>
      </c>
      <c r="H32" s="280">
        <v>0</v>
      </c>
      <c r="I32" s="280">
        <v>1</v>
      </c>
      <c r="J32" s="280">
        <v>0</v>
      </c>
      <c r="K32" s="280">
        <v>0</v>
      </c>
      <c r="L32" s="281">
        <v>2</v>
      </c>
      <c r="M32" s="282">
        <v>2</v>
      </c>
      <c r="N32" s="276">
        <v>0</v>
      </c>
      <c r="O32" s="280">
        <v>0</v>
      </c>
      <c r="P32" s="277">
        <v>0</v>
      </c>
      <c r="Q32" s="279">
        <v>0</v>
      </c>
      <c r="R32" s="280">
        <v>0</v>
      </c>
      <c r="S32" s="280">
        <v>0</v>
      </c>
      <c r="T32" s="280">
        <v>0</v>
      </c>
      <c r="U32" s="280">
        <v>1</v>
      </c>
      <c r="V32" s="280">
        <v>0</v>
      </c>
      <c r="W32" s="277">
        <v>1</v>
      </c>
      <c r="X32" s="282">
        <v>1</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1</v>
      </c>
      <c r="BA32" s="280">
        <v>1</v>
      </c>
      <c r="BB32" s="280">
        <v>0</v>
      </c>
      <c r="BC32" s="280">
        <v>0</v>
      </c>
      <c r="BD32" s="281">
        <v>4</v>
      </c>
      <c r="BE32" s="282">
        <v>4</v>
      </c>
      <c r="BF32" s="276">
        <v>0</v>
      </c>
      <c r="BG32" s="280">
        <v>0</v>
      </c>
      <c r="BH32" s="277">
        <v>0</v>
      </c>
      <c r="BI32" s="279">
        <v>0</v>
      </c>
      <c r="BJ32" s="280">
        <v>1</v>
      </c>
      <c r="BK32" s="280">
        <v>3</v>
      </c>
      <c r="BL32" s="280">
        <v>0</v>
      </c>
      <c r="BM32" s="280">
        <v>0</v>
      </c>
      <c r="BN32" s="280">
        <v>0</v>
      </c>
      <c r="BO32" s="277">
        <v>4</v>
      </c>
      <c r="BP32" s="282">
        <v>4</v>
      </c>
      <c r="BQ32" s="276">
        <v>0</v>
      </c>
      <c r="BR32" s="280">
        <v>0</v>
      </c>
      <c r="BS32" s="277">
        <v>0</v>
      </c>
      <c r="BT32" s="279">
        <v>0</v>
      </c>
      <c r="BU32" s="280">
        <v>0</v>
      </c>
      <c r="BV32" s="280">
        <v>2</v>
      </c>
      <c r="BW32" s="280">
        <v>0</v>
      </c>
      <c r="BX32" s="280">
        <v>0</v>
      </c>
      <c r="BY32" s="280">
        <v>0</v>
      </c>
      <c r="BZ32" s="277">
        <v>2</v>
      </c>
      <c r="CA32" s="282">
        <v>2</v>
      </c>
      <c r="CB32" s="276">
        <v>0</v>
      </c>
      <c r="CC32" s="280">
        <v>0</v>
      </c>
      <c r="CD32" s="277">
        <v>0</v>
      </c>
      <c r="CE32" s="279">
        <v>0</v>
      </c>
      <c r="CF32" s="280">
        <v>1</v>
      </c>
      <c r="CG32" s="280">
        <v>0</v>
      </c>
      <c r="CH32" s="280">
        <v>0</v>
      </c>
      <c r="CI32" s="280">
        <v>0</v>
      </c>
      <c r="CJ32" s="280">
        <v>0</v>
      </c>
      <c r="CK32" s="277">
        <v>1</v>
      </c>
      <c r="CL32" s="282">
        <v>1</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4</v>
      </c>
      <c r="DU32" s="280">
        <v>1</v>
      </c>
      <c r="DV32" s="277">
        <v>5</v>
      </c>
      <c r="DW32" s="279">
        <v>0</v>
      </c>
      <c r="DX32" s="280">
        <v>0</v>
      </c>
      <c r="DY32" s="280">
        <v>4</v>
      </c>
      <c r="DZ32" s="280">
        <v>2</v>
      </c>
      <c r="EA32" s="280">
        <v>3</v>
      </c>
      <c r="EB32" s="280">
        <v>0</v>
      </c>
      <c r="EC32" s="277">
        <v>9</v>
      </c>
      <c r="ED32" s="282">
        <v>14</v>
      </c>
      <c r="EE32" s="276">
        <v>0</v>
      </c>
      <c r="EF32" s="280">
        <v>0</v>
      </c>
      <c r="EG32" s="277">
        <v>0</v>
      </c>
      <c r="EH32" s="279">
        <v>0</v>
      </c>
      <c r="EI32" s="280">
        <v>2</v>
      </c>
      <c r="EJ32" s="280">
        <v>0</v>
      </c>
      <c r="EK32" s="280">
        <v>0</v>
      </c>
      <c r="EL32" s="280">
        <v>0</v>
      </c>
      <c r="EM32" s="280">
        <v>0</v>
      </c>
      <c r="EN32" s="277">
        <v>2</v>
      </c>
      <c r="EO32" s="282">
        <v>2</v>
      </c>
      <c r="EP32" s="276">
        <v>4</v>
      </c>
      <c r="EQ32" s="280">
        <v>1</v>
      </c>
      <c r="ER32" s="277">
        <v>5</v>
      </c>
      <c r="ES32" s="279">
        <v>0</v>
      </c>
      <c r="ET32" s="280">
        <v>3</v>
      </c>
      <c r="EU32" s="280">
        <v>5</v>
      </c>
      <c r="EV32" s="280">
        <v>2</v>
      </c>
      <c r="EW32" s="280">
        <v>3</v>
      </c>
      <c r="EX32" s="280">
        <v>0</v>
      </c>
      <c r="EY32" s="277">
        <v>13</v>
      </c>
      <c r="EZ32" s="282">
        <v>18</v>
      </c>
    </row>
    <row r="33" spans="2:156" ht="21" customHeight="1" x14ac:dyDescent="0.2">
      <c r="B33" s="261" t="s">
        <v>31</v>
      </c>
      <c r="C33" s="276">
        <v>0</v>
      </c>
      <c r="D33" s="280">
        <v>0</v>
      </c>
      <c r="E33" s="384">
        <v>0</v>
      </c>
      <c r="F33" s="279">
        <v>0</v>
      </c>
      <c r="G33" s="280">
        <v>0</v>
      </c>
      <c r="H33" s="280">
        <v>0</v>
      </c>
      <c r="I33" s="280">
        <v>0</v>
      </c>
      <c r="J33" s="280">
        <v>0</v>
      </c>
      <c r="K33" s="280">
        <v>1</v>
      </c>
      <c r="L33" s="281">
        <v>1</v>
      </c>
      <c r="M33" s="282">
        <v>1</v>
      </c>
      <c r="N33" s="276">
        <v>0</v>
      </c>
      <c r="O33" s="280">
        <v>0</v>
      </c>
      <c r="P33" s="277">
        <v>0</v>
      </c>
      <c r="Q33" s="279">
        <v>0</v>
      </c>
      <c r="R33" s="280">
        <v>0</v>
      </c>
      <c r="S33" s="280">
        <v>0</v>
      </c>
      <c r="T33" s="280">
        <v>0</v>
      </c>
      <c r="U33" s="280">
        <v>0</v>
      </c>
      <c r="V33" s="280">
        <v>1</v>
      </c>
      <c r="W33" s="277">
        <v>1</v>
      </c>
      <c r="X33" s="282">
        <v>1</v>
      </c>
      <c r="Y33" s="276">
        <v>0</v>
      </c>
      <c r="Z33" s="280">
        <v>0</v>
      </c>
      <c r="AA33" s="277">
        <v>0</v>
      </c>
      <c r="AB33" s="279">
        <v>0</v>
      </c>
      <c r="AC33" s="280">
        <v>0</v>
      </c>
      <c r="AD33" s="280">
        <v>1</v>
      </c>
      <c r="AE33" s="280">
        <v>0</v>
      </c>
      <c r="AF33" s="280">
        <v>1</v>
      </c>
      <c r="AG33" s="280">
        <v>1</v>
      </c>
      <c r="AH33" s="277">
        <v>3</v>
      </c>
      <c r="AI33" s="282">
        <v>3</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1</v>
      </c>
      <c r="AZ33" s="280">
        <v>2</v>
      </c>
      <c r="BA33" s="280">
        <v>0</v>
      </c>
      <c r="BB33" s="280">
        <v>0</v>
      </c>
      <c r="BC33" s="280">
        <v>2</v>
      </c>
      <c r="BD33" s="281">
        <v>5</v>
      </c>
      <c r="BE33" s="282">
        <v>5</v>
      </c>
      <c r="BF33" s="276">
        <v>0</v>
      </c>
      <c r="BG33" s="280">
        <v>0</v>
      </c>
      <c r="BH33" s="277">
        <v>0</v>
      </c>
      <c r="BI33" s="279">
        <v>0</v>
      </c>
      <c r="BJ33" s="280">
        <v>0</v>
      </c>
      <c r="BK33" s="280">
        <v>1</v>
      </c>
      <c r="BL33" s="280">
        <v>3</v>
      </c>
      <c r="BM33" s="280">
        <v>1</v>
      </c>
      <c r="BN33" s="280">
        <v>0</v>
      </c>
      <c r="BO33" s="277">
        <v>5</v>
      </c>
      <c r="BP33" s="282">
        <v>5</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1</v>
      </c>
      <c r="CJ33" s="280">
        <v>0</v>
      </c>
      <c r="CK33" s="277">
        <v>1</v>
      </c>
      <c r="CL33" s="282">
        <v>1</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1</v>
      </c>
      <c r="DU33" s="280">
        <v>0</v>
      </c>
      <c r="DV33" s="277">
        <v>1</v>
      </c>
      <c r="DW33" s="279">
        <v>0</v>
      </c>
      <c r="DX33" s="280">
        <v>2</v>
      </c>
      <c r="DY33" s="280">
        <v>3</v>
      </c>
      <c r="DZ33" s="280">
        <v>1</v>
      </c>
      <c r="EA33" s="280">
        <v>2</v>
      </c>
      <c r="EB33" s="280">
        <v>2</v>
      </c>
      <c r="EC33" s="277">
        <v>10</v>
      </c>
      <c r="ED33" s="282">
        <v>11</v>
      </c>
      <c r="EE33" s="276">
        <v>0</v>
      </c>
      <c r="EF33" s="280">
        <v>0</v>
      </c>
      <c r="EG33" s="277">
        <v>0</v>
      </c>
      <c r="EH33" s="279">
        <v>0</v>
      </c>
      <c r="EI33" s="280">
        <v>1</v>
      </c>
      <c r="EJ33" s="280">
        <v>1</v>
      </c>
      <c r="EK33" s="280">
        <v>0</v>
      </c>
      <c r="EL33" s="280">
        <v>0</v>
      </c>
      <c r="EM33" s="280">
        <v>1</v>
      </c>
      <c r="EN33" s="277">
        <v>3</v>
      </c>
      <c r="EO33" s="282">
        <v>3</v>
      </c>
      <c r="EP33" s="276">
        <v>1</v>
      </c>
      <c r="EQ33" s="280">
        <v>0</v>
      </c>
      <c r="ER33" s="277">
        <v>1</v>
      </c>
      <c r="ES33" s="279">
        <v>0</v>
      </c>
      <c r="ET33" s="280">
        <v>2</v>
      </c>
      <c r="EU33" s="280">
        <v>2</v>
      </c>
      <c r="EV33" s="280">
        <v>3</v>
      </c>
      <c r="EW33" s="280">
        <v>2</v>
      </c>
      <c r="EX33" s="280">
        <v>2</v>
      </c>
      <c r="EY33" s="277">
        <v>11</v>
      </c>
      <c r="EZ33" s="282">
        <v>12</v>
      </c>
    </row>
    <row r="34" spans="2:156" ht="21" customHeight="1" x14ac:dyDescent="0.2">
      <c r="B34" s="261" t="s">
        <v>32</v>
      </c>
      <c r="C34" s="276">
        <v>0</v>
      </c>
      <c r="D34" s="280">
        <v>0</v>
      </c>
      <c r="E34" s="384">
        <v>0</v>
      </c>
      <c r="F34" s="279">
        <v>0</v>
      </c>
      <c r="G34" s="280">
        <v>0</v>
      </c>
      <c r="H34" s="280">
        <v>0</v>
      </c>
      <c r="I34" s="280">
        <v>0</v>
      </c>
      <c r="J34" s="280">
        <v>1</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2</v>
      </c>
      <c r="AE34" s="280">
        <v>0</v>
      </c>
      <c r="AF34" s="280">
        <v>0</v>
      </c>
      <c r="AG34" s="280">
        <v>0</v>
      </c>
      <c r="AH34" s="277">
        <v>2</v>
      </c>
      <c r="AI34" s="282">
        <v>2</v>
      </c>
      <c r="AJ34" s="276">
        <v>1</v>
      </c>
      <c r="AK34" s="280">
        <v>0</v>
      </c>
      <c r="AL34" s="277">
        <v>1</v>
      </c>
      <c r="AM34" s="279">
        <v>0</v>
      </c>
      <c r="AN34" s="280">
        <v>1</v>
      </c>
      <c r="AO34" s="280">
        <v>0</v>
      </c>
      <c r="AP34" s="280">
        <v>0</v>
      </c>
      <c r="AQ34" s="280">
        <v>1</v>
      </c>
      <c r="AR34" s="280">
        <v>0</v>
      </c>
      <c r="AS34" s="277">
        <v>2</v>
      </c>
      <c r="AT34" s="282">
        <v>3</v>
      </c>
      <c r="AU34" s="276">
        <v>0</v>
      </c>
      <c r="AV34" s="280">
        <v>0</v>
      </c>
      <c r="AW34" s="277">
        <v>0</v>
      </c>
      <c r="AX34" s="279">
        <v>0</v>
      </c>
      <c r="AY34" s="280">
        <v>1</v>
      </c>
      <c r="AZ34" s="280">
        <v>1</v>
      </c>
      <c r="BA34" s="280">
        <v>1</v>
      </c>
      <c r="BB34" s="280">
        <v>4</v>
      </c>
      <c r="BC34" s="280">
        <v>2</v>
      </c>
      <c r="BD34" s="281">
        <v>9</v>
      </c>
      <c r="BE34" s="282">
        <v>9</v>
      </c>
      <c r="BF34" s="276">
        <v>0</v>
      </c>
      <c r="BG34" s="280">
        <v>0</v>
      </c>
      <c r="BH34" s="277">
        <v>0</v>
      </c>
      <c r="BI34" s="279">
        <v>0</v>
      </c>
      <c r="BJ34" s="280">
        <v>3</v>
      </c>
      <c r="BK34" s="280">
        <v>3</v>
      </c>
      <c r="BL34" s="280">
        <v>0</v>
      </c>
      <c r="BM34" s="280">
        <v>0</v>
      </c>
      <c r="BN34" s="280">
        <v>0</v>
      </c>
      <c r="BO34" s="277">
        <v>6</v>
      </c>
      <c r="BP34" s="282">
        <v>6</v>
      </c>
      <c r="BQ34" s="276">
        <v>0</v>
      </c>
      <c r="BR34" s="280">
        <v>0</v>
      </c>
      <c r="BS34" s="277">
        <v>0</v>
      </c>
      <c r="BT34" s="279">
        <v>0</v>
      </c>
      <c r="BU34" s="280">
        <v>0</v>
      </c>
      <c r="BV34" s="280">
        <v>0</v>
      </c>
      <c r="BW34" s="280">
        <v>1</v>
      </c>
      <c r="BX34" s="280">
        <v>2</v>
      </c>
      <c r="BY34" s="280">
        <v>0</v>
      </c>
      <c r="BZ34" s="277">
        <v>3</v>
      </c>
      <c r="CA34" s="282">
        <v>3</v>
      </c>
      <c r="CB34" s="276">
        <v>0</v>
      </c>
      <c r="CC34" s="280">
        <v>0</v>
      </c>
      <c r="CD34" s="277">
        <v>0</v>
      </c>
      <c r="CE34" s="279">
        <v>0</v>
      </c>
      <c r="CF34" s="280">
        <v>0</v>
      </c>
      <c r="CG34" s="280">
        <v>0</v>
      </c>
      <c r="CH34" s="280">
        <v>1</v>
      </c>
      <c r="CI34" s="280">
        <v>1</v>
      </c>
      <c r="CJ34" s="280">
        <v>0</v>
      </c>
      <c r="CK34" s="277">
        <v>2</v>
      </c>
      <c r="CL34" s="282">
        <v>2</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2</v>
      </c>
      <c r="DU34" s="280">
        <v>1</v>
      </c>
      <c r="DV34" s="277">
        <v>3</v>
      </c>
      <c r="DW34" s="279">
        <v>0</v>
      </c>
      <c r="DX34" s="280">
        <v>1</v>
      </c>
      <c r="DY34" s="280">
        <v>3</v>
      </c>
      <c r="DZ34" s="280">
        <v>1</v>
      </c>
      <c r="EA34" s="280">
        <v>4</v>
      </c>
      <c r="EB34" s="280">
        <v>0</v>
      </c>
      <c r="EC34" s="277">
        <v>9</v>
      </c>
      <c r="ED34" s="282">
        <v>12</v>
      </c>
      <c r="EE34" s="276">
        <v>0</v>
      </c>
      <c r="EF34" s="280">
        <v>0</v>
      </c>
      <c r="EG34" s="277">
        <v>0</v>
      </c>
      <c r="EH34" s="279">
        <v>0</v>
      </c>
      <c r="EI34" s="280">
        <v>0</v>
      </c>
      <c r="EJ34" s="280">
        <v>1</v>
      </c>
      <c r="EK34" s="280">
        <v>0</v>
      </c>
      <c r="EL34" s="280">
        <v>1</v>
      </c>
      <c r="EM34" s="280">
        <v>1</v>
      </c>
      <c r="EN34" s="277">
        <v>3</v>
      </c>
      <c r="EO34" s="282">
        <v>3</v>
      </c>
      <c r="EP34" s="276">
        <v>3</v>
      </c>
      <c r="EQ34" s="280">
        <v>1</v>
      </c>
      <c r="ER34" s="277">
        <v>4</v>
      </c>
      <c r="ES34" s="279">
        <v>0</v>
      </c>
      <c r="ET34" s="280">
        <v>4</v>
      </c>
      <c r="EU34" s="280">
        <v>6</v>
      </c>
      <c r="EV34" s="280">
        <v>1</v>
      </c>
      <c r="EW34" s="280">
        <v>4</v>
      </c>
      <c r="EX34" s="280">
        <v>0</v>
      </c>
      <c r="EY34" s="277">
        <v>15</v>
      </c>
      <c r="EZ34" s="282">
        <v>19</v>
      </c>
    </row>
    <row r="35" spans="2:156" ht="21" customHeight="1" x14ac:dyDescent="0.2">
      <c r="B35" s="261" t="s">
        <v>33</v>
      </c>
      <c r="C35" s="276">
        <v>0</v>
      </c>
      <c r="D35" s="280">
        <v>0</v>
      </c>
      <c r="E35" s="384">
        <v>0</v>
      </c>
      <c r="F35" s="279">
        <v>0</v>
      </c>
      <c r="G35" s="280">
        <v>1</v>
      </c>
      <c r="H35" s="280">
        <v>0</v>
      </c>
      <c r="I35" s="280">
        <v>2</v>
      </c>
      <c r="J35" s="280">
        <v>1</v>
      </c>
      <c r="K35" s="280">
        <v>0</v>
      </c>
      <c r="L35" s="281">
        <v>4</v>
      </c>
      <c r="M35" s="282">
        <v>4</v>
      </c>
      <c r="N35" s="276">
        <v>0</v>
      </c>
      <c r="O35" s="280">
        <v>0</v>
      </c>
      <c r="P35" s="277">
        <v>0</v>
      </c>
      <c r="Q35" s="279">
        <v>0</v>
      </c>
      <c r="R35" s="280">
        <v>0</v>
      </c>
      <c r="S35" s="280">
        <v>0</v>
      </c>
      <c r="T35" s="280">
        <v>1</v>
      </c>
      <c r="U35" s="280">
        <v>0</v>
      </c>
      <c r="V35" s="280">
        <v>0</v>
      </c>
      <c r="W35" s="277">
        <v>1</v>
      </c>
      <c r="X35" s="282">
        <v>1</v>
      </c>
      <c r="Y35" s="276">
        <v>0</v>
      </c>
      <c r="Z35" s="280">
        <v>0</v>
      </c>
      <c r="AA35" s="277">
        <v>0</v>
      </c>
      <c r="AB35" s="279">
        <v>0</v>
      </c>
      <c r="AC35" s="280">
        <v>1</v>
      </c>
      <c r="AD35" s="280">
        <v>1</v>
      </c>
      <c r="AE35" s="280">
        <v>2</v>
      </c>
      <c r="AF35" s="280">
        <v>1</v>
      </c>
      <c r="AG35" s="280">
        <v>0</v>
      </c>
      <c r="AH35" s="277">
        <v>5</v>
      </c>
      <c r="AI35" s="282">
        <v>5</v>
      </c>
      <c r="AJ35" s="276">
        <v>2</v>
      </c>
      <c r="AK35" s="280">
        <v>1</v>
      </c>
      <c r="AL35" s="277">
        <v>3</v>
      </c>
      <c r="AM35" s="279">
        <v>0</v>
      </c>
      <c r="AN35" s="280">
        <v>0</v>
      </c>
      <c r="AO35" s="280">
        <v>2</v>
      </c>
      <c r="AP35" s="280">
        <v>1</v>
      </c>
      <c r="AQ35" s="280">
        <v>1</v>
      </c>
      <c r="AR35" s="280">
        <v>0</v>
      </c>
      <c r="AS35" s="277">
        <v>4</v>
      </c>
      <c r="AT35" s="282">
        <v>7</v>
      </c>
      <c r="AU35" s="276">
        <v>0</v>
      </c>
      <c r="AV35" s="280">
        <v>0</v>
      </c>
      <c r="AW35" s="277">
        <v>0</v>
      </c>
      <c r="AX35" s="279">
        <v>0</v>
      </c>
      <c r="AY35" s="280">
        <v>2</v>
      </c>
      <c r="AZ35" s="280">
        <v>0</v>
      </c>
      <c r="BA35" s="280">
        <v>2</v>
      </c>
      <c r="BB35" s="280">
        <v>0</v>
      </c>
      <c r="BC35" s="280">
        <v>0</v>
      </c>
      <c r="BD35" s="281">
        <v>4</v>
      </c>
      <c r="BE35" s="282">
        <v>4</v>
      </c>
      <c r="BF35" s="276">
        <v>0</v>
      </c>
      <c r="BG35" s="280">
        <v>0</v>
      </c>
      <c r="BH35" s="277">
        <v>0</v>
      </c>
      <c r="BI35" s="279">
        <v>0</v>
      </c>
      <c r="BJ35" s="280">
        <v>2</v>
      </c>
      <c r="BK35" s="280">
        <v>0</v>
      </c>
      <c r="BL35" s="280">
        <v>0</v>
      </c>
      <c r="BM35" s="280">
        <v>0</v>
      </c>
      <c r="BN35" s="280">
        <v>0</v>
      </c>
      <c r="BO35" s="277">
        <v>2</v>
      </c>
      <c r="BP35" s="282">
        <v>2</v>
      </c>
      <c r="BQ35" s="276">
        <v>0</v>
      </c>
      <c r="BR35" s="280">
        <v>0</v>
      </c>
      <c r="BS35" s="277">
        <v>0</v>
      </c>
      <c r="BT35" s="279">
        <v>0</v>
      </c>
      <c r="BU35" s="280">
        <v>3</v>
      </c>
      <c r="BV35" s="280">
        <v>0</v>
      </c>
      <c r="BW35" s="280">
        <v>0</v>
      </c>
      <c r="BX35" s="280">
        <v>1</v>
      </c>
      <c r="BY35" s="280">
        <v>0</v>
      </c>
      <c r="BZ35" s="277">
        <v>4</v>
      </c>
      <c r="CA35" s="282">
        <v>4</v>
      </c>
      <c r="CB35" s="276">
        <v>0</v>
      </c>
      <c r="CC35" s="280">
        <v>0</v>
      </c>
      <c r="CD35" s="277">
        <v>0</v>
      </c>
      <c r="CE35" s="279">
        <v>0</v>
      </c>
      <c r="CF35" s="280">
        <v>0</v>
      </c>
      <c r="CG35" s="280">
        <v>0</v>
      </c>
      <c r="CH35" s="280">
        <v>1</v>
      </c>
      <c r="CI35" s="280">
        <v>1</v>
      </c>
      <c r="CJ35" s="280">
        <v>0</v>
      </c>
      <c r="CK35" s="277">
        <v>2</v>
      </c>
      <c r="CL35" s="282">
        <v>2</v>
      </c>
      <c r="CM35" s="276">
        <v>0</v>
      </c>
      <c r="CN35" s="280">
        <v>0</v>
      </c>
      <c r="CO35" s="277">
        <v>0</v>
      </c>
      <c r="CP35" s="279">
        <v>0</v>
      </c>
      <c r="CQ35" s="280">
        <v>0</v>
      </c>
      <c r="CR35" s="280">
        <v>0</v>
      </c>
      <c r="CS35" s="280">
        <v>1</v>
      </c>
      <c r="CT35" s="280">
        <v>0</v>
      </c>
      <c r="CU35" s="280">
        <v>0</v>
      </c>
      <c r="CV35" s="277">
        <v>1</v>
      </c>
      <c r="CW35" s="282">
        <v>1</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0</v>
      </c>
      <c r="DU35" s="280">
        <v>1</v>
      </c>
      <c r="DV35" s="277">
        <v>1</v>
      </c>
      <c r="DW35" s="279">
        <v>0</v>
      </c>
      <c r="DX35" s="280">
        <v>1</v>
      </c>
      <c r="DY35" s="280">
        <v>2</v>
      </c>
      <c r="DZ35" s="280">
        <v>3</v>
      </c>
      <c r="EA35" s="280">
        <v>1</v>
      </c>
      <c r="EB35" s="280">
        <v>1</v>
      </c>
      <c r="EC35" s="277">
        <v>8</v>
      </c>
      <c r="ED35" s="282">
        <v>9</v>
      </c>
      <c r="EE35" s="276">
        <v>1</v>
      </c>
      <c r="EF35" s="280">
        <v>0</v>
      </c>
      <c r="EG35" s="277">
        <v>1</v>
      </c>
      <c r="EH35" s="279">
        <v>0</v>
      </c>
      <c r="EI35" s="280">
        <v>1</v>
      </c>
      <c r="EJ35" s="280">
        <v>0</v>
      </c>
      <c r="EK35" s="280">
        <v>1</v>
      </c>
      <c r="EL35" s="280">
        <v>1</v>
      </c>
      <c r="EM35" s="280">
        <v>0</v>
      </c>
      <c r="EN35" s="277">
        <v>3</v>
      </c>
      <c r="EO35" s="282">
        <v>4</v>
      </c>
      <c r="EP35" s="276">
        <v>2</v>
      </c>
      <c r="EQ35" s="280">
        <v>2</v>
      </c>
      <c r="ER35" s="277">
        <v>4</v>
      </c>
      <c r="ES35" s="279">
        <v>0</v>
      </c>
      <c r="ET35" s="280">
        <v>6</v>
      </c>
      <c r="EU35" s="280">
        <v>2</v>
      </c>
      <c r="EV35" s="280">
        <v>4</v>
      </c>
      <c r="EW35" s="280">
        <v>3</v>
      </c>
      <c r="EX35" s="280">
        <v>0</v>
      </c>
      <c r="EY35" s="277">
        <v>15</v>
      </c>
      <c r="EZ35" s="282">
        <v>19</v>
      </c>
    </row>
    <row r="36" spans="2:156" ht="21" customHeight="1" x14ac:dyDescent="0.2">
      <c r="B36" s="261" t="s">
        <v>34</v>
      </c>
      <c r="C36" s="276">
        <v>0</v>
      </c>
      <c r="D36" s="280">
        <v>0</v>
      </c>
      <c r="E36" s="384">
        <v>0</v>
      </c>
      <c r="F36" s="279">
        <v>0</v>
      </c>
      <c r="G36" s="280">
        <v>1</v>
      </c>
      <c r="H36" s="280">
        <v>0</v>
      </c>
      <c r="I36" s="280">
        <v>1</v>
      </c>
      <c r="J36" s="280">
        <v>0</v>
      </c>
      <c r="K36" s="280">
        <v>0</v>
      </c>
      <c r="L36" s="281">
        <v>2</v>
      </c>
      <c r="M36" s="282">
        <v>2</v>
      </c>
      <c r="N36" s="276">
        <v>0</v>
      </c>
      <c r="O36" s="280">
        <v>0</v>
      </c>
      <c r="P36" s="277">
        <v>0</v>
      </c>
      <c r="Q36" s="279">
        <v>0</v>
      </c>
      <c r="R36" s="280">
        <v>0</v>
      </c>
      <c r="S36" s="280">
        <v>0</v>
      </c>
      <c r="T36" s="280">
        <v>1</v>
      </c>
      <c r="U36" s="280">
        <v>0</v>
      </c>
      <c r="V36" s="280">
        <v>0</v>
      </c>
      <c r="W36" s="277">
        <v>1</v>
      </c>
      <c r="X36" s="282">
        <v>1</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3</v>
      </c>
      <c r="AZ36" s="280">
        <v>2</v>
      </c>
      <c r="BA36" s="280">
        <v>1</v>
      </c>
      <c r="BB36" s="280">
        <v>0</v>
      </c>
      <c r="BC36" s="280">
        <v>0</v>
      </c>
      <c r="BD36" s="281">
        <v>6</v>
      </c>
      <c r="BE36" s="282">
        <v>6</v>
      </c>
      <c r="BF36" s="276">
        <v>0</v>
      </c>
      <c r="BG36" s="280">
        <v>0</v>
      </c>
      <c r="BH36" s="277">
        <v>0</v>
      </c>
      <c r="BI36" s="279">
        <v>0</v>
      </c>
      <c r="BJ36" s="280">
        <v>0</v>
      </c>
      <c r="BK36" s="280">
        <v>1</v>
      </c>
      <c r="BL36" s="280">
        <v>1</v>
      </c>
      <c r="BM36" s="280">
        <v>1</v>
      </c>
      <c r="BN36" s="280">
        <v>0</v>
      </c>
      <c r="BO36" s="277">
        <v>3</v>
      </c>
      <c r="BP36" s="282">
        <v>3</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2</v>
      </c>
      <c r="DY36" s="280">
        <v>1</v>
      </c>
      <c r="DZ36" s="280">
        <v>2</v>
      </c>
      <c r="EA36" s="280">
        <v>1</v>
      </c>
      <c r="EB36" s="280">
        <v>0</v>
      </c>
      <c r="EC36" s="277">
        <v>6</v>
      </c>
      <c r="ED36" s="282">
        <v>6</v>
      </c>
      <c r="EE36" s="276">
        <v>0</v>
      </c>
      <c r="EF36" s="280">
        <v>0</v>
      </c>
      <c r="EG36" s="277">
        <v>0</v>
      </c>
      <c r="EH36" s="279">
        <v>0</v>
      </c>
      <c r="EI36" s="280">
        <v>0</v>
      </c>
      <c r="EJ36" s="280">
        <v>1</v>
      </c>
      <c r="EK36" s="280">
        <v>0</v>
      </c>
      <c r="EL36" s="280">
        <v>0</v>
      </c>
      <c r="EM36" s="280">
        <v>0</v>
      </c>
      <c r="EN36" s="277">
        <v>1</v>
      </c>
      <c r="EO36" s="282">
        <v>1</v>
      </c>
      <c r="EP36" s="276">
        <v>0</v>
      </c>
      <c r="EQ36" s="280">
        <v>0</v>
      </c>
      <c r="ER36" s="277">
        <v>0</v>
      </c>
      <c r="ES36" s="279">
        <v>0</v>
      </c>
      <c r="ET36" s="280">
        <v>3</v>
      </c>
      <c r="EU36" s="280">
        <v>1</v>
      </c>
      <c r="EV36" s="280">
        <v>3</v>
      </c>
      <c r="EW36" s="280">
        <v>1</v>
      </c>
      <c r="EX36" s="280">
        <v>0</v>
      </c>
      <c r="EY36" s="277">
        <v>8</v>
      </c>
      <c r="EZ36" s="282">
        <v>8</v>
      </c>
    </row>
    <row r="37" spans="2:156" ht="21" customHeight="1" x14ac:dyDescent="0.2">
      <c r="B37" s="261" t="s">
        <v>35</v>
      </c>
      <c r="C37" s="276">
        <v>0</v>
      </c>
      <c r="D37" s="280">
        <v>0</v>
      </c>
      <c r="E37" s="384">
        <v>0</v>
      </c>
      <c r="F37" s="279">
        <v>0</v>
      </c>
      <c r="G37" s="280">
        <v>5</v>
      </c>
      <c r="H37" s="280">
        <v>3</v>
      </c>
      <c r="I37" s="280">
        <v>2</v>
      </c>
      <c r="J37" s="280">
        <v>2</v>
      </c>
      <c r="K37" s="280">
        <v>0</v>
      </c>
      <c r="L37" s="281">
        <v>12</v>
      </c>
      <c r="M37" s="282">
        <v>12</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2</v>
      </c>
      <c r="AD37" s="280">
        <v>0</v>
      </c>
      <c r="AE37" s="280">
        <v>1</v>
      </c>
      <c r="AF37" s="280">
        <v>4</v>
      </c>
      <c r="AG37" s="280">
        <v>0</v>
      </c>
      <c r="AH37" s="277">
        <v>7</v>
      </c>
      <c r="AI37" s="282">
        <v>7</v>
      </c>
      <c r="AJ37" s="276">
        <v>0</v>
      </c>
      <c r="AK37" s="280">
        <v>0</v>
      </c>
      <c r="AL37" s="277">
        <v>0</v>
      </c>
      <c r="AM37" s="279">
        <v>0</v>
      </c>
      <c r="AN37" s="280">
        <v>2</v>
      </c>
      <c r="AO37" s="280">
        <v>0</v>
      </c>
      <c r="AP37" s="280">
        <v>0</v>
      </c>
      <c r="AQ37" s="280">
        <v>0</v>
      </c>
      <c r="AR37" s="280">
        <v>0</v>
      </c>
      <c r="AS37" s="277">
        <v>2</v>
      </c>
      <c r="AT37" s="282">
        <v>2</v>
      </c>
      <c r="AU37" s="276">
        <v>3</v>
      </c>
      <c r="AV37" s="280">
        <v>0</v>
      </c>
      <c r="AW37" s="277">
        <v>3</v>
      </c>
      <c r="AX37" s="279">
        <v>0</v>
      </c>
      <c r="AY37" s="280">
        <v>4</v>
      </c>
      <c r="AZ37" s="280">
        <v>3</v>
      </c>
      <c r="BA37" s="280">
        <v>2</v>
      </c>
      <c r="BB37" s="280">
        <v>8</v>
      </c>
      <c r="BC37" s="280">
        <v>0</v>
      </c>
      <c r="BD37" s="281">
        <v>17</v>
      </c>
      <c r="BE37" s="282">
        <v>20</v>
      </c>
      <c r="BF37" s="276">
        <v>0</v>
      </c>
      <c r="BG37" s="280">
        <v>0</v>
      </c>
      <c r="BH37" s="277">
        <v>0</v>
      </c>
      <c r="BI37" s="279">
        <v>0</v>
      </c>
      <c r="BJ37" s="280">
        <v>4</v>
      </c>
      <c r="BK37" s="280">
        <v>1</v>
      </c>
      <c r="BL37" s="280">
        <v>1</v>
      </c>
      <c r="BM37" s="280">
        <v>1</v>
      </c>
      <c r="BN37" s="280">
        <v>0</v>
      </c>
      <c r="BO37" s="277">
        <v>7</v>
      </c>
      <c r="BP37" s="282">
        <v>7</v>
      </c>
      <c r="BQ37" s="276">
        <v>1</v>
      </c>
      <c r="BR37" s="280">
        <v>2</v>
      </c>
      <c r="BS37" s="277">
        <v>3</v>
      </c>
      <c r="BT37" s="279">
        <v>0</v>
      </c>
      <c r="BU37" s="280">
        <v>0</v>
      </c>
      <c r="BV37" s="280">
        <v>2</v>
      </c>
      <c r="BW37" s="280">
        <v>0</v>
      </c>
      <c r="BX37" s="280">
        <v>1</v>
      </c>
      <c r="BY37" s="280">
        <v>0</v>
      </c>
      <c r="BZ37" s="277">
        <v>3</v>
      </c>
      <c r="CA37" s="282">
        <v>6</v>
      </c>
      <c r="CB37" s="276">
        <v>0</v>
      </c>
      <c r="CC37" s="280">
        <v>0</v>
      </c>
      <c r="CD37" s="277">
        <v>0</v>
      </c>
      <c r="CE37" s="279">
        <v>0</v>
      </c>
      <c r="CF37" s="280">
        <v>1</v>
      </c>
      <c r="CG37" s="280">
        <v>0</v>
      </c>
      <c r="CH37" s="280">
        <v>0</v>
      </c>
      <c r="CI37" s="280">
        <v>1</v>
      </c>
      <c r="CJ37" s="280">
        <v>0</v>
      </c>
      <c r="CK37" s="277">
        <v>2</v>
      </c>
      <c r="CL37" s="282">
        <v>2</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2</v>
      </c>
      <c r="DU37" s="280">
        <v>1</v>
      </c>
      <c r="DV37" s="277">
        <v>3</v>
      </c>
      <c r="DW37" s="279">
        <v>0</v>
      </c>
      <c r="DX37" s="280">
        <v>5</v>
      </c>
      <c r="DY37" s="280">
        <v>5</v>
      </c>
      <c r="DZ37" s="280">
        <v>2</v>
      </c>
      <c r="EA37" s="280">
        <v>4</v>
      </c>
      <c r="EB37" s="280">
        <v>0</v>
      </c>
      <c r="EC37" s="277">
        <v>16</v>
      </c>
      <c r="ED37" s="282">
        <v>19</v>
      </c>
      <c r="EE37" s="276">
        <v>3</v>
      </c>
      <c r="EF37" s="280">
        <v>0</v>
      </c>
      <c r="EG37" s="277">
        <v>3</v>
      </c>
      <c r="EH37" s="279">
        <v>0</v>
      </c>
      <c r="EI37" s="280">
        <v>3</v>
      </c>
      <c r="EJ37" s="280">
        <v>1</v>
      </c>
      <c r="EK37" s="280">
        <v>2</v>
      </c>
      <c r="EL37" s="280">
        <v>4</v>
      </c>
      <c r="EM37" s="280">
        <v>0</v>
      </c>
      <c r="EN37" s="277">
        <v>10</v>
      </c>
      <c r="EO37" s="282">
        <v>13</v>
      </c>
      <c r="EP37" s="276">
        <v>2</v>
      </c>
      <c r="EQ37" s="280">
        <v>3</v>
      </c>
      <c r="ER37" s="277">
        <v>5</v>
      </c>
      <c r="ES37" s="279">
        <v>0</v>
      </c>
      <c r="ET37" s="280">
        <v>12</v>
      </c>
      <c r="EU37" s="280">
        <v>6</v>
      </c>
      <c r="EV37" s="280">
        <v>2</v>
      </c>
      <c r="EW37" s="280">
        <v>5</v>
      </c>
      <c r="EX37" s="280">
        <v>0</v>
      </c>
      <c r="EY37" s="277">
        <v>25</v>
      </c>
      <c r="EZ37" s="282">
        <v>30</v>
      </c>
    </row>
    <row r="38" spans="2:156" ht="21" customHeight="1" x14ac:dyDescent="0.2">
      <c r="B38" s="261" t="s">
        <v>36</v>
      </c>
      <c r="C38" s="276">
        <v>0</v>
      </c>
      <c r="D38" s="280">
        <v>0</v>
      </c>
      <c r="E38" s="384">
        <v>0</v>
      </c>
      <c r="F38" s="279">
        <v>0</v>
      </c>
      <c r="G38" s="280">
        <v>2</v>
      </c>
      <c r="H38" s="280">
        <v>0</v>
      </c>
      <c r="I38" s="280">
        <v>0</v>
      </c>
      <c r="J38" s="280">
        <v>0</v>
      </c>
      <c r="K38" s="280">
        <v>0</v>
      </c>
      <c r="L38" s="281">
        <v>2</v>
      </c>
      <c r="M38" s="282">
        <v>2</v>
      </c>
      <c r="N38" s="276">
        <v>0</v>
      </c>
      <c r="O38" s="280">
        <v>0</v>
      </c>
      <c r="P38" s="277">
        <v>0</v>
      </c>
      <c r="Q38" s="279">
        <v>0</v>
      </c>
      <c r="R38" s="280">
        <v>0</v>
      </c>
      <c r="S38" s="280">
        <v>0</v>
      </c>
      <c r="T38" s="280">
        <v>0</v>
      </c>
      <c r="U38" s="280">
        <v>0</v>
      </c>
      <c r="V38" s="280">
        <v>0</v>
      </c>
      <c r="W38" s="277">
        <v>0</v>
      </c>
      <c r="X38" s="282">
        <v>0</v>
      </c>
      <c r="Y38" s="276">
        <v>0</v>
      </c>
      <c r="Z38" s="280">
        <v>3</v>
      </c>
      <c r="AA38" s="277">
        <v>3</v>
      </c>
      <c r="AB38" s="279">
        <v>0</v>
      </c>
      <c r="AC38" s="280">
        <v>3</v>
      </c>
      <c r="AD38" s="280">
        <v>3</v>
      </c>
      <c r="AE38" s="280">
        <v>1</v>
      </c>
      <c r="AF38" s="280">
        <v>0</v>
      </c>
      <c r="AG38" s="280">
        <v>0</v>
      </c>
      <c r="AH38" s="277">
        <v>7</v>
      </c>
      <c r="AI38" s="282">
        <v>10</v>
      </c>
      <c r="AJ38" s="276">
        <v>0</v>
      </c>
      <c r="AK38" s="280">
        <v>0</v>
      </c>
      <c r="AL38" s="277">
        <v>0</v>
      </c>
      <c r="AM38" s="279">
        <v>0</v>
      </c>
      <c r="AN38" s="280">
        <v>2</v>
      </c>
      <c r="AO38" s="280">
        <v>0</v>
      </c>
      <c r="AP38" s="280">
        <v>0</v>
      </c>
      <c r="AQ38" s="280">
        <v>0</v>
      </c>
      <c r="AR38" s="280">
        <v>0</v>
      </c>
      <c r="AS38" s="277">
        <v>2</v>
      </c>
      <c r="AT38" s="282">
        <v>2</v>
      </c>
      <c r="AU38" s="276">
        <v>0</v>
      </c>
      <c r="AV38" s="280">
        <v>0</v>
      </c>
      <c r="AW38" s="277">
        <v>0</v>
      </c>
      <c r="AX38" s="279">
        <v>0</v>
      </c>
      <c r="AY38" s="280">
        <v>1</v>
      </c>
      <c r="AZ38" s="280">
        <v>2</v>
      </c>
      <c r="BA38" s="280">
        <v>5</v>
      </c>
      <c r="BB38" s="280">
        <v>3</v>
      </c>
      <c r="BC38" s="280">
        <v>0</v>
      </c>
      <c r="BD38" s="281">
        <v>11</v>
      </c>
      <c r="BE38" s="282">
        <v>11</v>
      </c>
      <c r="BF38" s="276">
        <v>0</v>
      </c>
      <c r="BG38" s="280">
        <v>0</v>
      </c>
      <c r="BH38" s="277">
        <v>0</v>
      </c>
      <c r="BI38" s="279">
        <v>0</v>
      </c>
      <c r="BJ38" s="280">
        <v>2</v>
      </c>
      <c r="BK38" s="280">
        <v>2</v>
      </c>
      <c r="BL38" s="280">
        <v>1</v>
      </c>
      <c r="BM38" s="280">
        <v>1</v>
      </c>
      <c r="BN38" s="280">
        <v>1</v>
      </c>
      <c r="BO38" s="277">
        <v>7</v>
      </c>
      <c r="BP38" s="282">
        <v>7</v>
      </c>
      <c r="BQ38" s="276">
        <v>0</v>
      </c>
      <c r="BR38" s="280">
        <v>0</v>
      </c>
      <c r="BS38" s="277">
        <v>0</v>
      </c>
      <c r="BT38" s="279">
        <v>0</v>
      </c>
      <c r="BU38" s="280">
        <v>1</v>
      </c>
      <c r="BV38" s="280">
        <v>0</v>
      </c>
      <c r="BW38" s="280">
        <v>0</v>
      </c>
      <c r="BX38" s="280">
        <v>0</v>
      </c>
      <c r="BY38" s="280">
        <v>0</v>
      </c>
      <c r="BZ38" s="277">
        <v>1</v>
      </c>
      <c r="CA38" s="282">
        <v>1</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1</v>
      </c>
      <c r="CR38" s="280">
        <v>0</v>
      </c>
      <c r="CS38" s="280">
        <v>0</v>
      </c>
      <c r="CT38" s="280">
        <v>0</v>
      </c>
      <c r="CU38" s="280">
        <v>0</v>
      </c>
      <c r="CV38" s="277">
        <v>1</v>
      </c>
      <c r="CW38" s="282">
        <v>1</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1</v>
      </c>
      <c r="DV38" s="277">
        <v>1</v>
      </c>
      <c r="DW38" s="279">
        <v>0</v>
      </c>
      <c r="DX38" s="280">
        <v>6</v>
      </c>
      <c r="DY38" s="280">
        <v>4</v>
      </c>
      <c r="DZ38" s="280">
        <v>1</v>
      </c>
      <c r="EA38" s="280">
        <v>1</v>
      </c>
      <c r="EB38" s="280">
        <v>1</v>
      </c>
      <c r="EC38" s="277">
        <v>13</v>
      </c>
      <c r="ED38" s="282">
        <v>14</v>
      </c>
      <c r="EE38" s="276">
        <v>0</v>
      </c>
      <c r="EF38" s="280">
        <v>0</v>
      </c>
      <c r="EG38" s="277">
        <v>0</v>
      </c>
      <c r="EH38" s="279">
        <v>0</v>
      </c>
      <c r="EI38" s="280">
        <v>0</v>
      </c>
      <c r="EJ38" s="280">
        <v>2</v>
      </c>
      <c r="EK38" s="280">
        <v>2</v>
      </c>
      <c r="EL38" s="280">
        <v>1</v>
      </c>
      <c r="EM38" s="280">
        <v>0</v>
      </c>
      <c r="EN38" s="277">
        <v>5</v>
      </c>
      <c r="EO38" s="282">
        <v>5</v>
      </c>
      <c r="EP38" s="276">
        <v>0</v>
      </c>
      <c r="EQ38" s="280">
        <v>4</v>
      </c>
      <c r="ER38" s="277">
        <v>4</v>
      </c>
      <c r="ES38" s="279">
        <v>0</v>
      </c>
      <c r="ET38" s="280">
        <v>8</v>
      </c>
      <c r="EU38" s="280">
        <v>4</v>
      </c>
      <c r="EV38" s="280">
        <v>1</v>
      </c>
      <c r="EW38" s="280">
        <v>2</v>
      </c>
      <c r="EX38" s="280">
        <v>1</v>
      </c>
      <c r="EY38" s="277">
        <v>16</v>
      </c>
      <c r="EZ38" s="282">
        <v>20</v>
      </c>
    </row>
    <row r="39" spans="2:156" ht="21" customHeight="1" thickBot="1" x14ac:dyDescent="0.25">
      <c r="B39" s="262" t="s">
        <v>37</v>
      </c>
      <c r="C39" s="283">
        <v>0</v>
      </c>
      <c r="D39" s="287">
        <v>0</v>
      </c>
      <c r="E39" s="385">
        <v>0</v>
      </c>
      <c r="F39" s="286">
        <v>0</v>
      </c>
      <c r="G39" s="287">
        <v>0</v>
      </c>
      <c r="H39" s="287">
        <v>0</v>
      </c>
      <c r="I39" s="287">
        <v>0</v>
      </c>
      <c r="J39" s="287">
        <v>0</v>
      </c>
      <c r="K39" s="287">
        <v>1</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1</v>
      </c>
      <c r="BD39" s="288">
        <v>2</v>
      </c>
      <c r="BE39" s="289">
        <v>2</v>
      </c>
      <c r="BF39" s="283">
        <v>0</v>
      </c>
      <c r="BG39" s="287">
        <v>0</v>
      </c>
      <c r="BH39" s="284">
        <v>0</v>
      </c>
      <c r="BI39" s="286">
        <v>0</v>
      </c>
      <c r="BJ39" s="287">
        <v>0</v>
      </c>
      <c r="BK39" s="287">
        <v>0</v>
      </c>
      <c r="BL39" s="287">
        <v>0</v>
      </c>
      <c r="BM39" s="287">
        <v>0</v>
      </c>
      <c r="BN39" s="287">
        <v>0</v>
      </c>
      <c r="BO39" s="284">
        <v>0</v>
      </c>
      <c r="BP39" s="289">
        <v>0</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1</v>
      </c>
      <c r="CK39" s="284">
        <v>1</v>
      </c>
      <c r="CL39" s="289">
        <v>1</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0</v>
      </c>
      <c r="DZ39" s="287">
        <v>0</v>
      </c>
      <c r="EA39" s="287">
        <v>0</v>
      </c>
      <c r="EB39" s="287">
        <v>1</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0</v>
      </c>
      <c r="EU39" s="287">
        <v>0</v>
      </c>
      <c r="EV39" s="287">
        <v>0</v>
      </c>
      <c r="EW39" s="287">
        <v>0</v>
      </c>
      <c r="EX39" s="287">
        <v>1</v>
      </c>
      <c r="EY39" s="284">
        <v>1</v>
      </c>
      <c r="EZ39" s="289">
        <v>2</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77734375" style="255" customWidth="1"/>
    <col min="18" max="27" width="9" style="255"/>
    <col min="28" max="28" width="6.88671875" style="255" customWidth="1"/>
    <col min="29" max="38" width="9" style="255"/>
    <col min="39" max="39" width="7.21875" style="255" customWidth="1"/>
    <col min="40" max="49" width="9" style="255"/>
    <col min="50" max="50" width="7.44140625" style="255" customWidth="1"/>
    <col min="51" max="60" width="9" style="255"/>
    <col min="61" max="61" width="7.6640625" style="255" customWidth="1"/>
    <col min="62" max="71" width="9" style="255"/>
    <col min="72" max="72" width="7.88671875" style="255" customWidth="1"/>
    <col min="73" max="82" width="9" style="255"/>
    <col min="83" max="83" width="7" style="255" customWidth="1"/>
    <col min="84" max="93" width="9" style="255"/>
    <col min="94" max="94" width="7.6640625" style="255" customWidth="1"/>
    <col min="95" max="16384" width="9" style="255"/>
  </cols>
  <sheetData>
    <row r="1" spans="2:112" ht="24" customHeight="1" x14ac:dyDescent="0.2">
      <c r="B1" s="290" t="s">
        <v>123</v>
      </c>
      <c r="J1" s="524">
        <f>第１表!F2</f>
        <v>4</v>
      </c>
      <c r="K1" s="524"/>
      <c r="L1" s="248">
        <f>第１表!G2</f>
        <v>11</v>
      </c>
      <c r="M1" s="529">
        <f>IF(L1&lt;3,L1+12-2,L1-2)</f>
        <v>9</v>
      </c>
      <c r="N1" s="529"/>
    </row>
    <row r="2" spans="2:112" ht="24" customHeight="1" thickBot="1" x14ac:dyDescent="0.25">
      <c r="B2" s="290" t="s">
        <v>139</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05</v>
      </c>
      <c r="CN3" s="547"/>
      <c r="CO3" s="547"/>
      <c r="CP3" s="547"/>
      <c r="CQ3" s="547"/>
      <c r="CR3" s="547"/>
      <c r="CS3" s="547"/>
      <c r="CT3" s="547"/>
      <c r="CU3" s="547"/>
      <c r="CV3" s="547"/>
      <c r="CW3" s="548"/>
      <c r="CX3" s="546" t="s">
        <v>160</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59" t="s">
        <v>44</v>
      </c>
      <c r="E5" s="382"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11" t="s">
        <v>43</v>
      </c>
      <c r="Z5" s="259" t="s">
        <v>44</v>
      </c>
      <c r="AA5" s="268" t="s">
        <v>45</v>
      </c>
      <c r="AB5" s="267" t="s">
        <v>83</v>
      </c>
      <c r="AC5" s="259" t="s">
        <v>47</v>
      </c>
      <c r="AD5" s="259" t="s">
        <v>48</v>
      </c>
      <c r="AE5" s="259" t="s">
        <v>49</v>
      </c>
      <c r="AF5" s="259" t="s">
        <v>50</v>
      </c>
      <c r="AG5" s="259" t="s">
        <v>51</v>
      </c>
      <c r="AH5" s="265" t="s">
        <v>45</v>
      </c>
      <c r="AI5" s="531"/>
      <c r="AJ5" s="263" t="s">
        <v>43</v>
      </c>
      <c r="AK5" s="259" t="s">
        <v>44</v>
      </c>
      <c r="AL5" s="265" t="s">
        <v>45</v>
      </c>
      <c r="AM5" s="267" t="s">
        <v>83</v>
      </c>
      <c r="AN5" s="259" t="s">
        <v>47</v>
      </c>
      <c r="AO5" s="259" t="s">
        <v>48</v>
      </c>
      <c r="AP5" s="259" t="s">
        <v>49</v>
      </c>
      <c r="AQ5" s="259" t="s">
        <v>50</v>
      </c>
      <c r="AR5" s="259" t="s">
        <v>51</v>
      </c>
      <c r="AS5" s="265" t="s">
        <v>45</v>
      </c>
      <c r="AT5" s="531"/>
      <c r="AU5" s="311" t="s">
        <v>43</v>
      </c>
      <c r="AV5" s="259" t="s">
        <v>44</v>
      </c>
      <c r="AW5" s="268" t="s">
        <v>45</v>
      </c>
      <c r="AX5" s="267" t="s">
        <v>83</v>
      </c>
      <c r="AY5" s="259" t="s">
        <v>47</v>
      </c>
      <c r="AZ5" s="259" t="s">
        <v>48</v>
      </c>
      <c r="BA5" s="259" t="s">
        <v>49</v>
      </c>
      <c r="BB5" s="259" t="s">
        <v>50</v>
      </c>
      <c r="BC5" s="259" t="s">
        <v>51</v>
      </c>
      <c r="BD5" s="268" t="s">
        <v>45</v>
      </c>
      <c r="BE5" s="531"/>
      <c r="BF5" s="311" t="s">
        <v>43</v>
      </c>
      <c r="BG5" s="259" t="s">
        <v>44</v>
      </c>
      <c r="BH5" s="265" t="s">
        <v>45</v>
      </c>
      <c r="BI5" s="267" t="s">
        <v>83</v>
      </c>
      <c r="BJ5" s="259" t="s">
        <v>47</v>
      </c>
      <c r="BK5" s="259" t="s">
        <v>48</v>
      </c>
      <c r="BL5" s="259" t="s">
        <v>49</v>
      </c>
      <c r="BM5" s="259" t="s">
        <v>50</v>
      </c>
      <c r="BN5" s="259" t="s">
        <v>51</v>
      </c>
      <c r="BO5" s="265" t="s">
        <v>45</v>
      </c>
      <c r="BP5" s="531"/>
      <c r="BQ5" s="311" t="s">
        <v>43</v>
      </c>
      <c r="BR5" s="259" t="s">
        <v>44</v>
      </c>
      <c r="BS5" s="265" t="s">
        <v>45</v>
      </c>
      <c r="BT5" s="267" t="s">
        <v>83</v>
      </c>
      <c r="BU5" s="259" t="s">
        <v>47</v>
      </c>
      <c r="BV5" s="259" t="s">
        <v>48</v>
      </c>
      <c r="BW5" s="259" t="s">
        <v>49</v>
      </c>
      <c r="BX5" s="259" t="s">
        <v>50</v>
      </c>
      <c r="BY5" s="259" t="s">
        <v>51</v>
      </c>
      <c r="BZ5" s="265" t="s">
        <v>45</v>
      </c>
      <c r="CA5" s="531"/>
      <c r="CB5" s="311" t="s">
        <v>43</v>
      </c>
      <c r="CC5" s="259" t="s">
        <v>44</v>
      </c>
      <c r="CD5" s="265" t="s">
        <v>45</v>
      </c>
      <c r="CE5" s="267" t="s">
        <v>83</v>
      </c>
      <c r="CF5" s="259" t="s">
        <v>47</v>
      </c>
      <c r="CG5" s="259" t="s">
        <v>48</v>
      </c>
      <c r="CH5" s="259" t="s">
        <v>49</v>
      </c>
      <c r="CI5" s="259" t="s">
        <v>50</v>
      </c>
      <c r="CJ5" s="259" t="s">
        <v>51</v>
      </c>
      <c r="CK5" s="265" t="s">
        <v>45</v>
      </c>
      <c r="CL5" s="531"/>
      <c r="CM5" s="311" t="s">
        <v>43</v>
      </c>
      <c r="CN5" s="259" t="s">
        <v>44</v>
      </c>
      <c r="CO5" s="265" t="s">
        <v>45</v>
      </c>
      <c r="CP5" s="267" t="s">
        <v>83</v>
      </c>
      <c r="CQ5" s="259" t="s">
        <v>47</v>
      </c>
      <c r="CR5" s="259" t="s">
        <v>48</v>
      </c>
      <c r="CS5" s="259" t="s">
        <v>49</v>
      </c>
      <c r="CT5" s="259" t="s">
        <v>50</v>
      </c>
      <c r="CU5" s="259" t="s">
        <v>51</v>
      </c>
      <c r="CV5" s="265" t="s">
        <v>45</v>
      </c>
      <c r="CW5" s="531"/>
      <c r="CX5" s="365"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3">
        <v>0</v>
      </c>
      <c r="E6" s="383">
        <v>0</v>
      </c>
      <c r="F6" s="272">
        <v>0</v>
      </c>
      <c r="G6" s="273">
        <v>213727</v>
      </c>
      <c r="H6" s="273">
        <v>333137</v>
      </c>
      <c r="I6" s="273">
        <v>339995</v>
      </c>
      <c r="J6" s="273">
        <v>415133</v>
      </c>
      <c r="K6" s="273">
        <v>395967</v>
      </c>
      <c r="L6" s="274">
        <v>1697959</v>
      </c>
      <c r="M6" s="275">
        <v>1697959</v>
      </c>
      <c r="N6" s="269">
        <v>3</v>
      </c>
      <c r="O6" s="273">
        <v>94</v>
      </c>
      <c r="P6" s="270">
        <v>97</v>
      </c>
      <c r="Q6" s="272">
        <v>0</v>
      </c>
      <c r="R6" s="273">
        <v>413</v>
      </c>
      <c r="S6" s="273">
        <v>2024</v>
      </c>
      <c r="T6" s="273">
        <v>3852</v>
      </c>
      <c r="U6" s="273">
        <v>9424</v>
      </c>
      <c r="V6" s="273">
        <v>18325</v>
      </c>
      <c r="W6" s="270">
        <v>34038</v>
      </c>
      <c r="X6" s="275">
        <v>34135</v>
      </c>
      <c r="Y6" s="269">
        <v>11579</v>
      </c>
      <c r="Z6" s="273">
        <v>37990</v>
      </c>
      <c r="AA6" s="270">
        <v>49569</v>
      </c>
      <c r="AB6" s="272">
        <v>0</v>
      </c>
      <c r="AC6" s="273">
        <v>100516</v>
      </c>
      <c r="AD6" s="273">
        <v>158177</v>
      </c>
      <c r="AE6" s="273">
        <v>101545</v>
      </c>
      <c r="AF6" s="273">
        <v>92381</v>
      </c>
      <c r="AG6" s="273">
        <v>76520</v>
      </c>
      <c r="AH6" s="270">
        <v>529139</v>
      </c>
      <c r="AI6" s="275">
        <v>578708</v>
      </c>
      <c r="AJ6" s="269">
        <v>2114</v>
      </c>
      <c r="AK6" s="273">
        <v>7931</v>
      </c>
      <c r="AL6" s="270">
        <v>10045</v>
      </c>
      <c r="AM6" s="272">
        <v>0</v>
      </c>
      <c r="AN6" s="273">
        <v>12567</v>
      </c>
      <c r="AO6" s="273">
        <v>21015</v>
      </c>
      <c r="AP6" s="273">
        <v>13595</v>
      </c>
      <c r="AQ6" s="273">
        <v>12652</v>
      </c>
      <c r="AR6" s="273">
        <v>7249</v>
      </c>
      <c r="AS6" s="270">
        <v>67078</v>
      </c>
      <c r="AT6" s="275">
        <v>77123</v>
      </c>
      <c r="AU6" s="269">
        <v>0</v>
      </c>
      <c r="AV6" s="273">
        <v>0</v>
      </c>
      <c r="AW6" s="270">
        <v>0</v>
      </c>
      <c r="AX6" s="272">
        <v>0</v>
      </c>
      <c r="AY6" s="273">
        <v>187038</v>
      </c>
      <c r="AZ6" s="273">
        <v>186802</v>
      </c>
      <c r="BA6" s="273">
        <v>116078</v>
      </c>
      <c r="BB6" s="273">
        <v>69127</v>
      </c>
      <c r="BC6" s="273">
        <v>32607</v>
      </c>
      <c r="BD6" s="274">
        <v>591652</v>
      </c>
      <c r="BE6" s="275">
        <v>591652</v>
      </c>
      <c r="BF6" s="269">
        <v>0</v>
      </c>
      <c r="BG6" s="273">
        <v>0</v>
      </c>
      <c r="BH6" s="270">
        <v>0</v>
      </c>
      <c r="BI6" s="272">
        <v>0</v>
      </c>
      <c r="BJ6" s="273">
        <v>29706</v>
      </c>
      <c r="BK6" s="273">
        <v>46230</v>
      </c>
      <c r="BL6" s="273">
        <v>27782</v>
      </c>
      <c r="BM6" s="273">
        <v>17648</v>
      </c>
      <c r="BN6" s="273">
        <v>6224</v>
      </c>
      <c r="BO6" s="270">
        <v>127590</v>
      </c>
      <c r="BP6" s="275">
        <v>127590</v>
      </c>
      <c r="BQ6" s="269">
        <v>338</v>
      </c>
      <c r="BR6" s="273">
        <v>1217</v>
      </c>
      <c r="BS6" s="270">
        <v>1555</v>
      </c>
      <c r="BT6" s="272">
        <v>0</v>
      </c>
      <c r="BU6" s="273">
        <v>15591</v>
      </c>
      <c r="BV6" s="273">
        <v>30421</v>
      </c>
      <c r="BW6" s="273">
        <v>53664</v>
      </c>
      <c r="BX6" s="273">
        <v>41701</v>
      </c>
      <c r="BY6" s="273">
        <v>20315</v>
      </c>
      <c r="BZ6" s="270">
        <v>161692</v>
      </c>
      <c r="CA6" s="275">
        <v>163247</v>
      </c>
      <c r="CB6" s="269">
        <v>10</v>
      </c>
      <c r="CC6" s="273">
        <v>121</v>
      </c>
      <c r="CD6" s="270">
        <v>131</v>
      </c>
      <c r="CE6" s="272">
        <v>0</v>
      </c>
      <c r="CF6" s="273">
        <v>1158</v>
      </c>
      <c r="CG6" s="273">
        <v>2531</v>
      </c>
      <c r="CH6" s="273">
        <v>3444</v>
      </c>
      <c r="CI6" s="273">
        <v>3675</v>
      </c>
      <c r="CJ6" s="273">
        <v>2262</v>
      </c>
      <c r="CK6" s="270">
        <v>13070</v>
      </c>
      <c r="CL6" s="275">
        <v>13201</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4">
        <v>0</v>
      </c>
      <c r="F7" s="279">
        <v>0</v>
      </c>
      <c r="G7" s="280">
        <v>72310</v>
      </c>
      <c r="H7" s="280">
        <v>144974</v>
      </c>
      <c r="I7" s="280">
        <v>126539</v>
      </c>
      <c r="J7" s="280">
        <v>144813</v>
      </c>
      <c r="K7" s="280">
        <v>143375</v>
      </c>
      <c r="L7" s="281">
        <v>632011</v>
      </c>
      <c r="M7" s="282">
        <v>632011</v>
      </c>
      <c r="N7" s="276">
        <v>3</v>
      </c>
      <c r="O7" s="280">
        <v>32</v>
      </c>
      <c r="P7" s="277">
        <v>35</v>
      </c>
      <c r="Q7" s="279">
        <v>0</v>
      </c>
      <c r="R7" s="280">
        <v>105</v>
      </c>
      <c r="S7" s="280">
        <v>776</v>
      </c>
      <c r="T7" s="280">
        <v>1415</v>
      </c>
      <c r="U7" s="280">
        <v>3775</v>
      </c>
      <c r="V7" s="280">
        <v>7965</v>
      </c>
      <c r="W7" s="277">
        <v>14036</v>
      </c>
      <c r="X7" s="282">
        <v>14071</v>
      </c>
      <c r="Y7" s="276">
        <v>5095</v>
      </c>
      <c r="Z7" s="280">
        <v>19247</v>
      </c>
      <c r="AA7" s="277">
        <v>24342</v>
      </c>
      <c r="AB7" s="279">
        <v>0</v>
      </c>
      <c r="AC7" s="280">
        <v>36532</v>
      </c>
      <c r="AD7" s="280">
        <v>83428</v>
      </c>
      <c r="AE7" s="280">
        <v>49569</v>
      </c>
      <c r="AF7" s="280">
        <v>43166</v>
      </c>
      <c r="AG7" s="280">
        <v>34987</v>
      </c>
      <c r="AH7" s="277">
        <v>247682</v>
      </c>
      <c r="AI7" s="282">
        <v>272024</v>
      </c>
      <c r="AJ7" s="276">
        <v>872</v>
      </c>
      <c r="AK7" s="280">
        <v>4134</v>
      </c>
      <c r="AL7" s="277">
        <v>5006</v>
      </c>
      <c r="AM7" s="279">
        <v>0</v>
      </c>
      <c r="AN7" s="280">
        <v>3094</v>
      </c>
      <c r="AO7" s="280">
        <v>8670</v>
      </c>
      <c r="AP7" s="280">
        <v>5507</v>
      </c>
      <c r="AQ7" s="280">
        <v>4966</v>
      </c>
      <c r="AR7" s="280">
        <v>2703</v>
      </c>
      <c r="AS7" s="277">
        <v>24940</v>
      </c>
      <c r="AT7" s="282">
        <v>29946</v>
      </c>
      <c r="AU7" s="276">
        <v>0</v>
      </c>
      <c r="AV7" s="280">
        <v>0</v>
      </c>
      <c r="AW7" s="277">
        <v>0</v>
      </c>
      <c r="AX7" s="279">
        <v>0</v>
      </c>
      <c r="AY7" s="280">
        <v>58599</v>
      </c>
      <c r="AZ7" s="280">
        <v>74674</v>
      </c>
      <c r="BA7" s="280">
        <v>40712</v>
      </c>
      <c r="BB7" s="280">
        <v>23128</v>
      </c>
      <c r="BC7" s="280">
        <v>11251</v>
      </c>
      <c r="BD7" s="281">
        <v>208364</v>
      </c>
      <c r="BE7" s="282">
        <v>208364</v>
      </c>
      <c r="BF7" s="276">
        <v>0</v>
      </c>
      <c r="BG7" s="280">
        <v>0</v>
      </c>
      <c r="BH7" s="277">
        <v>0</v>
      </c>
      <c r="BI7" s="279">
        <v>0</v>
      </c>
      <c r="BJ7" s="280">
        <v>8629</v>
      </c>
      <c r="BK7" s="280">
        <v>21123</v>
      </c>
      <c r="BL7" s="280">
        <v>12167</v>
      </c>
      <c r="BM7" s="280">
        <v>7734</v>
      </c>
      <c r="BN7" s="280">
        <v>2911</v>
      </c>
      <c r="BO7" s="277">
        <v>52564</v>
      </c>
      <c r="BP7" s="282">
        <v>52564</v>
      </c>
      <c r="BQ7" s="276">
        <v>150</v>
      </c>
      <c r="BR7" s="280">
        <v>525</v>
      </c>
      <c r="BS7" s="277">
        <v>675</v>
      </c>
      <c r="BT7" s="279">
        <v>0</v>
      </c>
      <c r="BU7" s="280">
        <v>4724</v>
      </c>
      <c r="BV7" s="280">
        <v>11530</v>
      </c>
      <c r="BW7" s="280">
        <v>20131</v>
      </c>
      <c r="BX7" s="280">
        <v>15508</v>
      </c>
      <c r="BY7" s="280">
        <v>7447</v>
      </c>
      <c r="BZ7" s="277">
        <v>59340</v>
      </c>
      <c r="CA7" s="282">
        <v>60015</v>
      </c>
      <c r="CB7" s="276">
        <v>10</v>
      </c>
      <c r="CC7" s="280">
        <v>84</v>
      </c>
      <c r="CD7" s="277">
        <v>94</v>
      </c>
      <c r="CE7" s="279">
        <v>0</v>
      </c>
      <c r="CF7" s="280">
        <v>636</v>
      </c>
      <c r="CG7" s="280">
        <v>1468</v>
      </c>
      <c r="CH7" s="280">
        <v>2036</v>
      </c>
      <c r="CI7" s="280">
        <v>2203</v>
      </c>
      <c r="CJ7" s="280">
        <v>1287</v>
      </c>
      <c r="CK7" s="277">
        <v>7630</v>
      </c>
      <c r="CL7" s="282">
        <v>7724</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37100</v>
      </c>
      <c r="H8" s="280">
        <v>45312</v>
      </c>
      <c r="I8" s="280">
        <v>54893</v>
      </c>
      <c r="J8" s="280">
        <v>66295</v>
      </c>
      <c r="K8" s="280">
        <v>67345</v>
      </c>
      <c r="L8" s="281">
        <v>270945</v>
      </c>
      <c r="M8" s="282">
        <v>270945</v>
      </c>
      <c r="N8" s="276">
        <v>0</v>
      </c>
      <c r="O8" s="280">
        <v>16</v>
      </c>
      <c r="P8" s="277">
        <v>16</v>
      </c>
      <c r="Q8" s="279">
        <v>0</v>
      </c>
      <c r="R8" s="280">
        <v>52</v>
      </c>
      <c r="S8" s="280">
        <v>218</v>
      </c>
      <c r="T8" s="280">
        <v>459</v>
      </c>
      <c r="U8" s="280">
        <v>1346</v>
      </c>
      <c r="V8" s="280">
        <v>2661</v>
      </c>
      <c r="W8" s="277">
        <v>4736</v>
      </c>
      <c r="X8" s="282">
        <v>4752</v>
      </c>
      <c r="Y8" s="276">
        <v>1918</v>
      </c>
      <c r="Z8" s="280">
        <v>5631</v>
      </c>
      <c r="AA8" s="277">
        <v>7549</v>
      </c>
      <c r="AB8" s="279">
        <v>0</v>
      </c>
      <c r="AC8" s="280">
        <v>21508</v>
      </c>
      <c r="AD8" s="280">
        <v>22634</v>
      </c>
      <c r="AE8" s="280">
        <v>16426</v>
      </c>
      <c r="AF8" s="280">
        <v>15483</v>
      </c>
      <c r="AG8" s="280">
        <v>12385</v>
      </c>
      <c r="AH8" s="277">
        <v>88436</v>
      </c>
      <c r="AI8" s="282">
        <v>95985</v>
      </c>
      <c r="AJ8" s="276">
        <v>158</v>
      </c>
      <c r="AK8" s="280">
        <v>573</v>
      </c>
      <c r="AL8" s="277">
        <v>731</v>
      </c>
      <c r="AM8" s="279">
        <v>0</v>
      </c>
      <c r="AN8" s="280">
        <v>2043</v>
      </c>
      <c r="AO8" s="280">
        <v>2409</v>
      </c>
      <c r="AP8" s="280">
        <v>1665</v>
      </c>
      <c r="AQ8" s="280">
        <v>1596</v>
      </c>
      <c r="AR8" s="280">
        <v>984</v>
      </c>
      <c r="AS8" s="277">
        <v>8697</v>
      </c>
      <c r="AT8" s="282">
        <v>9428</v>
      </c>
      <c r="AU8" s="276">
        <v>0</v>
      </c>
      <c r="AV8" s="280">
        <v>0</v>
      </c>
      <c r="AW8" s="277">
        <v>0</v>
      </c>
      <c r="AX8" s="279">
        <v>0</v>
      </c>
      <c r="AY8" s="280">
        <v>32090</v>
      </c>
      <c r="AZ8" s="280">
        <v>24369</v>
      </c>
      <c r="BA8" s="280">
        <v>16447</v>
      </c>
      <c r="BB8" s="280">
        <v>10850</v>
      </c>
      <c r="BC8" s="280">
        <v>5076</v>
      </c>
      <c r="BD8" s="281">
        <v>88832</v>
      </c>
      <c r="BE8" s="282">
        <v>88832</v>
      </c>
      <c r="BF8" s="276">
        <v>0</v>
      </c>
      <c r="BG8" s="280">
        <v>0</v>
      </c>
      <c r="BH8" s="277">
        <v>0</v>
      </c>
      <c r="BI8" s="279">
        <v>0</v>
      </c>
      <c r="BJ8" s="280">
        <v>4157</v>
      </c>
      <c r="BK8" s="280">
        <v>4871</v>
      </c>
      <c r="BL8" s="280">
        <v>3952</v>
      </c>
      <c r="BM8" s="280">
        <v>2554</v>
      </c>
      <c r="BN8" s="280">
        <v>896</v>
      </c>
      <c r="BO8" s="277">
        <v>16430</v>
      </c>
      <c r="BP8" s="282">
        <v>16430</v>
      </c>
      <c r="BQ8" s="276">
        <v>21</v>
      </c>
      <c r="BR8" s="280">
        <v>198</v>
      </c>
      <c r="BS8" s="277">
        <v>219</v>
      </c>
      <c r="BT8" s="279">
        <v>0</v>
      </c>
      <c r="BU8" s="280">
        <v>2117</v>
      </c>
      <c r="BV8" s="280">
        <v>3445</v>
      </c>
      <c r="BW8" s="280">
        <v>5272</v>
      </c>
      <c r="BX8" s="280">
        <v>4472</v>
      </c>
      <c r="BY8" s="280">
        <v>2338</v>
      </c>
      <c r="BZ8" s="277">
        <v>17644</v>
      </c>
      <c r="CA8" s="282">
        <v>17863</v>
      </c>
      <c r="CB8" s="276">
        <v>0</v>
      </c>
      <c r="CC8" s="280">
        <v>0</v>
      </c>
      <c r="CD8" s="277">
        <v>0</v>
      </c>
      <c r="CE8" s="279">
        <v>0</v>
      </c>
      <c r="CF8" s="280">
        <v>139</v>
      </c>
      <c r="CG8" s="280">
        <v>259</v>
      </c>
      <c r="CH8" s="280">
        <v>428</v>
      </c>
      <c r="CI8" s="280">
        <v>531</v>
      </c>
      <c r="CJ8" s="280">
        <v>264</v>
      </c>
      <c r="CK8" s="277">
        <v>1621</v>
      </c>
      <c r="CL8" s="282">
        <v>1621</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14267</v>
      </c>
      <c r="H9" s="280">
        <v>25127</v>
      </c>
      <c r="I9" s="280">
        <v>26660</v>
      </c>
      <c r="J9" s="280">
        <v>27656</v>
      </c>
      <c r="K9" s="280">
        <v>25971</v>
      </c>
      <c r="L9" s="281">
        <v>119681</v>
      </c>
      <c r="M9" s="282">
        <v>119681</v>
      </c>
      <c r="N9" s="276">
        <v>0</v>
      </c>
      <c r="O9" s="280">
        <v>12</v>
      </c>
      <c r="P9" s="277">
        <v>12</v>
      </c>
      <c r="Q9" s="279">
        <v>0</v>
      </c>
      <c r="R9" s="280">
        <v>23</v>
      </c>
      <c r="S9" s="280">
        <v>80</v>
      </c>
      <c r="T9" s="280">
        <v>269</v>
      </c>
      <c r="U9" s="280">
        <v>566</v>
      </c>
      <c r="V9" s="280">
        <v>1206</v>
      </c>
      <c r="W9" s="277">
        <v>2144</v>
      </c>
      <c r="X9" s="282">
        <v>2156</v>
      </c>
      <c r="Y9" s="276">
        <v>657</v>
      </c>
      <c r="Z9" s="280">
        <v>3194</v>
      </c>
      <c r="AA9" s="277">
        <v>3851</v>
      </c>
      <c r="AB9" s="279">
        <v>0</v>
      </c>
      <c r="AC9" s="280">
        <v>5332</v>
      </c>
      <c r="AD9" s="280">
        <v>10631</v>
      </c>
      <c r="AE9" s="280">
        <v>7485</v>
      </c>
      <c r="AF9" s="280">
        <v>6837</v>
      </c>
      <c r="AG9" s="280">
        <v>5661</v>
      </c>
      <c r="AH9" s="277">
        <v>35946</v>
      </c>
      <c r="AI9" s="282">
        <v>39797</v>
      </c>
      <c r="AJ9" s="276">
        <v>83</v>
      </c>
      <c r="AK9" s="280">
        <v>460</v>
      </c>
      <c r="AL9" s="277">
        <v>543</v>
      </c>
      <c r="AM9" s="279">
        <v>0</v>
      </c>
      <c r="AN9" s="280">
        <v>308</v>
      </c>
      <c r="AO9" s="280">
        <v>1108</v>
      </c>
      <c r="AP9" s="280">
        <v>581</v>
      </c>
      <c r="AQ9" s="280">
        <v>651</v>
      </c>
      <c r="AR9" s="280">
        <v>342</v>
      </c>
      <c r="AS9" s="277">
        <v>2990</v>
      </c>
      <c r="AT9" s="282">
        <v>3533</v>
      </c>
      <c r="AU9" s="276">
        <v>0</v>
      </c>
      <c r="AV9" s="280">
        <v>0</v>
      </c>
      <c r="AW9" s="277">
        <v>0</v>
      </c>
      <c r="AX9" s="279">
        <v>0</v>
      </c>
      <c r="AY9" s="280">
        <v>14001</v>
      </c>
      <c r="AZ9" s="280">
        <v>16221</v>
      </c>
      <c r="BA9" s="280">
        <v>11828</v>
      </c>
      <c r="BB9" s="280">
        <v>6952</v>
      </c>
      <c r="BC9" s="280">
        <v>3385</v>
      </c>
      <c r="BD9" s="281">
        <v>52387</v>
      </c>
      <c r="BE9" s="282">
        <v>52387</v>
      </c>
      <c r="BF9" s="276">
        <v>0</v>
      </c>
      <c r="BG9" s="280">
        <v>0</v>
      </c>
      <c r="BH9" s="277">
        <v>0</v>
      </c>
      <c r="BI9" s="279">
        <v>0</v>
      </c>
      <c r="BJ9" s="280">
        <v>974</v>
      </c>
      <c r="BK9" s="280">
        <v>2684</v>
      </c>
      <c r="BL9" s="280">
        <v>1756</v>
      </c>
      <c r="BM9" s="280">
        <v>1177</v>
      </c>
      <c r="BN9" s="280">
        <v>348</v>
      </c>
      <c r="BO9" s="277">
        <v>6939</v>
      </c>
      <c r="BP9" s="282">
        <v>6939</v>
      </c>
      <c r="BQ9" s="276">
        <v>3</v>
      </c>
      <c r="BR9" s="280">
        <v>59</v>
      </c>
      <c r="BS9" s="277">
        <v>62</v>
      </c>
      <c r="BT9" s="279">
        <v>0</v>
      </c>
      <c r="BU9" s="280">
        <v>851</v>
      </c>
      <c r="BV9" s="280">
        <v>2374</v>
      </c>
      <c r="BW9" s="280">
        <v>4722</v>
      </c>
      <c r="BX9" s="280">
        <v>3653</v>
      </c>
      <c r="BY9" s="280">
        <v>1858</v>
      </c>
      <c r="BZ9" s="277">
        <v>13458</v>
      </c>
      <c r="CA9" s="282">
        <v>13520</v>
      </c>
      <c r="CB9" s="276">
        <v>0</v>
      </c>
      <c r="CC9" s="280">
        <v>0</v>
      </c>
      <c r="CD9" s="277">
        <v>0</v>
      </c>
      <c r="CE9" s="279">
        <v>0</v>
      </c>
      <c r="CF9" s="280">
        <v>0</v>
      </c>
      <c r="CG9" s="280">
        <v>42</v>
      </c>
      <c r="CH9" s="280">
        <v>69</v>
      </c>
      <c r="CI9" s="280">
        <v>61</v>
      </c>
      <c r="CJ9" s="280">
        <v>46</v>
      </c>
      <c r="CK9" s="277">
        <v>218</v>
      </c>
      <c r="CL9" s="282">
        <v>218</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7344</v>
      </c>
      <c r="H10" s="280">
        <v>18239</v>
      </c>
      <c r="I10" s="280">
        <v>19642</v>
      </c>
      <c r="J10" s="280">
        <v>28149</v>
      </c>
      <c r="K10" s="280">
        <v>23185</v>
      </c>
      <c r="L10" s="281">
        <v>106559</v>
      </c>
      <c r="M10" s="282">
        <v>106559</v>
      </c>
      <c r="N10" s="276">
        <v>0</v>
      </c>
      <c r="O10" s="280">
        <v>0</v>
      </c>
      <c r="P10" s="277">
        <v>0</v>
      </c>
      <c r="Q10" s="279">
        <v>0</v>
      </c>
      <c r="R10" s="280">
        <v>57</v>
      </c>
      <c r="S10" s="280">
        <v>222</v>
      </c>
      <c r="T10" s="280">
        <v>289</v>
      </c>
      <c r="U10" s="280">
        <v>668</v>
      </c>
      <c r="V10" s="280">
        <v>932</v>
      </c>
      <c r="W10" s="277">
        <v>2168</v>
      </c>
      <c r="X10" s="282">
        <v>2168</v>
      </c>
      <c r="Y10" s="276">
        <v>135</v>
      </c>
      <c r="Z10" s="280">
        <v>161</v>
      </c>
      <c r="AA10" s="277">
        <v>296</v>
      </c>
      <c r="AB10" s="279">
        <v>0</v>
      </c>
      <c r="AC10" s="280">
        <v>3711</v>
      </c>
      <c r="AD10" s="280">
        <v>4606</v>
      </c>
      <c r="AE10" s="280">
        <v>3087</v>
      </c>
      <c r="AF10" s="280">
        <v>3370</v>
      </c>
      <c r="AG10" s="280">
        <v>2593</v>
      </c>
      <c r="AH10" s="277">
        <v>17367</v>
      </c>
      <c r="AI10" s="282">
        <v>17663</v>
      </c>
      <c r="AJ10" s="276">
        <v>32</v>
      </c>
      <c r="AK10" s="280">
        <v>106</v>
      </c>
      <c r="AL10" s="277">
        <v>138</v>
      </c>
      <c r="AM10" s="279">
        <v>0</v>
      </c>
      <c r="AN10" s="280">
        <v>671</v>
      </c>
      <c r="AO10" s="280">
        <v>906</v>
      </c>
      <c r="AP10" s="280">
        <v>597</v>
      </c>
      <c r="AQ10" s="280">
        <v>661</v>
      </c>
      <c r="AR10" s="280">
        <v>406</v>
      </c>
      <c r="AS10" s="277">
        <v>3241</v>
      </c>
      <c r="AT10" s="282">
        <v>3379</v>
      </c>
      <c r="AU10" s="276">
        <v>0</v>
      </c>
      <c r="AV10" s="280">
        <v>0</v>
      </c>
      <c r="AW10" s="277">
        <v>0</v>
      </c>
      <c r="AX10" s="279">
        <v>0</v>
      </c>
      <c r="AY10" s="280">
        <v>13659</v>
      </c>
      <c r="AZ10" s="280">
        <v>9387</v>
      </c>
      <c r="BA10" s="280">
        <v>5643</v>
      </c>
      <c r="BB10" s="280">
        <v>3190</v>
      </c>
      <c r="BC10" s="280">
        <v>1180</v>
      </c>
      <c r="BD10" s="281">
        <v>33059</v>
      </c>
      <c r="BE10" s="282">
        <v>33059</v>
      </c>
      <c r="BF10" s="276">
        <v>0</v>
      </c>
      <c r="BG10" s="280">
        <v>0</v>
      </c>
      <c r="BH10" s="277">
        <v>0</v>
      </c>
      <c r="BI10" s="279">
        <v>0</v>
      </c>
      <c r="BJ10" s="280">
        <v>1869</v>
      </c>
      <c r="BK10" s="280">
        <v>1655</v>
      </c>
      <c r="BL10" s="280">
        <v>1027</v>
      </c>
      <c r="BM10" s="280">
        <v>480</v>
      </c>
      <c r="BN10" s="280">
        <v>147</v>
      </c>
      <c r="BO10" s="277">
        <v>5178</v>
      </c>
      <c r="BP10" s="282">
        <v>5178</v>
      </c>
      <c r="BQ10" s="276">
        <v>5</v>
      </c>
      <c r="BR10" s="280">
        <v>19</v>
      </c>
      <c r="BS10" s="277">
        <v>24</v>
      </c>
      <c r="BT10" s="279">
        <v>0</v>
      </c>
      <c r="BU10" s="280">
        <v>1462</v>
      </c>
      <c r="BV10" s="280">
        <v>2389</v>
      </c>
      <c r="BW10" s="280">
        <v>2569</v>
      </c>
      <c r="BX10" s="280">
        <v>1974</v>
      </c>
      <c r="BY10" s="280">
        <v>891</v>
      </c>
      <c r="BZ10" s="277">
        <v>9285</v>
      </c>
      <c r="CA10" s="282">
        <v>9309</v>
      </c>
      <c r="CB10" s="276">
        <v>0</v>
      </c>
      <c r="CC10" s="280">
        <v>0</v>
      </c>
      <c r="CD10" s="277">
        <v>0</v>
      </c>
      <c r="CE10" s="279">
        <v>0</v>
      </c>
      <c r="CF10" s="280">
        <v>54</v>
      </c>
      <c r="CG10" s="280">
        <v>85</v>
      </c>
      <c r="CH10" s="280">
        <v>134</v>
      </c>
      <c r="CI10" s="280">
        <v>75</v>
      </c>
      <c r="CJ10" s="280">
        <v>57</v>
      </c>
      <c r="CK10" s="277">
        <v>405</v>
      </c>
      <c r="CL10" s="282">
        <v>405</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6216</v>
      </c>
      <c r="H11" s="280">
        <v>11565</v>
      </c>
      <c r="I11" s="280">
        <v>13600</v>
      </c>
      <c r="J11" s="280">
        <v>14063</v>
      </c>
      <c r="K11" s="280">
        <v>15370</v>
      </c>
      <c r="L11" s="281">
        <v>60814</v>
      </c>
      <c r="M11" s="282">
        <v>60814</v>
      </c>
      <c r="N11" s="276">
        <v>0</v>
      </c>
      <c r="O11" s="280">
        <v>1</v>
      </c>
      <c r="P11" s="277">
        <v>1</v>
      </c>
      <c r="Q11" s="279">
        <v>0</v>
      </c>
      <c r="R11" s="280">
        <v>7</v>
      </c>
      <c r="S11" s="280">
        <v>53</v>
      </c>
      <c r="T11" s="280">
        <v>143</v>
      </c>
      <c r="U11" s="280">
        <v>275</v>
      </c>
      <c r="V11" s="280">
        <v>548</v>
      </c>
      <c r="W11" s="277">
        <v>1026</v>
      </c>
      <c r="X11" s="282">
        <v>1027</v>
      </c>
      <c r="Y11" s="276">
        <v>207</v>
      </c>
      <c r="Z11" s="280">
        <v>364</v>
      </c>
      <c r="AA11" s="277">
        <v>571</v>
      </c>
      <c r="AB11" s="279">
        <v>0</v>
      </c>
      <c r="AC11" s="280">
        <v>1706</v>
      </c>
      <c r="AD11" s="280">
        <v>2527</v>
      </c>
      <c r="AE11" s="280">
        <v>1810</v>
      </c>
      <c r="AF11" s="280">
        <v>1575</v>
      </c>
      <c r="AG11" s="280">
        <v>1737</v>
      </c>
      <c r="AH11" s="277">
        <v>9355</v>
      </c>
      <c r="AI11" s="282">
        <v>9926</v>
      </c>
      <c r="AJ11" s="276">
        <v>82</v>
      </c>
      <c r="AK11" s="280">
        <v>155</v>
      </c>
      <c r="AL11" s="277">
        <v>237</v>
      </c>
      <c r="AM11" s="279">
        <v>0</v>
      </c>
      <c r="AN11" s="280">
        <v>556</v>
      </c>
      <c r="AO11" s="280">
        <v>926</v>
      </c>
      <c r="AP11" s="280">
        <v>686</v>
      </c>
      <c r="AQ11" s="280">
        <v>577</v>
      </c>
      <c r="AR11" s="280">
        <v>297</v>
      </c>
      <c r="AS11" s="277">
        <v>3042</v>
      </c>
      <c r="AT11" s="282">
        <v>3279</v>
      </c>
      <c r="AU11" s="276">
        <v>0</v>
      </c>
      <c r="AV11" s="280">
        <v>0</v>
      </c>
      <c r="AW11" s="277">
        <v>0</v>
      </c>
      <c r="AX11" s="279">
        <v>0</v>
      </c>
      <c r="AY11" s="280">
        <v>5697</v>
      </c>
      <c r="AZ11" s="280">
        <v>6209</v>
      </c>
      <c r="BA11" s="280">
        <v>4186</v>
      </c>
      <c r="BB11" s="280">
        <v>2274</v>
      </c>
      <c r="BC11" s="280">
        <v>1431</v>
      </c>
      <c r="BD11" s="281">
        <v>19797</v>
      </c>
      <c r="BE11" s="282">
        <v>19797</v>
      </c>
      <c r="BF11" s="276">
        <v>0</v>
      </c>
      <c r="BG11" s="280">
        <v>0</v>
      </c>
      <c r="BH11" s="277">
        <v>0</v>
      </c>
      <c r="BI11" s="279">
        <v>0</v>
      </c>
      <c r="BJ11" s="280">
        <v>804</v>
      </c>
      <c r="BK11" s="280">
        <v>1308</v>
      </c>
      <c r="BL11" s="280">
        <v>717</v>
      </c>
      <c r="BM11" s="280">
        <v>452</v>
      </c>
      <c r="BN11" s="280">
        <v>121</v>
      </c>
      <c r="BO11" s="277">
        <v>3402</v>
      </c>
      <c r="BP11" s="282">
        <v>3402</v>
      </c>
      <c r="BQ11" s="276">
        <v>7</v>
      </c>
      <c r="BR11" s="280">
        <v>24</v>
      </c>
      <c r="BS11" s="277">
        <v>31</v>
      </c>
      <c r="BT11" s="279">
        <v>0</v>
      </c>
      <c r="BU11" s="280">
        <v>535</v>
      </c>
      <c r="BV11" s="280">
        <v>1199</v>
      </c>
      <c r="BW11" s="280">
        <v>2920</v>
      </c>
      <c r="BX11" s="280">
        <v>1505</v>
      </c>
      <c r="BY11" s="280">
        <v>948</v>
      </c>
      <c r="BZ11" s="277">
        <v>7107</v>
      </c>
      <c r="CA11" s="282">
        <v>7138</v>
      </c>
      <c r="CB11" s="276">
        <v>0</v>
      </c>
      <c r="CC11" s="280">
        <v>0</v>
      </c>
      <c r="CD11" s="277">
        <v>0</v>
      </c>
      <c r="CE11" s="279">
        <v>0</v>
      </c>
      <c r="CF11" s="280">
        <v>3</v>
      </c>
      <c r="CG11" s="280">
        <v>26</v>
      </c>
      <c r="CH11" s="280">
        <v>32</v>
      </c>
      <c r="CI11" s="280">
        <v>39</v>
      </c>
      <c r="CJ11" s="280">
        <v>2</v>
      </c>
      <c r="CK11" s="277">
        <v>102</v>
      </c>
      <c r="CL11" s="282">
        <v>102</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6053</v>
      </c>
      <c r="H12" s="280">
        <v>8441</v>
      </c>
      <c r="I12" s="280">
        <v>9969</v>
      </c>
      <c r="J12" s="280">
        <v>13793</v>
      </c>
      <c r="K12" s="280">
        <v>14304</v>
      </c>
      <c r="L12" s="281">
        <v>52560</v>
      </c>
      <c r="M12" s="282">
        <v>52560</v>
      </c>
      <c r="N12" s="276">
        <v>0</v>
      </c>
      <c r="O12" s="280">
        <v>0</v>
      </c>
      <c r="P12" s="277">
        <v>0</v>
      </c>
      <c r="Q12" s="279">
        <v>0</v>
      </c>
      <c r="R12" s="280">
        <v>17</v>
      </c>
      <c r="S12" s="280">
        <v>24</v>
      </c>
      <c r="T12" s="280">
        <v>82</v>
      </c>
      <c r="U12" s="280">
        <v>265</v>
      </c>
      <c r="V12" s="280">
        <v>534</v>
      </c>
      <c r="W12" s="277">
        <v>922</v>
      </c>
      <c r="X12" s="282">
        <v>922</v>
      </c>
      <c r="Y12" s="276">
        <v>176</v>
      </c>
      <c r="Z12" s="280">
        <v>570</v>
      </c>
      <c r="AA12" s="277">
        <v>746</v>
      </c>
      <c r="AB12" s="279">
        <v>0</v>
      </c>
      <c r="AC12" s="280">
        <v>3379</v>
      </c>
      <c r="AD12" s="280">
        <v>3041</v>
      </c>
      <c r="AE12" s="280">
        <v>2115</v>
      </c>
      <c r="AF12" s="280">
        <v>2404</v>
      </c>
      <c r="AG12" s="280">
        <v>2296</v>
      </c>
      <c r="AH12" s="277">
        <v>13235</v>
      </c>
      <c r="AI12" s="282">
        <v>13981</v>
      </c>
      <c r="AJ12" s="276">
        <v>14</v>
      </c>
      <c r="AK12" s="280">
        <v>152</v>
      </c>
      <c r="AL12" s="277">
        <v>166</v>
      </c>
      <c r="AM12" s="279">
        <v>0</v>
      </c>
      <c r="AN12" s="280">
        <v>516</v>
      </c>
      <c r="AO12" s="280">
        <v>632</v>
      </c>
      <c r="AP12" s="280">
        <v>539</v>
      </c>
      <c r="AQ12" s="280">
        <v>587</v>
      </c>
      <c r="AR12" s="280">
        <v>451</v>
      </c>
      <c r="AS12" s="277">
        <v>2725</v>
      </c>
      <c r="AT12" s="282">
        <v>2891</v>
      </c>
      <c r="AU12" s="276">
        <v>0</v>
      </c>
      <c r="AV12" s="280">
        <v>0</v>
      </c>
      <c r="AW12" s="277">
        <v>0</v>
      </c>
      <c r="AX12" s="279">
        <v>0</v>
      </c>
      <c r="AY12" s="280">
        <v>4296</v>
      </c>
      <c r="AZ12" s="280">
        <v>3350</v>
      </c>
      <c r="BA12" s="280">
        <v>2362</v>
      </c>
      <c r="BB12" s="280">
        <v>1493</v>
      </c>
      <c r="BC12" s="280">
        <v>533</v>
      </c>
      <c r="BD12" s="281">
        <v>12034</v>
      </c>
      <c r="BE12" s="282">
        <v>12034</v>
      </c>
      <c r="BF12" s="276">
        <v>0</v>
      </c>
      <c r="BG12" s="280">
        <v>0</v>
      </c>
      <c r="BH12" s="277">
        <v>0</v>
      </c>
      <c r="BI12" s="279">
        <v>0</v>
      </c>
      <c r="BJ12" s="280">
        <v>830</v>
      </c>
      <c r="BK12" s="280">
        <v>859</v>
      </c>
      <c r="BL12" s="280">
        <v>562</v>
      </c>
      <c r="BM12" s="280">
        <v>500</v>
      </c>
      <c r="BN12" s="280">
        <v>126</v>
      </c>
      <c r="BO12" s="277">
        <v>2877</v>
      </c>
      <c r="BP12" s="282">
        <v>2877</v>
      </c>
      <c r="BQ12" s="276">
        <v>10</v>
      </c>
      <c r="BR12" s="280">
        <v>14</v>
      </c>
      <c r="BS12" s="277">
        <v>24</v>
      </c>
      <c r="BT12" s="279">
        <v>0</v>
      </c>
      <c r="BU12" s="280">
        <v>402</v>
      </c>
      <c r="BV12" s="280">
        <v>899</v>
      </c>
      <c r="BW12" s="280">
        <v>1423</v>
      </c>
      <c r="BX12" s="280">
        <v>1094</v>
      </c>
      <c r="BY12" s="280">
        <v>483</v>
      </c>
      <c r="BZ12" s="277">
        <v>4301</v>
      </c>
      <c r="CA12" s="282">
        <v>4325</v>
      </c>
      <c r="CB12" s="276">
        <v>0</v>
      </c>
      <c r="CC12" s="280">
        <v>0</v>
      </c>
      <c r="CD12" s="277">
        <v>0</v>
      </c>
      <c r="CE12" s="279">
        <v>0</v>
      </c>
      <c r="CF12" s="280">
        <v>18</v>
      </c>
      <c r="CG12" s="280">
        <v>58</v>
      </c>
      <c r="CH12" s="280">
        <v>72</v>
      </c>
      <c r="CI12" s="280">
        <v>79</v>
      </c>
      <c r="CJ12" s="280">
        <v>60</v>
      </c>
      <c r="CK12" s="277">
        <v>287</v>
      </c>
      <c r="CL12" s="282">
        <v>287</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7611</v>
      </c>
      <c r="H13" s="280">
        <v>16403</v>
      </c>
      <c r="I13" s="280">
        <v>19082</v>
      </c>
      <c r="J13" s="280">
        <v>27389</v>
      </c>
      <c r="K13" s="280">
        <v>21576</v>
      </c>
      <c r="L13" s="281">
        <v>102061</v>
      </c>
      <c r="M13" s="282">
        <v>102061</v>
      </c>
      <c r="N13" s="276">
        <v>0</v>
      </c>
      <c r="O13" s="280">
        <v>3</v>
      </c>
      <c r="P13" s="277">
        <v>3</v>
      </c>
      <c r="Q13" s="279">
        <v>0</v>
      </c>
      <c r="R13" s="280">
        <v>19</v>
      </c>
      <c r="S13" s="280">
        <v>106</v>
      </c>
      <c r="T13" s="280">
        <v>140</v>
      </c>
      <c r="U13" s="280">
        <v>382</v>
      </c>
      <c r="V13" s="280">
        <v>764</v>
      </c>
      <c r="W13" s="277">
        <v>1411</v>
      </c>
      <c r="X13" s="282">
        <v>1414</v>
      </c>
      <c r="Y13" s="276">
        <v>866</v>
      </c>
      <c r="Z13" s="280">
        <v>2165</v>
      </c>
      <c r="AA13" s="277">
        <v>3031</v>
      </c>
      <c r="AB13" s="279">
        <v>0</v>
      </c>
      <c r="AC13" s="280">
        <v>7415</v>
      </c>
      <c r="AD13" s="280">
        <v>5227</v>
      </c>
      <c r="AE13" s="280">
        <v>3440</v>
      </c>
      <c r="AF13" s="280">
        <v>3106</v>
      </c>
      <c r="AG13" s="280">
        <v>3036</v>
      </c>
      <c r="AH13" s="277">
        <v>22224</v>
      </c>
      <c r="AI13" s="282">
        <v>25255</v>
      </c>
      <c r="AJ13" s="276">
        <v>198</v>
      </c>
      <c r="AK13" s="280">
        <v>420</v>
      </c>
      <c r="AL13" s="277">
        <v>618</v>
      </c>
      <c r="AM13" s="279">
        <v>0</v>
      </c>
      <c r="AN13" s="280">
        <v>1188</v>
      </c>
      <c r="AO13" s="280">
        <v>1116</v>
      </c>
      <c r="AP13" s="280">
        <v>606</v>
      </c>
      <c r="AQ13" s="280">
        <v>516</v>
      </c>
      <c r="AR13" s="280">
        <v>474</v>
      </c>
      <c r="AS13" s="277">
        <v>3900</v>
      </c>
      <c r="AT13" s="282">
        <v>4518</v>
      </c>
      <c r="AU13" s="276">
        <v>0</v>
      </c>
      <c r="AV13" s="280">
        <v>0</v>
      </c>
      <c r="AW13" s="277">
        <v>0</v>
      </c>
      <c r="AX13" s="279">
        <v>0</v>
      </c>
      <c r="AY13" s="280">
        <v>13404</v>
      </c>
      <c r="AZ13" s="280">
        <v>7922</v>
      </c>
      <c r="BA13" s="280">
        <v>5399</v>
      </c>
      <c r="BB13" s="280">
        <v>3018</v>
      </c>
      <c r="BC13" s="280">
        <v>1408</v>
      </c>
      <c r="BD13" s="281">
        <v>31151</v>
      </c>
      <c r="BE13" s="282">
        <v>31151</v>
      </c>
      <c r="BF13" s="276">
        <v>0</v>
      </c>
      <c r="BG13" s="280">
        <v>0</v>
      </c>
      <c r="BH13" s="277">
        <v>0</v>
      </c>
      <c r="BI13" s="279">
        <v>0</v>
      </c>
      <c r="BJ13" s="280">
        <v>1896</v>
      </c>
      <c r="BK13" s="280">
        <v>1284</v>
      </c>
      <c r="BL13" s="280">
        <v>706</v>
      </c>
      <c r="BM13" s="280">
        <v>434</v>
      </c>
      <c r="BN13" s="280">
        <v>151</v>
      </c>
      <c r="BO13" s="277">
        <v>4471</v>
      </c>
      <c r="BP13" s="282">
        <v>4471</v>
      </c>
      <c r="BQ13" s="276">
        <v>55</v>
      </c>
      <c r="BR13" s="280">
        <v>84</v>
      </c>
      <c r="BS13" s="277">
        <v>139</v>
      </c>
      <c r="BT13" s="279">
        <v>0</v>
      </c>
      <c r="BU13" s="280">
        <v>1351</v>
      </c>
      <c r="BV13" s="280">
        <v>1477</v>
      </c>
      <c r="BW13" s="280">
        <v>2624</v>
      </c>
      <c r="BX13" s="280">
        <v>1850</v>
      </c>
      <c r="BY13" s="280">
        <v>1011</v>
      </c>
      <c r="BZ13" s="277">
        <v>8313</v>
      </c>
      <c r="CA13" s="282">
        <v>8452</v>
      </c>
      <c r="CB13" s="276">
        <v>0</v>
      </c>
      <c r="CC13" s="280">
        <v>27</v>
      </c>
      <c r="CD13" s="277">
        <v>27</v>
      </c>
      <c r="CE13" s="279">
        <v>0</v>
      </c>
      <c r="CF13" s="280">
        <v>39</v>
      </c>
      <c r="CG13" s="280">
        <v>96</v>
      </c>
      <c r="CH13" s="280">
        <v>99</v>
      </c>
      <c r="CI13" s="280">
        <v>86</v>
      </c>
      <c r="CJ13" s="280">
        <v>49</v>
      </c>
      <c r="CK13" s="277">
        <v>369</v>
      </c>
      <c r="CL13" s="282">
        <v>396</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5900</v>
      </c>
      <c r="H14" s="280">
        <v>6954</v>
      </c>
      <c r="I14" s="280">
        <v>8321</v>
      </c>
      <c r="J14" s="280">
        <v>10125</v>
      </c>
      <c r="K14" s="280">
        <v>9420</v>
      </c>
      <c r="L14" s="281">
        <v>40720</v>
      </c>
      <c r="M14" s="282">
        <v>40720</v>
      </c>
      <c r="N14" s="276">
        <v>0</v>
      </c>
      <c r="O14" s="280">
        <v>4</v>
      </c>
      <c r="P14" s="277">
        <v>4</v>
      </c>
      <c r="Q14" s="279">
        <v>0</v>
      </c>
      <c r="R14" s="280">
        <v>20</v>
      </c>
      <c r="S14" s="280">
        <v>62</v>
      </c>
      <c r="T14" s="280">
        <v>121</v>
      </c>
      <c r="U14" s="280">
        <v>262</v>
      </c>
      <c r="V14" s="280">
        <v>326</v>
      </c>
      <c r="W14" s="277">
        <v>791</v>
      </c>
      <c r="X14" s="282">
        <v>795</v>
      </c>
      <c r="Y14" s="276">
        <v>169</v>
      </c>
      <c r="Z14" s="280">
        <v>427</v>
      </c>
      <c r="AA14" s="277">
        <v>596</v>
      </c>
      <c r="AB14" s="279">
        <v>0</v>
      </c>
      <c r="AC14" s="280">
        <v>2535</v>
      </c>
      <c r="AD14" s="280">
        <v>2178</v>
      </c>
      <c r="AE14" s="280">
        <v>1792</v>
      </c>
      <c r="AF14" s="280">
        <v>1728</v>
      </c>
      <c r="AG14" s="280">
        <v>1640</v>
      </c>
      <c r="AH14" s="277">
        <v>9873</v>
      </c>
      <c r="AI14" s="282">
        <v>10469</v>
      </c>
      <c r="AJ14" s="276">
        <v>27</v>
      </c>
      <c r="AK14" s="280">
        <v>78</v>
      </c>
      <c r="AL14" s="277">
        <v>105</v>
      </c>
      <c r="AM14" s="279">
        <v>0</v>
      </c>
      <c r="AN14" s="280">
        <v>538</v>
      </c>
      <c r="AO14" s="280">
        <v>339</v>
      </c>
      <c r="AP14" s="280">
        <v>421</v>
      </c>
      <c r="AQ14" s="280">
        <v>365</v>
      </c>
      <c r="AR14" s="280">
        <v>73</v>
      </c>
      <c r="AS14" s="277">
        <v>1736</v>
      </c>
      <c r="AT14" s="282">
        <v>1841</v>
      </c>
      <c r="AU14" s="276">
        <v>0</v>
      </c>
      <c r="AV14" s="280">
        <v>0</v>
      </c>
      <c r="AW14" s="277">
        <v>0</v>
      </c>
      <c r="AX14" s="279">
        <v>0</v>
      </c>
      <c r="AY14" s="280">
        <v>6604</v>
      </c>
      <c r="AZ14" s="280">
        <v>3875</v>
      </c>
      <c r="BA14" s="280">
        <v>3003</v>
      </c>
      <c r="BB14" s="280">
        <v>1914</v>
      </c>
      <c r="BC14" s="280">
        <v>849</v>
      </c>
      <c r="BD14" s="281">
        <v>16245</v>
      </c>
      <c r="BE14" s="282">
        <v>16245</v>
      </c>
      <c r="BF14" s="276">
        <v>0</v>
      </c>
      <c r="BG14" s="280">
        <v>0</v>
      </c>
      <c r="BH14" s="277">
        <v>0</v>
      </c>
      <c r="BI14" s="279">
        <v>0</v>
      </c>
      <c r="BJ14" s="280">
        <v>1292</v>
      </c>
      <c r="BK14" s="280">
        <v>967</v>
      </c>
      <c r="BL14" s="280">
        <v>608</v>
      </c>
      <c r="BM14" s="280">
        <v>467</v>
      </c>
      <c r="BN14" s="280">
        <v>109</v>
      </c>
      <c r="BO14" s="277">
        <v>3443</v>
      </c>
      <c r="BP14" s="282">
        <v>3443</v>
      </c>
      <c r="BQ14" s="276">
        <v>22</v>
      </c>
      <c r="BR14" s="280">
        <v>44</v>
      </c>
      <c r="BS14" s="277">
        <v>66</v>
      </c>
      <c r="BT14" s="279">
        <v>0</v>
      </c>
      <c r="BU14" s="280">
        <v>650</v>
      </c>
      <c r="BV14" s="280">
        <v>680</v>
      </c>
      <c r="BW14" s="280">
        <v>1129</v>
      </c>
      <c r="BX14" s="280">
        <v>1262</v>
      </c>
      <c r="BY14" s="280">
        <v>367</v>
      </c>
      <c r="BZ14" s="277">
        <v>4088</v>
      </c>
      <c r="CA14" s="282">
        <v>4154</v>
      </c>
      <c r="CB14" s="276">
        <v>0</v>
      </c>
      <c r="CC14" s="280">
        <v>0</v>
      </c>
      <c r="CD14" s="277">
        <v>0</v>
      </c>
      <c r="CE14" s="279">
        <v>0</v>
      </c>
      <c r="CF14" s="280">
        <v>52</v>
      </c>
      <c r="CG14" s="280">
        <v>37</v>
      </c>
      <c r="CH14" s="280">
        <v>107</v>
      </c>
      <c r="CI14" s="280">
        <v>16</v>
      </c>
      <c r="CJ14" s="280">
        <v>50</v>
      </c>
      <c r="CK14" s="277">
        <v>262</v>
      </c>
      <c r="CL14" s="282">
        <v>262</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6314</v>
      </c>
      <c r="H15" s="280">
        <v>7636</v>
      </c>
      <c r="I15" s="280">
        <v>9378</v>
      </c>
      <c r="J15" s="280">
        <v>12813</v>
      </c>
      <c r="K15" s="280">
        <v>12601</v>
      </c>
      <c r="L15" s="281">
        <v>48742</v>
      </c>
      <c r="M15" s="282">
        <v>48742</v>
      </c>
      <c r="N15" s="276">
        <v>0</v>
      </c>
      <c r="O15" s="280">
        <v>18</v>
      </c>
      <c r="P15" s="277">
        <v>18</v>
      </c>
      <c r="Q15" s="279">
        <v>0</v>
      </c>
      <c r="R15" s="280">
        <v>14</v>
      </c>
      <c r="S15" s="280">
        <v>55</v>
      </c>
      <c r="T15" s="280">
        <v>94</v>
      </c>
      <c r="U15" s="280">
        <v>308</v>
      </c>
      <c r="V15" s="280">
        <v>411</v>
      </c>
      <c r="W15" s="277">
        <v>882</v>
      </c>
      <c r="X15" s="282">
        <v>900</v>
      </c>
      <c r="Y15" s="276">
        <v>382</v>
      </c>
      <c r="Z15" s="280">
        <v>1255</v>
      </c>
      <c r="AA15" s="277">
        <v>1637</v>
      </c>
      <c r="AB15" s="279">
        <v>0</v>
      </c>
      <c r="AC15" s="280">
        <v>1862</v>
      </c>
      <c r="AD15" s="280">
        <v>2334</v>
      </c>
      <c r="AE15" s="280">
        <v>1798</v>
      </c>
      <c r="AF15" s="280">
        <v>1754</v>
      </c>
      <c r="AG15" s="280">
        <v>1363</v>
      </c>
      <c r="AH15" s="277">
        <v>9111</v>
      </c>
      <c r="AI15" s="282">
        <v>10748</v>
      </c>
      <c r="AJ15" s="276">
        <v>22</v>
      </c>
      <c r="AK15" s="280">
        <v>219</v>
      </c>
      <c r="AL15" s="277">
        <v>241</v>
      </c>
      <c r="AM15" s="279">
        <v>0</v>
      </c>
      <c r="AN15" s="280">
        <v>183</v>
      </c>
      <c r="AO15" s="280">
        <v>539</v>
      </c>
      <c r="AP15" s="280">
        <v>315</v>
      </c>
      <c r="AQ15" s="280">
        <v>316</v>
      </c>
      <c r="AR15" s="280">
        <v>188</v>
      </c>
      <c r="AS15" s="277">
        <v>1541</v>
      </c>
      <c r="AT15" s="282">
        <v>1782</v>
      </c>
      <c r="AU15" s="276">
        <v>0</v>
      </c>
      <c r="AV15" s="280">
        <v>0</v>
      </c>
      <c r="AW15" s="277">
        <v>0</v>
      </c>
      <c r="AX15" s="279">
        <v>0</v>
      </c>
      <c r="AY15" s="280">
        <v>5198</v>
      </c>
      <c r="AZ15" s="280">
        <v>4177</v>
      </c>
      <c r="BA15" s="280">
        <v>3238</v>
      </c>
      <c r="BB15" s="280">
        <v>2234</v>
      </c>
      <c r="BC15" s="280">
        <v>1091</v>
      </c>
      <c r="BD15" s="281">
        <v>15938</v>
      </c>
      <c r="BE15" s="282">
        <v>15938</v>
      </c>
      <c r="BF15" s="276">
        <v>0</v>
      </c>
      <c r="BG15" s="280">
        <v>0</v>
      </c>
      <c r="BH15" s="277">
        <v>0</v>
      </c>
      <c r="BI15" s="279">
        <v>0</v>
      </c>
      <c r="BJ15" s="280">
        <v>925</v>
      </c>
      <c r="BK15" s="280">
        <v>1286</v>
      </c>
      <c r="BL15" s="280">
        <v>924</v>
      </c>
      <c r="BM15" s="280">
        <v>619</v>
      </c>
      <c r="BN15" s="280">
        <v>281</v>
      </c>
      <c r="BO15" s="277">
        <v>4035</v>
      </c>
      <c r="BP15" s="282">
        <v>4035</v>
      </c>
      <c r="BQ15" s="276">
        <v>31</v>
      </c>
      <c r="BR15" s="280">
        <v>46</v>
      </c>
      <c r="BS15" s="277">
        <v>77</v>
      </c>
      <c r="BT15" s="279">
        <v>0</v>
      </c>
      <c r="BU15" s="280">
        <v>720</v>
      </c>
      <c r="BV15" s="280">
        <v>695</v>
      </c>
      <c r="BW15" s="280">
        <v>1406</v>
      </c>
      <c r="BX15" s="280">
        <v>1349</v>
      </c>
      <c r="BY15" s="280">
        <v>673</v>
      </c>
      <c r="BZ15" s="277">
        <v>4843</v>
      </c>
      <c r="CA15" s="282">
        <v>4920</v>
      </c>
      <c r="CB15" s="276">
        <v>0</v>
      </c>
      <c r="CC15" s="280">
        <v>0</v>
      </c>
      <c r="CD15" s="277">
        <v>0</v>
      </c>
      <c r="CE15" s="279">
        <v>0</v>
      </c>
      <c r="CF15" s="280">
        <v>9</v>
      </c>
      <c r="CG15" s="280">
        <v>44</v>
      </c>
      <c r="CH15" s="280">
        <v>23</v>
      </c>
      <c r="CI15" s="280">
        <v>32</v>
      </c>
      <c r="CJ15" s="280">
        <v>14</v>
      </c>
      <c r="CK15" s="277">
        <v>122</v>
      </c>
      <c r="CL15" s="282">
        <v>122</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2257</v>
      </c>
      <c r="H16" s="280">
        <v>3499</v>
      </c>
      <c r="I16" s="280">
        <v>3551</v>
      </c>
      <c r="J16" s="280">
        <v>4796</v>
      </c>
      <c r="K16" s="280">
        <v>5764</v>
      </c>
      <c r="L16" s="281">
        <v>19867</v>
      </c>
      <c r="M16" s="282">
        <v>19867</v>
      </c>
      <c r="N16" s="276">
        <v>0</v>
      </c>
      <c r="O16" s="280">
        <v>0</v>
      </c>
      <c r="P16" s="277">
        <v>0</v>
      </c>
      <c r="Q16" s="279">
        <v>0</v>
      </c>
      <c r="R16" s="280">
        <v>5</v>
      </c>
      <c r="S16" s="280">
        <v>16</v>
      </c>
      <c r="T16" s="280">
        <v>21</v>
      </c>
      <c r="U16" s="280">
        <v>73</v>
      </c>
      <c r="V16" s="280">
        <v>156</v>
      </c>
      <c r="W16" s="277">
        <v>271</v>
      </c>
      <c r="X16" s="282">
        <v>271</v>
      </c>
      <c r="Y16" s="276">
        <v>33</v>
      </c>
      <c r="Z16" s="280">
        <v>147</v>
      </c>
      <c r="AA16" s="277">
        <v>180</v>
      </c>
      <c r="AB16" s="279">
        <v>0</v>
      </c>
      <c r="AC16" s="280">
        <v>1042</v>
      </c>
      <c r="AD16" s="280">
        <v>1240</v>
      </c>
      <c r="AE16" s="280">
        <v>912</v>
      </c>
      <c r="AF16" s="280">
        <v>967</v>
      </c>
      <c r="AG16" s="280">
        <v>830</v>
      </c>
      <c r="AH16" s="277">
        <v>4991</v>
      </c>
      <c r="AI16" s="282">
        <v>5171</v>
      </c>
      <c r="AJ16" s="276">
        <v>17</v>
      </c>
      <c r="AK16" s="280">
        <v>44</v>
      </c>
      <c r="AL16" s="277">
        <v>61</v>
      </c>
      <c r="AM16" s="279">
        <v>0</v>
      </c>
      <c r="AN16" s="280">
        <v>162</v>
      </c>
      <c r="AO16" s="280">
        <v>238</v>
      </c>
      <c r="AP16" s="280">
        <v>54</v>
      </c>
      <c r="AQ16" s="280">
        <v>110</v>
      </c>
      <c r="AR16" s="280">
        <v>80</v>
      </c>
      <c r="AS16" s="277">
        <v>644</v>
      </c>
      <c r="AT16" s="282">
        <v>705</v>
      </c>
      <c r="AU16" s="276">
        <v>0</v>
      </c>
      <c r="AV16" s="280">
        <v>0</v>
      </c>
      <c r="AW16" s="277">
        <v>0</v>
      </c>
      <c r="AX16" s="279">
        <v>0</v>
      </c>
      <c r="AY16" s="280">
        <v>1417</v>
      </c>
      <c r="AZ16" s="280">
        <v>1463</v>
      </c>
      <c r="BA16" s="280">
        <v>1052</v>
      </c>
      <c r="BB16" s="280">
        <v>680</v>
      </c>
      <c r="BC16" s="280">
        <v>312</v>
      </c>
      <c r="BD16" s="281">
        <v>4924</v>
      </c>
      <c r="BE16" s="282">
        <v>4924</v>
      </c>
      <c r="BF16" s="276">
        <v>0</v>
      </c>
      <c r="BG16" s="280">
        <v>0</v>
      </c>
      <c r="BH16" s="277">
        <v>0</v>
      </c>
      <c r="BI16" s="279">
        <v>0</v>
      </c>
      <c r="BJ16" s="280">
        <v>180</v>
      </c>
      <c r="BK16" s="280">
        <v>247</v>
      </c>
      <c r="BL16" s="280">
        <v>142</v>
      </c>
      <c r="BM16" s="280">
        <v>152</v>
      </c>
      <c r="BN16" s="280">
        <v>61</v>
      </c>
      <c r="BO16" s="277">
        <v>782</v>
      </c>
      <c r="BP16" s="282">
        <v>782</v>
      </c>
      <c r="BQ16" s="276">
        <v>0</v>
      </c>
      <c r="BR16" s="280">
        <v>14</v>
      </c>
      <c r="BS16" s="277">
        <v>14</v>
      </c>
      <c r="BT16" s="279">
        <v>0</v>
      </c>
      <c r="BU16" s="280">
        <v>136</v>
      </c>
      <c r="BV16" s="280">
        <v>172</v>
      </c>
      <c r="BW16" s="280">
        <v>401</v>
      </c>
      <c r="BX16" s="280">
        <v>490</v>
      </c>
      <c r="BY16" s="280">
        <v>371</v>
      </c>
      <c r="BZ16" s="277">
        <v>1570</v>
      </c>
      <c r="CA16" s="282">
        <v>1584</v>
      </c>
      <c r="CB16" s="276">
        <v>0</v>
      </c>
      <c r="CC16" s="280">
        <v>0</v>
      </c>
      <c r="CD16" s="277">
        <v>0</v>
      </c>
      <c r="CE16" s="279">
        <v>0</v>
      </c>
      <c r="CF16" s="280">
        <v>5</v>
      </c>
      <c r="CG16" s="280">
        <v>51</v>
      </c>
      <c r="CH16" s="280">
        <v>21</v>
      </c>
      <c r="CI16" s="280">
        <v>20</v>
      </c>
      <c r="CJ16" s="280">
        <v>0</v>
      </c>
      <c r="CK16" s="277">
        <v>97</v>
      </c>
      <c r="CL16" s="282">
        <v>97</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1127</v>
      </c>
      <c r="H17" s="280">
        <v>2176</v>
      </c>
      <c r="I17" s="280">
        <v>1701</v>
      </c>
      <c r="J17" s="280">
        <v>1666</v>
      </c>
      <c r="K17" s="280">
        <v>2661</v>
      </c>
      <c r="L17" s="281">
        <v>9331</v>
      </c>
      <c r="M17" s="282">
        <v>9331</v>
      </c>
      <c r="N17" s="276">
        <v>0</v>
      </c>
      <c r="O17" s="280">
        <v>0</v>
      </c>
      <c r="P17" s="277">
        <v>0</v>
      </c>
      <c r="Q17" s="279">
        <v>0</v>
      </c>
      <c r="R17" s="280">
        <v>0</v>
      </c>
      <c r="S17" s="280">
        <v>21</v>
      </c>
      <c r="T17" s="280">
        <v>28</v>
      </c>
      <c r="U17" s="280">
        <v>73</v>
      </c>
      <c r="V17" s="280">
        <v>149</v>
      </c>
      <c r="W17" s="277">
        <v>271</v>
      </c>
      <c r="X17" s="282">
        <v>271</v>
      </c>
      <c r="Y17" s="276">
        <v>2</v>
      </c>
      <c r="Z17" s="280">
        <v>80</v>
      </c>
      <c r="AA17" s="277">
        <v>82</v>
      </c>
      <c r="AB17" s="279">
        <v>0</v>
      </c>
      <c r="AC17" s="280">
        <v>316</v>
      </c>
      <c r="AD17" s="280">
        <v>538</v>
      </c>
      <c r="AE17" s="280">
        <v>237</v>
      </c>
      <c r="AF17" s="280">
        <v>290</v>
      </c>
      <c r="AG17" s="280">
        <v>457</v>
      </c>
      <c r="AH17" s="277">
        <v>1838</v>
      </c>
      <c r="AI17" s="282">
        <v>1920</v>
      </c>
      <c r="AJ17" s="276">
        <v>0</v>
      </c>
      <c r="AK17" s="280">
        <v>10</v>
      </c>
      <c r="AL17" s="277">
        <v>10</v>
      </c>
      <c r="AM17" s="279">
        <v>0</v>
      </c>
      <c r="AN17" s="280">
        <v>68</v>
      </c>
      <c r="AO17" s="280">
        <v>130</v>
      </c>
      <c r="AP17" s="280">
        <v>44</v>
      </c>
      <c r="AQ17" s="280">
        <v>36</v>
      </c>
      <c r="AR17" s="280">
        <v>69</v>
      </c>
      <c r="AS17" s="277">
        <v>347</v>
      </c>
      <c r="AT17" s="282">
        <v>357</v>
      </c>
      <c r="AU17" s="276">
        <v>0</v>
      </c>
      <c r="AV17" s="280">
        <v>0</v>
      </c>
      <c r="AW17" s="277">
        <v>0</v>
      </c>
      <c r="AX17" s="279">
        <v>0</v>
      </c>
      <c r="AY17" s="280">
        <v>766</v>
      </c>
      <c r="AZ17" s="280">
        <v>1164</v>
      </c>
      <c r="BA17" s="280">
        <v>554</v>
      </c>
      <c r="BB17" s="280">
        <v>200</v>
      </c>
      <c r="BC17" s="280">
        <v>134</v>
      </c>
      <c r="BD17" s="281">
        <v>2818</v>
      </c>
      <c r="BE17" s="282">
        <v>2818</v>
      </c>
      <c r="BF17" s="276">
        <v>0</v>
      </c>
      <c r="BG17" s="280">
        <v>0</v>
      </c>
      <c r="BH17" s="277">
        <v>0</v>
      </c>
      <c r="BI17" s="279">
        <v>0</v>
      </c>
      <c r="BJ17" s="280">
        <v>175</v>
      </c>
      <c r="BK17" s="280">
        <v>227</v>
      </c>
      <c r="BL17" s="280">
        <v>199</v>
      </c>
      <c r="BM17" s="280">
        <v>100</v>
      </c>
      <c r="BN17" s="280">
        <v>20</v>
      </c>
      <c r="BO17" s="277">
        <v>721</v>
      </c>
      <c r="BP17" s="282">
        <v>721</v>
      </c>
      <c r="BQ17" s="276">
        <v>0</v>
      </c>
      <c r="BR17" s="280">
        <v>6</v>
      </c>
      <c r="BS17" s="277">
        <v>6</v>
      </c>
      <c r="BT17" s="279">
        <v>0</v>
      </c>
      <c r="BU17" s="280">
        <v>38</v>
      </c>
      <c r="BV17" s="280">
        <v>214</v>
      </c>
      <c r="BW17" s="280">
        <v>781</v>
      </c>
      <c r="BX17" s="280">
        <v>888</v>
      </c>
      <c r="BY17" s="280">
        <v>500</v>
      </c>
      <c r="BZ17" s="277">
        <v>2421</v>
      </c>
      <c r="CA17" s="282">
        <v>2427</v>
      </c>
      <c r="CB17" s="276">
        <v>0</v>
      </c>
      <c r="CC17" s="280">
        <v>0</v>
      </c>
      <c r="CD17" s="277">
        <v>0</v>
      </c>
      <c r="CE17" s="279">
        <v>0</v>
      </c>
      <c r="CF17" s="280">
        <v>0</v>
      </c>
      <c r="CG17" s="280">
        <v>33</v>
      </c>
      <c r="CH17" s="280">
        <v>17</v>
      </c>
      <c r="CI17" s="280">
        <v>16</v>
      </c>
      <c r="CJ17" s="280">
        <v>8</v>
      </c>
      <c r="CK17" s="277">
        <v>74</v>
      </c>
      <c r="CL17" s="282">
        <v>74</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2275</v>
      </c>
      <c r="H18" s="280">
        <v>3553</v>
      </c>
      <c r="I18" s="280">
        <v>4359</v>
      </c>
      <c r="J18" s="280">
        <v>5413</v>
      </c>
      <c r="K18" s="280">
        <v>4094</v>
      </c>
      <c r="L18" s="281">
        <v>19694</v>
      </c>
      <c r="M18" s="282">
        <v>19694</v>
      </c>
      <c r="N18" s="276">
        <v>0</v>
      </c>
      <c r="O18" s="280">
        <v>0</v>
      </c>
      <c r="P18" s="277">
        <v>0</v>
      </c>
      <c r="Q18" s="279">
        <v>0</v>
      </c>
      <c r="R18" s="280">
        <v>4</v>
      </c>
      <c r="S18" s="280">
        <v>48</v>
      </c>
      <c r="T18" s="280">
        <v>92</v>
      </c>
      <c r="U18" s="280">
        <v>123</v>
      </c>
      <c r="V18" s="280">
        <v>252</v>
      </c>
      <c r="W18" s="277">
        <v>519</v>
      </c>
      <c r="X18" s="282">
        <v>519</v>
      </c>
      <c r="Y18" s="276">
        <v>110</v>
      </c>
      <c r="Z18" s="280">
        <v>331</v>
      </c>
      <c r="AA18" s="277">
        <v>441</v>
      </c>
      <c r="AB18" s="279">
        <v>0</v>
      </c>
      <c r="AC18" s="280">
        <v>1344</v>
      </c>
      <c r="AD18" s="280">
        <v>2334</v>
      </c>
      <c r="AE18" s="280">
        <v>1618</v>
      </c>
      <c r="AF18" s="280">
        <v>1583</v>
      </c>
      <c r="AG18" s="280">
        <v>1060</v>
      </c>
      <c r="AH18" s="277">
        <v>7939</v>
      </c>
      <c r="AI18" s="282">
        <v>8380</v>
      </c>
      <c r="AJ18" s="276">
        <v>9</v>
      </c>
      <c r="AK18" s="280">
        <v>126</v>
      </c>
      <c r="AL18" s="277">
        <v>135</v>
      </c>
      <c r="AM18" s="279">
        <v>0</v>
      </c>
      <c r="AN18" s="280">
        <v>150</v>
      </c>
      <c r="AO18" s="280">
        <v>277</v>
      </c>
      <c r="AP18" s="280">
        <v>304</v>
      </c>
      <c r="AQ18" s="280">
        <v>152</v>
      </c>
      <c r="AR18" s="280">
        <v>123</v>
      </c>
      <c r="AS18" s="277">
        <v>1006</v>
      </c>
      <c r="AT18" s="282">
        <v>1141</v>
      </c>
      <c r="AU18" s="276">
        <v>0</v>
      </c>
      <c r="AV18" s="280">
        <v>0</v>
      </c>
      <c r="AW18" s="277">
        <v>0</v>
      </c>
      <c r="AX18" s="279">
        <v>0</v>
      </c>
      <c r="AY18" s="280">
        <v>2807</v>
      </c>
      <c r="AZ18" s="280">
        <v>4117</v>
      </c>
      <c r="BA18" s="280">
        <v>2937</v>
      </c>
      <c r="BB18" s="280">
        <v>1937</v>
      </c>
      <c r="BC18" s="280">
        <v>1032</v>
      </c>
      <c r="BD18" s="281">
        <v>12830</v>
      </c>
      <c r="BE18" s="282">
        <v>12830</v>
      </c>
      <c r="BF18" s="276">
        <v>0</v>
      </c>
      <c r="BG18" s="280">
        <v>0</v>
      </c>
      <c r="BH18" s="277">
        <v>0</v>
      </c>
      <c r="BI18" s="279">
        <v>0</v>
      </c>
      <c r="BJ18" s="280">
        <v>1465</v>
      </c>
      <c r="BK18" s="280">
        <v>2286</v>
      </c>
      <c r="BL18" s="280">
        <v>946</v>
      </c>
      <c r="BM18" s="280">
        <v>505</v>
      </c>
      <c r="BN18" s="280">
        <v>137</v>
      </c>
      <c r="BO18" s="277">
        <v>5339</v>
      </c>
      <c r="BP18" s="282">
        <v>5339</v>
      </c>
      <c r="BQ18" s="276">
        <v>7</v>
      </c>
      <c r="BR18" s="280">
        <v>9</v>
      </c>
      <c r="BS18" s="277">
        <v>16</v>
      </c>
      <c r="BT18" s="279">
        <v>0</v>
      </c>
      <c r="BU18" s="280">
        <v>176</v>
      </c>
      <c r="BV18" s="280">
        <v>564</v>
      </c>
      <c r="BW18" s="280">
        <v>830</v>
      </c>
      <c r="BX18" s="280">
        <v>611</v>
      </c>
      <c r="BY18" s="280">
        <v>253</v>
      </c>
      <c r="BZ18" s="277">
        <v>2434</v>
      </c>
      <c r="CA18" s="282">
        <v>2450</v>
      </c>
      <c r="CB18" s="276">
        <v>0</v>
      </c>
      <c r="CC18" s="280">
        <v>0</v>
      </c>
      <c r="CD18" s="277">
        <v>0</v>
      </c>
      <c r="CE18" s="279">
        <v>0</v>
      </c>
      <c r="CF18" s="280">
        <v>3</v>
      </c>
      <c r="CG18" s="280">
        <v>54</v>
      </c>
      <c r="CH18" s="280">
        <v>47</v>
      </c>
      <c r="CI18" s="280">
        <v>43</v>
      </c>
      <c r="CJ18" s="280">
        <v>16</v>
      </c>
      <c r="CK18" s="277">
        <v>163</v>
      </c>
      <c r="CL18" s="282">
        <v>163</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2569</v>
      </c>
      <c r="H19" s="280">
        <v>7236</v>
      </c>
      <c r="I19" s="280">
        <v>7783</v>
      </c>
      <c r="J19" s="280">
        <v>10095</v>
      </c>
      <c r="K19" s="280">
        <v>11386</v>
      </c>
      <c r="L19" s="281">
        <v>39069</v>
      </c>
      <c r="M19" s="282">
        <v>39069</v>
      </c>
      <c r="N19" s="276">
        <v>0</v>
      </c>
      <c r="O19" s="280">
        <v>8</v>
      </c>
      <c r="P19" s="277">
        <v>8</v>
      </c>
      <c r="Q19" s="279">
        <v>0</v>
      </c>
      <c r="R19" s="280">
        <v>17</v>
      </c>
      <c r="S19" s="280">
        <v>24</v>
      </c>
      <c r="T19" s="280">
        <v>105</v>
      </c>
      <c r="U19" s="280">
        <v>193</v>
      </c>
      <c r="V19" s="280">
        <v>482</v>
      </c>
      <c r="W19" s="277">
        <v>821</v>
      </c>
      <c r="X19" s="282">
        <v>829</v>
      </c>
      <c r="Y19" s="276">
        <v>155</v>
      </c>
      <c r="Z19" s="280">
        <v>625</v>
      </c>
      <c r="AA19" s="277">
        <v>780</v>
      </c>
      <c r="AB19" s="279">
        <v>0</v>
      </c>
      <c r="AC19" s="280">
        <v>1293</v>
      </c>
      <c r="AD19" s="280">
        <v>2687</v>
      </c>
      <c r="AE19" s="280">
        <v>1982</v>
      </c>
      <c r="AF19" s="280">
        <v>1679</v>
      </c>
      <c r="AG19" s="280">
        <v>1556</v>
      </c>
      <c r="AH19" s="277">
        <v>9197</v>
      </c>
      <c r="AI19" s="282">
        <v>9977</v>
      </c>
      <c r="AJ19" s="276">
        <v>10</v>
      </c>
      <c r="AK19" s="280">
        <v>80</v>
      </c>
      <c r="AL19" s="277">
        <v>90</v>
      </c>
      <c r="AM19" s="279">
        <v>0</v>
      </c>
      <c r="AN19" s="280">
        <v>105</v>
      </c>
      <c r="AO19" s="280">
        <v>465</v>
      </c>
      <c r="AP19" s="280">
        <v>287</v>
      </c>
      <c r="AQ19" s="280">
        <v>177</v>
      </c>
      <c r="AR19" s="280">
        <v>126</v>
      </c>
      <c r="AS19" s="277">
        <v>1160</v>
      </c>
      <c r="AT19" s="282">
        <v>1250</v>
      </c>
      <c r="AU19" s="276">
        <v>0</v>
      </c>
      <c r="AV19" s="280">
        <v>0</v>
      </c>
      <c r="AW19" s="277">
        <v>0</v>
      </c>
      <c r="AX19" s="279">
        <v>0</v>
      </c>
      <c r="AY19" s="280">
        <v>3382</v>
      </c>
      <c r="AZ19" s="280">
        <v>5671</v>
      </c>
      <c r="BA19" s="280">
        <v>3432</v>
      </c>
      <c r="BB19" s="280">
        <v>2228</v>
      </c>
      <c r="BC19" s="280">
        <v>1054</v>
      </c>
      <c r="BD19" s="281">
        <v>15767</v>
      </c>
      <c r="BE19" s="282">
        <v>15767</v>
      </c>
      <c r="BF19" s="276">
        <v>0</v>
      </c>
      <c r="BG19" s="280">
        <v>0</v>
      </c>
      <c r="BH19" s="277">
        <v>0</v>
      </c>
      <c r="BI19" s="279">
        <v>0</v>
      </c>
      <c r="BJ19" s="280">
        <v>535</v>
      </c>
      <c r="BK19" s="280">
        <v>1523</v>
      </c>
      <c r="BL19" s="280">
        <v>675</v>
      </c>
      <c r="BM19" s="280">
        <v>335</v>
      </c>
      <c r="BN19" s="280">
        <v>176</v>
      </c>
      <c r="BO19" s="277">
        <v>3244</v>
      </c>
      <c r="BP19" s="282">
        <v>3244</v>
      </c>
      <c r="BQ19" s="276">
        <v>3</v>
      </c>
      <c r="BR19" s="280">
        <v>16</v>
      </c>
      <c r="BS19" s="277">
        <v>19</v>
      </c>
      <c r="BT19" s="279">
        <v>0</v>
      </c>
      <c r="BU19" s="280">
        <v>367</v>
      </c>
      <c r="BV19" s="280">
        <v>693</v>
      </c>
      <c r="BW19" s="280">
        <v>1266</v>
      </c>
      <c r="BX19" s="280">
        <v>1130</v>
      </c>
      <c r="BY19" s="280">
        <v>539</v>
      </c>
      <c r="BZ19" s="277">
        <v>3995</v>
      </c>
      <c r="CA19" s="282">
        <v>4014</v>
      </c>
      <c r="CB19" s="276">
        <v>0</v>
      </c>
      <c r="CC19" s="280">
        <v>0</v>
      </c>
      <c r="CD19" s="277">
        <v>0</v>
      </c>
      <c r="CE19" s="279">
        <v>0</v>
      </c>
      <c r="CF19" s="280">
        <v>33</v>
      </c>
      <c r="CG19" s="280">
        <v>99</v>
      </c>
      <c r="CH19" s="280">
        <v>93</v>
      </c>
      <c r="CI19" s="280">
        <v>96</v>
      </c>
      <c r="CJ19" s="280">
        <v>100</v>
      </c>
      <c r="CK19" s="277">
        <v>421</v>
      </c>
      <c r="CL19" s="282">
        <v>421</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5584</v>
      </c>
      <c r="H20" s="280">
        <v>7757</v>
      </c>
      <c r="I20" s="280">
        <v>8792</v>
      </c>
      <c r="J20" s="280">
        <v>13130</v>
      </c>
      <c r="K20" s="280">
        <v>9093</v>
      </c>
      <c r="L20" s="281">
        <v>44356</v>
      </c>
      <c r="M20" s="282">
        <v>44356</v>
      </c>
      <c r="N20" s="276">
        <v>0</v>
      </c>
      <c r="O20" s="280">
        <v>0</v>
      </c>
      <c r="P20" s="277">
        <v>0</v>
      </c>
      <c r="Q20" s="279">
        <v>0</v>
      </c>
      <c r="R20" s="280">
        <v>14</v>
      </c>
      <c r="S20" s="280">
        <v>74</v>
      </c>
      <c r="T20" s="280">
        <v>98</v>
      </c>
      <c r="U20" s="280">
        <v>189</v>
      </c>
      <c r="V20" s="280">
        <v>389</v>
      </c>
      <c r="W20" s="277">
        <v>764</v>
      </c>
      <c r="X20" s="282">
        <v>764</v>
      </c>
      <c r="Y20" s="276">
        <v>250</v>
      </c>
      <c r="Z20" s="280">
        <v>746</v>
      </c>
      <c r="AA20" s="277">
        <v>996</v>
      </c>
      <c r="AB20" s="279">
        <v>0</v>
      </c>
      <c r="AC20" s="280">
        <v>2732</v>
      </c>
      <c r="AD20" s="280">
        <v>3175</v>
      </c>
      <c r="AE20" s="280">
        <v>2233</v>
      </c>
      <c r="AF20" s="280">
        <v>1834</v>
      </c>
      <c r="AG20" s="280">
        <v>1556</v>
      </c>
      <c r="AH20" s="277">
        <v>11530</v>
      </c>
      <c r="AI20" s="282">
        <v>12526</v>
      </c>
      <c r="AJ20" s="276">
        <v>69</v>
      </c>
      <c r="AK20" s="280">
        <v>82</v>
      </c>
      <c r="AL20" s="277">
        <v>151</v>
      </c>
      <c r="AM20" s="279">
        <v>0</v>
      </c>
      <c r="AN20" s="280">
        <v>498</v>
      </c>
      <c r="AO20" s="280">
        <v>708</v>
      </c>
      <c r="AP20" s="280">
        <v>503</v>
      </c>
      <c r="AQ20" s="280">
        <v>308</v>
      </c>
      <c r="AR20" s="280">
        <v>211</v>
      </c>
      <c r="AS20" s="277">
        <v>2228</v>
      </c>
      <c r="AT20" s="282">
        <v>2379</v>
      </c>
      <c r="AU20" s="276">
        <v>0</v>
      </c>
      <c r="AV20" s="280">
        <v>0</v>
      </c>
      <c r="AW20" s="277">
        <v>0</v>
      </c>
      <c r="AX20" s="279">
        <v>0</v>
      </c>
      <c r="AY20" s="280">
        <v>5868</v>
      </c>
      <c r="AZ20" s="280">
        <v>5821</v>
      </c>
      <c r="BA20" s="280">
        <v>4148</v>
      </c>
      <c r="BB20" s="280">
        <v>2268</v>
      </c>
      <c r="BC20" s="280">
        <v>987</v>
      </c>
      <c r="BD20" s="281">
        <v>19092</v>
      </c>
      <c r="BE20" s="282">
        <v>19092</v>
      </c>
      <c r="BF20" s="276">
        <v>0</v>
      </c>
      <c r="BG20" s="280">
        <v>0</v>
      </c>
      <c r="BH20" s="277">
        <v>0</v>
      </c>
      <c r="BI20" s="279">
        <v>0</v>
      </c>
      <c r="BJ20" s="280">
        <v>1270</v>
      </c>
      <c r="BK20" s="280">
        <v>1442</v>
      </c>
      <c r="BL20" s="280">
        <v>757</v>
      </c>
      <c r="BM20" s="280">
        <v>552</v>
      </c>
      <c r="BN20" s="280">
        <v>119</v>
      </c>
      <c r="BO20" s="277">
        <v>4140</v>
      </c>
      <c r="BP20" s="282">
        <v>4140</v>
      </c>
      <c r="BQ20" s="276">
        <v>2</v>
      </c>
      <c r="BR20" s="280">
        <v>21</v>
      </c>
      <c r="BS20" s="277">
        <v>23</v>
      </c>
      <c r="BT20" s="279">
        <v>0</v>
      </c>
      <c r="BU20" s="280">
        <v>465</v>
      </c>
      <c r="BV20" s="280">
        <v>878</v>
      </c>
      <c r="BW20" s="280">
        <v>2052</v>
      </c>
      <c r="BX20" s="280">
        <v>1567</v>
      </c>
      <c r="BY20" s="280">
        <v>751</v>
      </c>
      <c r="BZ20" s="277">
        <v>5713</v>
      </c>
      <c r="CA20" s="282">
        <v>5736</v>
      </c>
      <c r="CB20" s="276">
        <v>0</v>
      </c>
      <c r="CC20" s="280">
        <v>0</v>
      </c>
      <c r="CD20" s="277">
        <v>0</v>
      </c>
      <c r="CE20" s="279">
        <v>0</v>
      </c>
      <c r="CF20" s="280">
        <v>2</v>
      </c>
      <c r="CG20" s="280">
        <v>7</v>
      </c>
      <c r="CH20" s="280">
        <v>9</v>
      </c>
      <c r="CI20" s="280">
        <v>37</v>
      </c>
      <c r="CJ20" s="280">
        <v>17</v>
      </c>
      <c r="CK20" s="277">
        <v>72</v>
      </c>
      <c r="CL20" s="282">
        <v>72</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1865</v>
      </c>
      <c r="H21" s="280">
        <v>2213</v>
      </c>
      <c r="I21" s="280">
        <v>2728</v>
      </c>
      <c r="J21" s="280">
        <v>3526</v>
      </c>
      <c r="K21" s="280">
        <v>2628</v>
      </c>
      <c r="L21" s="281">
        <v>12960</v>
      </c>
      <c r="M21" s="282">
        <v>12960</v>
      </c>
      <c r="N21" s="276">
        <v>0</v>
      </c>
      <c r="O21" s="280">
        <v>0</v>
      </c>
      <c r="P21" s="277">
        <v>0</v>
      </c>
      <c r="Q21" s="279">
        <v>0</v>
      </c>
      <c r="R21" s="280">
        <v>17</v>
      </c>
      <c r="S21" s="280">
        <v>15</v>
      </c>
      <c r="T21" s="280">
        <v>58</v>
      </c>
      <c r="U21" s="280">
        <v>107</v>
      </c>
      <c r="V21" s="280">
        <v>178</v>
      </c>
      <c r="W21" s="277">
        <v>375</v>
      </c>
      <c r="X21" s="282">
        <v>375</v>
      </c>
      <c r="Y21" s="276">
        <v>117</v>
      </c>
      <c r="Z21" s="280">
        <v>260</v>
      </c>
      <c r="AA21" s="277">
        <v>377</v>
      </c>
      <c r="AB21" s="279">
        <v>0</v>
      </c>
      <c r="AC21" s="280">
        <v>1178</v>
      </c>
      <c r="AD21" s="280">
        <v>1340</v>
      </c>
      <c r="AE21" s="280">
        <v>1006</v>
      </c>
      <c r="AF21" s="280">
        <v>635</v>
      </c>
      <c r="AG21" s="280">
        <v>824</v>
      </c>
      <c r="AH21" s="277">
        <v>4983</v>
      </c>
      <c r="AI21" s="282">
        <v>5360</v>
      </c>
      <c r="AJ21" s="276">
        <v>8</v>
      </c>
      <c r="AK21" s="280">
        <v>30</v>
      </c>
      <c r="AL21" s="277">
        <v>38</v>
      </c>
      <c r="AM21" s="279">
        <v>0</v>
      </c>
      <c r="AN21" s="280">
        <v>255</v>
      </c>
      <c r="AO21" s="280">
        <v>164</v>
      </c>
      <c r="AP21" s="280">
        <v>80</v>
      </c>
      <c r="AQ21" s="280">
        <v>152</v>
      </c>
      <c r="AR21" s="280">
        <v>42</v>
      </c>
      <c r="AS21" s="277">
        <v>693</v>
      </c>
      <c r="AT21" s="282">
        <v>731</v>
      </c>
      <c r="AU21" s="276">
        <v>0</v>
      </c>
      <c r="AV21" s="280">
        <v>0</v>
      </c>
      <c r="AW21" s="277">
        <v>0</v>
      </c>
      <c r="AX21" s="279">
        <v>0</v>
      </c>
      <c r="AY21" s="280">
        <v>2304</v>
      </c>
      <c r="AZ21" s="280">
        <v>2317</v>
      </c>
      <c r="BA21" s="280">
        <v>1376</v>
      </c>
      <c r="BB21" s="280">
        <v>608</v>
      </c>
      <c r="BC21" s="280">
        <v>535</v>
      </c>
      <c r="BD21" s="281">
        <v>7140</v>
      </c>
      <c r="BE21" s="282">
        <v>7140</v>
      </c>
      <c r="BF21" s="276">
        <v>0</v>
      </c>
      <c r="BG21" s="280">
        <v>0</v>
      </c>
      <c r="BH21" s="277">
        <v>0</v>
      </c>
      <c r="BI21" s="279">
        <v>0</v>
      </c>
      <c r="BJ21" s="280">
        <v>756</v>
      </c>
      <c r="BK21" s="280">
        <v>649</v>
      </c>
      <c r="BL21" s="280">
        <v>426</v>
      </c>
      <c r="BM21" s="280">
        <v>224</v>
      </c>
      <c r="BN21" s="280">
        <v>91</v>
      </c>
      <c r="BO21" s="277">
        <v>2146</v>
      </c>
      <c r="BP21" s="282">
        <v>2146</v>
      </c>
      <c r="BQ21" s="276">
        <v>0</v>
      </c>
      <c r="BR21" s="280">
        <v>3</v>
      </c>
      <c r="BS21" s="277">
        <v>3</v>
      </c>
      <c r="BT21" s="279">
        <v>0</v>
      </c>
      <c r="BU21" s="280">
        <v>180</v>
      </c>
      <c r="BV21" s="280">
        <v>287</v>
      </c>
      <c r="BW21" s="280">
        <v>635</v>
      </c>
      <c r="BX21" s="280">
        <v>317</v>
      </c>
      <c r="BY21" s="280">
        <v>176</v>
      </c>
      <c r="BZ21" s="277">
        <v>1595</v>
      </c>
      <c r="CA21" s="282">
        <v>1598</v>
      </c>
      <c r="CB21" s="276">
        <v>0</v>
      </c>
      <c r="CC21" s="280">
        <v>0</v>
      </c>
      <c r="CD21" s="277">
        <v>0</v>
      </c>
      <c r="CE21" s="279">
        <v>0</v>
      </c>
      <c r="CF21" s="280">
        <v>17</v>
      </c>
      <c r="CG21" s="280">
        <v>41</v>
      </c>
      <c r="CH21" s="280">
        <v>36</v>
      </c>
      <c r="CI21" s="280">
        <v>54</v>
      </c>
      <c r="CJ21" s="280">
        <v>49</v>
      </c>
      <c r="CK21" s="277">
        <v>197</v>
      </c>
      <c r="CL21" s="282">
        <v>197</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2863</v>
      </c>
      <c r="H22" s="280">
        <v>3142</v>
      </c>
      <c r="I22" s="280">
        <v>4191</v>
      </c>
      <c r="J22" s="280">
        <v>4867</v>
      </c>
      <c r="K22" s="280">
        <v>3483</v>
      </c>
      <c r="L22" s="281">
        <v>18546</v>
      </c>
      <c r="M22" s="282">
        <v>18546</v>
      </c>
      <c r="N22" s="276">
        <v>0</v>
      </c>
      <c r="O22" s="280">
        <v>0</v>
      </c>
      <c r="P22" s="277">
        <v>0</v>
      </c>
      <c r="Q22" s="279">
        <v>0</v>
      </c>
      <c r="R22" s="280">
        <v>0</v>
      </c>
      <c r="S22" s="280">
        <v>29</v>
      </c>
      <c r="T22" s="280">
        <v>59</v>
      </c>
      <c r="U22" s="280">
        <v>105</v>
      </c>
      <c r="V22" s="280">
        <v>212</v>
      </c>
      <c r="W22" s="277">
        <v>405</v>
      </c>
      <c r="X22" s="282">
        <v>405</v>
      </c>
      <c r="Y22" s="276">
        <v>266</v>
      </c>
      <c r="Z22" s="280">
        <v>621</v>
      </c>
      <c r="AA22" s="277">
        <v>887</v>
      </c>
      <c r="AB22" s="279">
        <v>0</v>
      </c>
      <c r="AC22" s="280">
        <v>2176</v>
      </c>
      <c r="AD22" s="280">
        <v>1853</v>
      </c>
      <c r="AE22" s="280">
        <v>1170</v>
      </c>
      <c r="AF22" s="280">
        <v>835</v>
      </c>
      <c r="AG22" s="280">
        <v>601</v>
      </c>
      <c r="AH22" s="277">
        <v>6635</v>
      </c>
      <c r="AI22" s="282">
        <v>7522</v>
      </c>
      <c r="AJ22" s="276">
        <v>86</v>
      </c>
      <c r="AK22" s="280">
        <v>331</v>
      </c>
      <c r="AL22" s="277">
        <v>417</v>
      </c>
      <c r="AM22" s="279">
        <v>0</v>
      </c>
      <c r="AN22" s="280">
        <v>699</v>
      </c>
      <c r="AO22" s="280">
        <v>519</v>
      </c>
      <c r="AP22" s="280">
        <v>394</v>
      </c>
      <c r="AQ22" s="280">
        <v>433</v>
      </c>
      <c r="AR22" s="280">
        <v>99</v>
      </c>
      <c r="AS22" s="277">
        <v>2144</v>
      </c>
      <c r="AT22" s="282">
        <v>2561</v>
      </c>
      <c r="AU22" s="276">
        <v>0</v>
      </c>
      <c r="AV22" s="280">
        <v>0</v>
      </c>
      <c r="AW22" s="277">
        <v>0</v>
      </c>
      <c r="AX22" s="279">
        <v>0</v>
      </c>
      <c r="AY22" s="280">
        <v>2651</v>
      </c>
      <c r="AZ22" s="280">
        <v>2118</v>
      </c>
      <c r="BA22" s="280">
        <v>1545</v>
      </c>
      <c r="BB22" s="280">
        <v>793</v>
      </c>
      <c r="BC22" s="280">
        <v>321</v>
      </c>
      <c r="BD22" s="281">
        <v>7428</v>
      </c>
      <c r="BE22" s="282">
        <v>7428</v>
      </c>
      <c r="BF22" s="276">
        <v>0</v>
      </c>
      <c r="BG22" s="280">
        <v>0</v>
      </c>
      <c r="BH22" s="277">
        <v>0</v>
      </c>
      <c r="BI22" s="279">
        <v>0</v>
      </c>
      <c r="BJ22" s="280">
        <v>1226</v>
      </c>
      <c r="BK22" s="280">
        <v>833</v>
      </c>
      <c r="BL22" s="280">
        <v>494</v>
      </c>
      <c r="BM22" s="280">
        <v>365</v>
      </c>
      <c r="BN22" s="280">
        <v>91</v>
      </c>
      <c r="BO22" s="277">
        <v>3009</v>
      </c>
      <c r="BP22" s="282">
        <v>3009</v>
      </c>
      <c r="BQ22" s="276">
        <v>0</v>
      </c>
      <c r="BR22" s="280">
        <v>25</v>
      </c>
      <c r="BS22" s="277">
        <v>25</v>
      </c>
      <c r="BT22" s="279">
        <v>0</v>
      </c>
      <c r="BU22" s="280">
        <v>331</v>
      </c>
      <c r="BV22" s="280">
        <v>479</v>
      </c>
      <c r="BW22" s="280">
        <v>1347</v>
      </c>
      <c r="BX22" s="280">
        <v>733</v>
      </c>
      <c r="BY22" s="280">
        <v>241</v>
      </c>
      <c r="BZ22" s="277">
        <v>3131</v>
      </c>
      <c r="CA22" s="282">
        <v>3156</v>
      </c>
      <c r="CB22" s="276">
        <v>0</v>
      </c>
      <c r="CC22" s="280">
        <v>0</v>
      </c>
      <c r="CD22" s="277">
        <v>0</v>
      </c>
      <c r="CE22" s="279">
        <v>0</v>
      </c>
      <c r="CF22" s="280">
        <v>13</v>
      </c>
      <c r="CG22" s="280">
        <v>12</v>
      </c>
      <c r="CH22" s="280">
        <v>79</v>
      </c>
      <c r="CI22" s="280">
        <v>23</v>
      </c>
      <c r="CJ22" s="280">
        <v>23</v>
      </c>
      <c r="CK22" s="277">
        <v>150</v>
      </c>
      <c r="CL22" s="282">
        <v>150</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2614</v>
      </c>
      <c r="H23" s="280">
        <v>6033</v>
      </c>
      <c r="I23" s="280">
        <v>6106</v>
      </c>
      <c r="J23" s="280">
        <v>7918</v>
      </c>
      <c r="K23" s="280">
        <v>5602</v>
      </c>
      <c r="L23" s="281">
        <v>28273</v>
      </c>
      <c r="M23" s="282">
        <v>28273</v>
      </c>
      <c r="N23" s="276">
        <v>0</v>
      </c>
      <c r="O23" s="280">
        <v>0</v>
      </c>
      <c r="P23" s="277">
        <v>0</v>
      </c>
      <c r="Q23" s="279">
        <v>0</v>
      </c>
      <c r="R23" s="280">
        <v>0</v>
      </c>
      <c r="S23" s="280">
        <v>24</v>
      </c>
      <c r="T23" s="280">
        <v>113</v>
      </c>
      <c r="U23" s="280">
        <v>168</v>
      </c>
      <c r="V23" s="280">
        <v>178</v>
      </c>
      <c r="W23" s="277">
        <v>483</v>
      </c>
      <c r="X23" s="282">
        <v>483</v>
      </c>
      <c r="Y23" s="276">
        <v>296</v>
      </c>
      <c r="Z23" s="280">
        <v>493</v>
      </c>
      <c r="AA23" s="277">
        <v>789</v>
      </c>
      <c r="AB23" s="279">
        <v>0</v>
      </c>
      <c r="AC23" s="280">
        <v>1654</v>
      </c>
      <c r="AD23" s="280">
        <v>2664</v>
      </c>
      <c r="AE23" s="280">
        <v>1520</v>
      </c>
      <c r="AF23" s="280">
        <v>1618</v>
      </c>
      <c r="AG23" s="280">
        <v>790</v>
      </c>
      <c r="AH23" s="277">
        <v>8246</v>
      </c>
      <c r="AI23" s="282">
        <v>9035</v>
      </c>
      <c r="AJ23" s="276">
        <v>137</v>
      </c>
      <c r="AK23" s="280">
        <v>298</v>
      </c>
      <c r="AL23" s="277">
        <v>435</v>
      </c>
      <c r="AM23" s="279">
        <v>0</v>
      </c>
      <c r="AN23" s="280">
        <v>144</v>
      </c>
      <c r="AO23" s="280">
        <v>389</v>
      </c>
      <c r="AP23" s="280">
        <v>154</v>
      </c>
      <c r="AQ23" s="280">
        <v>216</v>
      </c>
      <c r="AR23" s="280">
        <v>51</v>
      </c>
      <c r="AS23" s="277">
        <v>954</v>
      </c>
      <c r="AT23" s="282">
        <v>1389</v>
      </c>
      <c r="AU23" s="276">
        <v>0</v>
      </c>
      <c r="AV23" s="280">
        <v>0</v>
      </c>
      <c r="AW23" s="277">
        <v>0</v>
      </c>
      <c r="AX23" s="279">
        <v>0</v>
      </c>
      <c r="AY23" s="280">
        <v>2468</v>
      </c>
      <c r="AZ23" s="280">
        <v>3202</v>
      </c>
      <c r="BA23" s="280">
        <v>2166</v>
      </c>
      <c r="BB23" s="280">
        <v>969</v>
      </c>
      <c r="BC23" s="280">
        <v>363</v>
      </c>
      <c r="BD23" s="281">
        <v>9168</v>
      </c>
      <c r="BE23" s="282">
        <v>9168</v>
      </c>
      <c r="BF23" s="276">
        <v>0</v>
      </c>
      <c r="BG23" s="280">
        <v>0</v>
      </c>
      <c r="BH23" s="277">
        <v>0</v>
      </c>
      <c r="BI23" s="279">
        <v>0</v>
      </c>
      <c r="BJ23" s="280">
        <v>334</v>
      </c>
      <c r="BK23" s="280">
        <v>447</v>
      </c>
      <c r="BL23" s="280">
        <v>254</v>
      </c>
      <c r="BM23" s="280">
        <v>105</v>
      </c>
      <c r="BN23" s="280">
        <v>74</v>
      </c>
      <c r="BO23" s="277">
        <v>1214</v>
      </c>
      <c r="BP23" s="282">
        <v>1214</v>
      </c>
      <c r="BQ23" s="276">
        <v>6</v>
      </c>
      <c r="BR23" s="280">
        <v>19</v>
      </c>
      <c r="BS23" s="277">
        <v>25</v>
      </c>
      <c r="BT23" s="279">
        <v>0</v>
      </c>
      <c r="BU23" s="280">
        <v>228</v>
      </c>
      <c r="BV23" s="280">
        <v>513</v>
      </c>
      <c r="BW23" s="280">
        <v>1121</v>
      </c>
      <c r="BX23" s="280">
        <v>778</v>
      </c>
      <c r="BY23" s="280">
        <v>500</v>
      </c>
      <c r="BZ23" s="277">
        <v>3140</v>
      </c>
      <c r="CA23" s="282">
        <v>3165</v>
      </c>
      <c r="CB23" s="276">
        <v>0</v>
      </c>
      <c r="CC23" s="280">
        <v>0</v>
      </c>
      <c r="CD23" s="277">
        <v>0</v>
      </c>
      <c r="CE23" s="279">
        <v>0</v>
      </c>
      <c r="CF23" s="280">
        <v>0</v>
      </c>
      <c r="CG23" s="280">
        <v>31</v>
      </c>
      <c r="CH23" s="280">
        <v>13</v>
      </c>
      <c r="CI23" s="280">
        <v>19</v>
      </c>
      <c r="CJ23" s="280">
        <v>0</v>
      </c>
      <c r="CK23" s="277">
        <v>63</v>
      </c>
      <c r="CL23" s="282">
        <v>63</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549</v>
      </c>
      <c r="H24" s="280">
        <v>1184</v>
      </c>
      <c r="I24" s="280">
        <v>684</v>
      </c>
      <c r="J24" s="280">
        <v>1633</v>
      </c>
      <c r="K24" s="280">
        <v>1798</v>
      </c>
      <c r="L24" s="281">
        <v>5848</v>
      </c>
      <c r="M24" s="282">
        <v>5848</v>
      </c>
      <c r="N24" s="276">
        <v>0</v>
      </c>
      <c r="O24" s="280">
        <v>0</v>
      </c>
      <c r="P24" s="277">
        <v>0</v>
      </c>
      <c r="Q24" s="279">
        <v>0</v>
      </c>
      <c r="R24" s="280">
        <v>3</v>
      </c>
      <c r="S24" s="280">
        <v>7</v>
      </c>
      <c r="T24" s="280">
        <v>8</v>
      </c>
      <c r="U24" s="280">
        <v>47</v>
      </c>
      <c r="V24" s="280">
        <v>124</v>
      </c>
      <c r="W24" s="277">
        <v>189</v>
      </c>
      <c r="X24" s="282">
        <v>189</v>
      </c>
      <c r="Y24" s="276">
        <v>13</v>
      </c>
      <c r="Z24" s="280">
        <v>66</v>
      </c>
      <c r="AA24" s="277">
        <v>79</v>
      </c>
      <c r="AB24" s="279">
        <v>0</v>
      </c>
      <c r="AC24" s="280">
        <v>341</v>
      </c>
      <c r="AD24" s="280">
        <v>603</v>
      </c>
      <c r="AE24" s="280">
        <v>164</v>
      </c>
      <c r="AF24" s="280">
        <v>269</v>
      </c>
      <c r="AG24" s="280">
        <v>315</v>
      </c>
      <c r="AH24" s="277">
        <v>1692</v>
      </c>
      <c r="AI24" s="282">
        <v>1771</v>
      </c>
      <c r="AJ24" s="276">
        <v>0</v>
      </c>
      <c r="AK24" s="280">
        <v>27</v>
      </c>
      <c r="AL24" s="277">
        <v>27</v>
      </c>
      <c r="AM24" s="279">
        <v>0</v>
      </c>
      <c r="AN24" s="280">
        <v>114</v>
      </c>
      <c r="AO24" s="280">
        <v>224</v>
      </c>
      <c r="AP24" s="280">
        <v>105</v>
      </c>
      <c r="AQ24" s="280">
        <v>47</v>
      </c>
      <c r="AR24" s="280">
        <v>41</v>
      </c>
      <c r="AS24" s="277">
        <v>531</v>
      </c>
      <c r="AT24" s="282">
        <v>558</v>
      </c>
      <c r="AU24" s="276">
        <v>0</v>
      </c>
      <c r="AV24" s="280">
        <v>0</v>
      </c>
      <c r="AW24" s="277">
        <v>0</v>
      </c>
      <c r="AX24" s="279">
        <v>0</v>
      </c>
      <c r="AY24" s="280">
        <v>1178</v>
      </c>
      <c r="AZ24" s="280">
        <v>1145</v>
      </c>
      <c r="BA24" s="280">
        <v>524</v>
      </c>
      <c r="BB24" s="280">
        <v>317</v>
      </c>
      <c r="BC24" s="280">
        <v>205</v>
      </c>
      <c r="BD24" s="281">
        <v>3369</v>
      </c>
      <c r="BE24" s="282">
        <v>3369</v>
      </c>
      <c r="BF24" s="276">
        <v>0</v>
      </c>
      <c r="BG24" s="280">
        <v>0</v>
      </c>
      <c r="BH24" s="277">
        <v>0</v>
      </c>
      <c r="BI24" s="279">
        <v>0</v>
      </c>
      <c r="BJ24" s="280">
        <v>100</v>
      </c>
      <c r="BK24" s="280">
        <v>72</v>
      </c>
      <c r="BL24" s="280">
        <v>97</v>
      </c>
      <c r="BM24" s="280">
        <v>50</v>
      </c>
      <c r="BN24" s="280">
        <v>7</v>
      </c>
      <c r="BO24" s="277">
        <v>326</v>
      </c>
      <c r="BP24" s="282">
        <v>326</v>
      </c>
      <c r="BQ24" s="276">
        <v>0</v>
      </c>
      <c r="BR24" s="280">
        <v>21</v>
      </c>
      <c r="BS24" s="277">
        <v>21</v>
      </c>
      <c r="BT24" s="279">
        <v>0</v>
      </c>
      <c r="BU24" s="280">
        <v>101</v>
      </c>
      <c r="BV24" s="280">
        <v>287</v>
      </c>
      <c r="BW24" s="280">
        <v>475</v>
      </c>
      <c r="BX24" s="280">
        <v>227</v>
      </c>
      <c r="BY24" s="280">
        <v>89</v>
      </c>
      <c r="BZ24" s="277">
        <v>1179</v>
      </c>
      <c r="CA24" s="282">
        <v>1200</v>
      </c>
      <c r="CB24" s="276">
        <v>0</v>
      </c>
      <c r="CC24" s="280">
        <v>0</v>
      </c>
      <c r="CD24" s="277">
        <v>0</v>
      </c>
      <c r="CE24" s="279">
        <v>0</v>
      </c>
      <c r="CF24" s="280">
        <v>0</v>
      </c>
      <c r="CG24" s="280">
        <v>9</v>
      </c>
      <c r="CH24" s="280">
        <v>14</v>
      </c>
      <c r="CI24" s="280">
        <v>4</v>
      </c>
      <c r="CJ24" s="280">
        <v>0</v>
      </c>
      <c r="CK24" s="277">
        <v>27</v>
      </c>
      <c r="CL24" s="282">
        <v>27</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1706</v>
      </c>
      <c r="H25" s="280">
        <v>2627</v>
      </c>
      <c r="I25" s="280">
        <v>2309</v>
      </c>
      <c r="J25" s="280">
        <v>2476</v>
      </c>
      <c r="K25" s="280">
        <v>2201</v>
      </c>
      <c r="L25" s="281">
        <v>11319</v>
      </c>
      <c r="M25" s="282">
        <v>11319</v>
      </c>
      <c r="N25" s="276">
        <v>0</v>
      </c>
      <c r="O25" s="280">
        <v>0</v>
      </c>
      <c r="P25" s="277">
        <v>0</v>
      </c>
      <c r="Q25" s="279">
        <v>0</v>
      </c>
      <c r="R25" s="280">
        <v>5</v>
      </c>
      <c r="S25" s="280">
        <v>13</v>
      </c>
      <c r="T25" s="280">
        <v>31</v>
      </c>
      <c r="U25" s="280">
        <v>55</v>
      </c>
      <c r="V25" s="280">
        <v>84</v>
      </c>
      <c r="W25" s="277">
        <v>188</v>
      </c>
      <c r="X25" s="282">
        <v>188</v>
      </c>
      <c r="Y25" s="276">
        <v>183</v>
      </c>
      <c r="Z25" s="280">
        <v>409</v>
      </c>
      <c r="AA25" s="277">
        <v>592</v>
      </c>
      <c r="AB25" s="279">
        <v>0</v>
      </c>
      <c r="AC25" s="280">
        <v>910</v>
      </c>
      <c r="AD25" s="280">
        <v>1552</v>
      </c>
      <c r="AE25" s="280">
        <v>668</v>
      </c>
      <c r="AF25" s="280">
        <v>695</v>
      </c>
      <c r="AG25" s="280">
        <v>571</v>
      </c>
      <c r="AH25" s="277">
        <v>4396</v>
      </c>
      <c r="AI25" s="282">
        <v>4988</v>
      </c>
      <c r="AJ25" s="276">
        <v>33</v>
      </c>
      <c r="AK25" s="280">
        <v>87</v>
      </c>
      <c r="AL25" s="277">
        <v>120</v>
      </c>
      <c r="AM25" s="279">
        <v>0</v>
      </c>
      <c r="AN25" s="280">
        <v>100</v>
      </c>
      <c r="AO25" s="280">
        <v>279</v>
      </c>
      <c r="AP25" s="280">
        <v>113</v>
      </c>
      <c r="AQ25" s="280">
        <v>98</v>
      </c>
      <c r="AR25" s="280">
        <v>36</v>
      </c>
      <c r="AS25" s="277">
        <v>626</v>
      </c>
      <c r="AT25" s="282">
        <v>746</v>
      </c>
      <c r="AU25" s="276">
        <v>0</v>
      </c>
      <c r="AV25" s="280">
        <v>0</v>
      </c>
      <c r="AW25" s="277">
        <v>0</v>
      </c>
      <c r="AX25" s="279">
        <v>0</v>
      </c>
      <c r="AY25" s="280">
        <v>2590</v>
      </c>
      <c r="AZ25" s="280">
        <v>2431</v>
      </c>
      <c r="BA25" s="280">
        <v>1309</v>
      </c>
      <c r="BB25" s="280">
        <v>918</v>
      </c>
      <c r="BC25" s="280">
        <v>326</v>
      </c>
      <c r="BD25" s="281">
        <v>7574</v>
      </c>
      <c r="BE25" s="282">
        <v>7574</v>
      </c>
      <c r="BF25" s="276">
        <v>0</v>
      </c>
      <c r="BG25" s="280">
        <v>0</v>
      </c>
      <c r="BH25" s="277">
        <v>0</v>
      </c>
      <c r="BI25" s="279">
        <v>0</v>
      </c>
      <c r="BJ25" s="280">
        <v>241</v>
      </c>
      <c r="BK25" s="280">
        <v>410</v>
      </c>
      <c r="BL25" s="280">
        <v>353</v>
      </c>
      <c r="BM25" s="280">
        <v>208</v>
      </c>
      <c r="BN25" s="280">
        <v>40</v>
      </c>
      <c r="BO25" s="277">
        <v>1252</v>
      </c>
      <c r="BP25" s="282">
        <v>1252</v>
      </c>
      <c r="BQ25" s="276">
        <v>6</v>
      </c>
      <c r="BR25" s="280">
        <v>16</v>
      </c>
      <c r="BS25" s="277">
        <v>22</v>
      </c>
      <c r="BT25" s="279">
        <v>0</v>
      </c>
      <c r="BU25" s="280">
        <v>165</v>
      </c>
      <c r="BV25" s="280">
        <v>331</v>
      </c>
      <c r="BW25" s="280">
        <v>546</v>
      </c>
      <c r="BX25" s="280">
        <v>425</v>
      </c>
      <c r="BY25" s="280">
        <v>151</v>
      </c>
      <c r="BZ25" s="277">
        <v>1618</v>
      </c>
      <c r="CA25" s="282">
        <v>1640</v>
      </c>
      <c r="CB25" s="276">
        <v>0</v>
      </c>
      <c r="CC25" s="280">
        <v>0</v>
      </c>
      <c r="CD25" s="277">
        <v>0</v>
      </c>
      <c r="CE25" s="279">
        <v>0</v>
      </c>
      <c r="CF25" s="280">
        <v>3</v>
      </c>
      <c r="CG25" s="280">
        <v>12</v>
      </c>
      <c r="CH25" s="280">
        <v>13</v>
      </c>
      <c r="CI25" s="280">
        <v>36</v>
      </c>
      <c r="CJ25" s="280">
        <v>46</v>
      </c>
      <c r="CK25" s="277">
        <v>110</v>
      </c>
      <c r="CL25" s="282">
        <v>11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715</v>
      </c>
      <c r="H26" s="280">
        <v>827</v>
      </c>
      <c r="I26" s="280">
        <v>1301</v>
      </c>
      <c r="J26" s="280">
        <v>1862</v>
      </c>
      <c r="K26" s="280">
        <v>2407</v>
      </c>
      <c r="L26" s="281">
        <v>7112</v>
      </c>
      <c r="M26" s="282">
        <v>7112</v>
      </c>
      <c r="N26" s="276">
        <v>0</v>
      </c>
      <c r="O26" s="280">
        <v>0</v>
      </c>
      <c r="P26" s="277">
        <v>0</v>
      </c>
      <c r="Q26" s="279">
        <v>0</v>
      </c>
      <c r="R26" s="280">
        <v>0</v>
      </c>
      <c r="S26" s="280">
        <v>3</v>
      </c>
      <c r="T26" s="280">
        <v>30</v>
      </c>
      <c r="U26" s="280">
        <v>43</v>
      </c>
      <c r="V26" s="280">
        <v>104</v>
      </c>
      <c r="W26" s="277">
        <v>180</v>
      </c>
      <c r="X26" s="282">
        <v>180</v>
      </c>
      <c r="Y26" s="276">
        <v>63</v>
      </c>
      <c r="Z26" s="280">
        <v>112</v>
      </c>
      <c r="AA26" s="277">
        <v>175</v>
      </c>
      <c r="AB26" s="279">
        <v>0</v>
      </c>
      <c r="AC26" s="280">
        <v>548</v>
      </c>
      <c r="AD26" s="280">
        <v>423</v>
      </c>
      <c r="AE26" s="280">
        <v>443</v>
      </c>
      <c r="AF26" s="280">
        <v>348</v>
      </c>
      <c r="AG26" s="280">
        <v>373</v>
      </c>
      <c r="AH26" s="277">
        <v>2135</v>
      </c>
      <c r="AI26" s="282">
        <v>2310</v>
      </c>
      <c r="AJ26" s="276">
        <v>0</v>
      </c>
      <c r="AK26" s="280">
        <v>8</v>
      </c>
      <c r="AL26" s="277">
        <v>8</v>
      </c>
      <c r="AM26" s="279">
        <v>0</v>
      </c>
      <c r="AN26" s="280">
        <v>60</v>
      </c>
      <c r="AO26" s="280">
        <v>86</v>
      </c>
      <c r="AP26" s="280">
        <v>16</v>
      </c>
      <c r="AQ26" s="280">
        <v>87</v>
      </c>
      <c r="AR26" s="280">
        <v>70</v>
      </c>
      <c r="AS26" s="277">
        <v>319</v>
      </c>
      <c r="AT26" s="282">
        <v>327</v>
      </c>
      <c r="AU26" s="276">
        <v>0</v>
      </c>
      <c r="AV26" s="280">
        <v>0</v>
      </c>
      <c r="AW26" s="277">
        <v>0</v>
      </c>
      <c r="AX26" s="279">
        <v>0</v>
      </c>
      <c r="AY26" s="280">
        <v>946</v>
      </c>
      <c r="AZ26" s="280">
        <v>814</v>
      </c>
      <c r="BA26" s="280">
        <v>439</v>
      </c>
      <c r="BB26" s="280">
        <v>249</v>
      </c>
      <c r="BC26" s="280">
        <v>96</v>
      </c>
      <c r="BD26" s="281">
        <v>2544</v>
      </c>
      <c r="BE26" s="282">
        <v>2544</v>
      </c>
      <c r="BF26" s="276">
        <v>0</v>
      </c>
      <c r="BG26" s="280">
        <v>0</v>
      </c>
      <c r="BH26" s="277">
        <v>0</v>
      </c>
      <c r="BI26" s="279">
        <v>0</v>
      </c>
      <c r="BJ26" s="280">
        <v>296</v>
      </c>
      <c r="BK26" s="280">
        <v>317</v>
      </c>
      <c r="BL26" s="280">
        <v>125</v>
      </c>
      <c r="BM26" s="280">
        <v>92</v>
      </c>
      <c r="BN26" s="280">
        <v>133</v>
      </c>
      <c r="BO26" s="277">
        <v>963</v>
      </c>
      <c r="BP26" s="282">
        <v>963</v>
      </c>
      <c r="BQ26" s="276">
        <v>5</v>
      </c>
      <c r="BR26" s="280">
        <v>2</v>
      </c>
      <c r="BS26" s="277">
        <v>7</v>
      </c>
      <c r="BT26" s="279">
        <v>0</v>
      </c>
      <c r="BU26" s="280">
        <v>147</v>
      </c>
      <c r="BV26" s="280">
        <v>126</v>
      </c>
      <c r="BW26" s="280">
        <v>237</v>
      </c>
      <c r="BX26" s="280">
        <v>239</v>
      </c>
      <c r="BY26" s="280">
        <v>176</v>
      </c>
      <c r="BZ26" s="277">
        <v>925</v>
      </c>
      <c r="CA26" s="282">
        <v>932</v>
      </c>
      <c r="CB26" s="276">
        <v>0</v>
      </c>
      <c r="CC26" s="280">
        <v>0</v>
      </c>
      <c r="CD26" s="277">
        <v>0</v>
      </c>
      <c r="CE26" s="279">
        <v>0</v>
      </c>
      <c r="CF26" s="280">
        <v>5</v>
      </c>
      <c r="CG26" s="280">
        <v>9</v>
      </c>
      <c r="CH26" s="280">
        <v>4</v>
      </c>
      <c r="CI26" s="280">
        <v>30</v>
      </c>
      <c r="CJ26" s="280">
        <v>54</v>
      </c>
      <c r="CK26" s="277">
        <v>102</v>
      </c>
      <c r="CL26" s="282">
        <v>102</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1269</v>
      </c>
      <c r="H27" s="280">
        <v>1418</v>
      </c>
      <c r="I27" s="280">
        <v>1399</v>
      </c>
      <c r="J27" s="280">
        <v>2166</v>
      </c>
      <c r="K27" s="280">
        <v>1768</v>
      </c>
      <c r="L27" s="281">
        <v>8020</v>
      </c>
      <c r="M27" s="282">
        <v>8020</v>
      </c>
      <c r="N27" s="276">
        <v>0</v>
      </c>
      <c r="O27" s="280">
        <v>0</v>
      </c>
      <c r="P27" s="277">
        <v>0</v>
      </c>
      <c r="Q27" s="279">
        <v>0</v>
      </c>
      <c r="R27" s="280">
        <v>8</v>
      </c>
      <c r="S27" s="280">
        <v>31</v>
      </c>
      <c r="T27" s="280">
        <v>31</v>
      </c>
      <c r="U27" s="280">
        <v>73</v>
      </c>
      <c r="V27" s="280">
        <v>148</v>
      </c>
      <c r="W27" s="277">
        <v>291</v>
      </c>
      <c r="X27" s="282">
        <v>291</v>
      </c>
      <c r="Y27" s="276">
        <v>105</v>
      </c>
      <c r="Z27" s="280">
        <v>259</v>
      </c>
      <c r="AA27" s="277">
        <v>364</v>
      </c>
      <c r="AB27" s="279">
        <v>0</v>
      </c>
      <c r="AC27" s="280">
        <v>539</v>
      </c>
      <c r="AD27" s="280">
        <v>543</v>
      </c>
      <c r="AE27" s="280">
        <v>307</v>
      </c>
      <c r="AF27" s="280">
        <v>245</v>
      </c>
      <c r="AG27" s="280">
        <v>286</v>
      </c>
      <c r="AH27" s="277">
        <v>1920</v>
      </c>
      <c r="AI27" s="282">
        <v>2284</v>
      </c>
      <c r="AJ27" s="276">
        <v>25</v>
      </c>
      <c r="AK27" s="280">
        <v>42</v>
      </c>
      <c r="AL27" s="277">
        <v>67</v>
      </c>
      <c r="AM27" s="279">
        <v>0</v>
      </c>
      <c r="AN27" s="280">
        <v>14</v>
      </c>
      <c r="AO27" s="280">
        <v>125</v>
      </c>
      <c r="AP27" s="280">
        <v>70</v>
      </c>
      <c r="AQ27" s="280">
        <v>70</v>
      </c>
      <c r="AR27" s="280">
        <v>71</v>
      </c>
      <c r="AS27" s="277">
        <v>350</v>
      </c>
      <c r="AT27" s="282">
        <v>417</v>
      </c>
      <c r="AU27" s="276">
        <v>0</v>
      </c>
      <c r="AV27" s="280">
        <v>0</v>
      </c>
      <c r="AW27" s="277">
        <v>0</v>
      </c>
      <c r="AX27" s="279">
        <v>0</v>
      </c>
      <c r="AY27" s="280">
        <v>1200</v>
      </c>
      <c r="AZ27" s="280">
        <v>811</v>
      </c>
      <c r="BA27" s="280">
        <v>520</v>
      </c>
      <c r="BB27" s="280">
        <v>589</v>
      </c>
      <c r="BC27" s="280">
        <v>56</v>
      </c>
      <c r="BD27" s="281">
        <v>3176</v>
      </c>
      <c r="BE27" s="282">
        <v>3176</v>
      </c>
      <c r="BF27" s="276">
        <v>0</v>
      </c>
      <c r="BG27" s="280">
        <v>0</v>
      </c>
      <c r="BH27" s="277">
        <v>0</v>
      </c>
      <c r="BI27" s="279">
        <v>0</v>
      </c>
      <c r="BJ27" s="280">
        <v>347</v>
      </c>
      <c r="BK27" s="280">
        <v>443</v>
      </c>
      <c r="BL27" s="280">
        <v>164</v>
      </c>
      <c r="BM27" s="280">
        <v>88</v>
      </c>
      <c r="BN27" s="280">
        <v>27</v>
      </c>
      <c r="BO27" s="277">
        <v>1069</v>
      </c>
      <c r="BP27" s="282">
        <v>1069</v>
      </c>
      <c r="BQ27" s="276">
        <v>0</v>
      </c>
      <c r="BR27" s="280">
        <v>13</v>
      </c>
      <c r="BS27" s="277">
        <v>13</v>
      </c>
      <c r="BT27" s="279">
        <v>0</v>
      </c>
      <c r="BU27" s="280">
        <v>76</v>
      </c>
      <c r="BV27" s="280">
        <v>221</v>
      </c>
      <c r="BW27" s="280">
        <v>179</v>
      </c>
      <c r="BX27" s="280">
        <v>106</v>
      </c>
      <c r="BY27" s="280">
        <v>35</v>
      </c>
      <c r="BZ27" s="277">
        <v>617</v>
      </c>
      <c r="CA27" s="282">
        <v>630</v>
      </c>
      <c r="CB27" s="276">
        <v>0</v>
      </c>
      <c r="CC27" s="280">
        <v>0</v>
      </c>
      <c r="CD27" s="277">
        <v>0</v>
      </c>
      <c r="CE27" s="279">
        <v>0</v>
      </c>
      <c r="CF27" s="280">
        <v>7</v>
      </c>
      <c r="CG27" s="280">
        <v>14</v>
      </c>
      <c r="CH27" s="280">
        <v>13</v>
      </c>
      <c r="CI27" s="280">
        <v>40</v>
      </c>
      <c r="CJ27" s="280">
        <v>0</v>
      </c>
      <c r="CK27" s="277">
        <v>74</v>
      </c>
      <c r="CL27" s="282">
        <v>74</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817</v>
      </c>
      <c r="H28" s="280">
        <v>1361</v>
      </c>
      <c r="I28" s="280">
        <v>1014</v>
      </c>
      <c r="J28" s="280">
        <v>2073</v>
      </c>
      <c r="K28" s="280">
        <v>1870</v>
      </c>
      <c r="L28" s="281">
        <v>7135</v>
      </c>
      <c r="M28" s="282">
        <v>7135</v>
      </c>
      <c r="N28" s="276">
        <v>0</v>
      </c>
      <c r="O28" s="280">
        <v>0</v>
      </c>
      <c r="P28" s="277">
        <v>0</v>
      </c>
      <c r="Q28" s="279">
        <v>0</v>
      </c>
      <c r="R28" s="280">
        <v>0</v>
      </c>
      <c r="S28" s="280">
        <v>7</v>
      </c>
      <c r="T28" s="280">
        <v>33</v>
      </c>
      <c r="U28" s="280">
        <v>50</v>
      </c>
      <c r="V28" s="280">
        <v>72</v>
      </c>
      <c r="W28" s="277">
        <v>162</v>
      </c>
      <c r="X28" s="282">
        <v>162</v>
      </c>
      <c r="Y28" s="276">
        <v>40</v>
      </c>
      <c r="Z28" s="280">
        <v>89</v>
      </c>
      <c r="AA28" s="277">
        <v>129</v>
      </c>
      <c r="AB28" s="279">
        <v>0</v>
      </c>
      <c r="AC28" s="280">
        <v>371</v>
      </c>
      <c r="AD28" s="280">
        <v>556</v>
      </c>
      <c r="AE28" s="280">
        <v>330</v>
      </c>
      <c r="AF28" s="280">
        <v>358</v>
      </c>
      <c r="AG28" s="280">
        <v>346</v>
      </c>
      <c r="AH28" s="277">
        <v>1961</v>
      </c>
      <c r="AI28" s="282">
        <v>2090</v>
      </c>
      <c r="AJ28" s="276">
        <v>0</v>
      </c>
      <c r="AK28" s="280">
        <v>0</v>
      </c>
      <c r="AL28" s="277">
        <v>0</v>
      </c>
      <c r="AM28" s="279">
        <v>0</v>
      </c>
      <c r="AN28" s="280">
        <v>18</v>
      </c>
      <c r="AO28" s="280">
        <v>105</v>
      </c>
      <c r="AP28" s="280">
        <v>54</v>
      </c>
      <c r="AQ28" s="280">
        <v>32</v>
      </c>
      <c r="AR28" s="280">
        <v>31</v>
      </c>
      <c r="AS28" s="277">
        <v>240</v>
      </c>
      <c r="AT28" s="282">
        <v>240</v>
      </c>
      <c r="AU28" s="276">
        <v>0</v>
      </c>
      <c r="AV28" s="280">
        <v>0</v>
      </c>
      <c r="AW28" s="277">
        <v>0</v>
      </c>
      <c r="AX28" s="279">
        <v>0</v>
      </c>
      <c r="AY28" s="280">
        <v>1003</v>
      </c>
      <c r="AZ28" s="280">
        <v>814</v>
      </c>
      <c r="BA28" s="280">
        <v>477</v>
      </c>
      <c r="BB28" s="280">
        <v>205</v>
      </c>
      <c r="BC28" s="280">
        <v>147</v>
      </c>
      <c r="BD28" s="281">
        <v>2646</v>
      </c>
      <c r="BE28" s="282">
        <v>2646</v>
      </c>
      <c r="BF28" s="276">
        <v>0</v>
      </c>
      <c r="BG28" s="280">
        <v>0</v>
      </c>
      <c r="BH28" s="277">
        <v>0</v>
      </c>
      <c r="BI28" s="279">
        <v>0</v>
      </c>
      <c r="BJ28" s="280">
        <v>129</v>
      </c>
      <c r="BK28" s="280">
        <v>218</v>
      </c>
      <c r="BL28" s="280">
        <v>116</v>
      </c>
      <c r="BM28" s="280">
        <v>58</v>
      </c>
      <c r="BN28" s="280">
        <v>32</v>
      </c>
      <c r="BO28" s="277">
        <v>553</v>
      </c>
      <c r="BP28" s="282">
        <v>553</v>
      </c>
      <c r="BQ28" s="276">
        <v>0</v>
      </c>
      <c r="BR28" s="280">
        <v>23</v>
      </c>
      <c r="BS28" s="277">
        <v>23</v>
      </c>
      <c r="BT28" s="279">
        <v>0</v>
      </c>
      <c r="BU28" s="280">
        <v>99</v>
      </c>
      <c r="BV28" s="280">
        <v>211</v>
      </c>
      <c r="BW28" s="280">
        <v>306</v>
      </c>
      <c r="BX28" s="280">
        <v>234</v>
      </c>
      <c r="BY28" s="280">
        <v>132</v>
      </c>
      <c r="BZ28" s="277">
        <v>982</v>
      </c>
      <c r="CA28" s="282">
        <v>1005</v>
      </c>
      <c r="CB28" s="276">
        <v>0</v>
      </c>
      <c r="CC28" s="280">
        <v>0</v>
      </c>
      <c r="CD28" s="277">
        <v>0</v>
      </c>
      <c r="CE28" s="279">
        <v>0</v>
      </c>
      <c r="CF28" s="280">
        <v>14</v>
      </c>
      <c r="CG28" s="280">
        <v>10</v>
      </c>
      <c r="CH28" s="280">
        <v>18</v>
      </c>
      <c r="CI28" s="280">
        <v>18</v>
      </c>
      <c r="CJ28" s="280">
        <v>15</v>
      </c>
      <c r="CK28" s="277">
        <v>75</v>
      </c>
      <c r="CL28" s="282">
        <v>75</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658</v>
      </c>
      <c r="H29" s="280">
        <v>1028</v>
      </c>
      <c r="I29" s="280">
        <v>1190</v>
      </c>
      <c r="J29" s="280">
        <v>1747</v>
      </c>
      <c r="K29" s="280">
        <v>1681</v>
      </c>
      <c r="L29" s="281">
        <v>6304</v>
      </c>
      <c r="M29" s="282">
        <v>6304</v>
      </c>
      <c r="N29" s="276">
        <v>0</v>
      </c>
      <c r="O29" s="280">
        <v>0</v>
      </c>
      <c r="P29" s="277">
        <v>0</v>
      </c>
      <c r="Q29" s="279">
        <v>0</v>
      </c>
      <c r="R29" s="280">
        <v>4</v>
      </c>
      <c r="S29" s="280">
        <v>25</v>
      </c>
      <c r="T29" s="280">
        <v>33</v>
      </c>
      <c r="U29" s="280">
        <v>93</v>
      </c>
      <c r="V29" s="280">
        <v>77</v>
      </c>
      <c r="W29" s="277">
        <v>232</v>
      </c>
      <c r="X29" s="282">
        <v>232</v>
      </c>
      <c r="Y29" s="276">
        <v>148</v>
      </c>
      <c r="Z29" s="280">
        <v>283</v>
      </c>
      <c r="AA29" s="277">
        <v>431</v>
      </c>
      <c r="AB29" s="279">
        <v>0</v>
      </c>
      <c r="AC29" s="280">
        <v>212</v>
      </c>
      <c r="AD29" s="280">
        <v>315</v>
      </c>
      <c r="AE29" s="280">
        <v>334</v>
      </c>
      <c r="AF29" s="280">
        <v>292</v>
      </c>
      <c r="AG29" s="280">
        <v>286</v>
      </c>
      <c r="AH29" s="277">
        <v>1439</v>
      </c>
      <c r="AI29" s="282">
        <v>1870</v>
      </c>
      <c r="AJ29" s="276">
        <v>0</v>
      </c>
      <c r="AK29" s="280">
        <v>27</v>
      </c>
      <c r="AL29" s="277">
        <v>27</v>
      </c>
      <c r="AM29" s="279">
        <v>0</v>
      </c>
      <c r="AN29" s="280">
        <v>18</v>
      </c>
      <c r="AO29" s="280">
        <v>27</v>
      </c>
      <c r="AP29" s="280">
        <v>0</v>
      </c>
      <c r="AQ29" s="280">
        <v>32</v>
      </c>
      <c r="AR29" s="280">
        <v>15</v>
      </c>
      <c r="AS29" s="277">
        <v>92</v>
      </c>
      <c r="AT29" s="282">
        <v>119</v>
      </c>
      <c r="AU29" s="276">
        <v>0</v>
      </c>
      <c r="AV29" s="280">
        <v>0</v>
      </c>
      <c r="AW29" s="277">
        <v>0</v>
      </c>
      <c r="AX29" s="279">
        <v>0</v>
      </c>
      <c r="AY29" s="280">
        <v>938</v>
      </c>
      <c r="AZ29" s="280">
        <v>716</v>
      </c>
      <c r="BA29" s="280">
        <v>478</v>
      </c>
      <c r="BB29" s="280">
        <v>328</v>
      </c>
      <c r="BC29" s="280">
        <v>133</v>
      </c>
      <c r="BD29" s="281">
        <v>2593</v>
      </c>
      <c r="BE29" s="282">
        <v>2593</v>
      </c>
      <c r="BF29" s="276">
        <v>0</v>
      </c>
      <c r="BG29" s="280">
        <v>0</v>
      </c>
      <c r="BH29" s="277">
        <v>0</v>
      </c>
      <c r="BI29" s="279">
        <v>0</v>
      </c>
      <c r="BJ29" s="280">
        <v>141</v>
      </c>
      <c r="BK29" s="280">
        <v>178</v>
      </c>
      <c r="BL29" s="280">
        <v>104</v>
      </c>
      <c r="BM29" s="280">
        <v>55</v>
      </c>
      <c r="BN29" s="280">
        <v>30</v>
      </c>
      <c r="BO29" s="277">
        <v>508</v>
      </c>
      <c r="BP29" s="282">
        <v>508</v>
      </c>
      <c r="BQ29" s="276">
        <v>0</v>
      </c>
      <c r="BR29" s="280">
        <v>5</v>
      </c>
      <c r="BS29" s="277">
        <v>5</v>
      </c>
      <c r="BT29" s="279">
        <v>0</v>
      </c>
      <c r="BU29" s="280">
        <v>46</v>
      </c>
      <c r="BV29" s="280">
        <v>107</v>
      </c>
      <c r="BW29" s="280">
        <v>121</v>
      </c>
      <c r="BX29" s="280">
        <v>170</v>
      </c>
      <c r="BY29" s="280">
        <v>89</v>
      </c>
      <c r="BZ29" s="277">
        <v>533</v>
      </c>
      <c r="CA29" s="282">
        <v>538</v>
      </c>
      <c r="CB29" s="276">
        <v>0</v>
      </c>
      <c r="CC29" s="280">
        <v>0</v>
      </c>
      <c r="CD29" s="277">
        <v>0</v>
      </c>
      <c r="CE29" s="279">
        <v>0</v>
      </c>
      <c r="CF29" s="280">
        <v>40</v>
      </c>
      <c r="CG29" s="280">
        <v>2</v>
      </c>
      <c r="CH29" s="280">
        <v>5</v>
      </c>
      <c r="CI29" s="280">
        <v>41</v>
      </c>
      <c r="CJ29" s="280">
        <v>7</v>
      </c>
      <c r="CK29" s="277">
        <v>95</v>
      </c>
      <c r="CL29" s="282">
        <v>95</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123</v>
      </c>
      <c r="H30" s="280">
        <v>237</v>
      </c>
      <c r="I30" s="280">
        <v>96</v>
      </c>
      <c r="J30" s="280">
        <v>199</v>
      </c>
      <c r="K30" s="280">
        <v>249</v>
      </c>
      <c r="L30" s="281">
        <v>904</v>
      </c>
      <c r="M30" s="282">
        <v>904</v>
      </c>
      <c r="N30" s="276">
        <v>0</v>
      </c>
      <c r="O30" s="280">
        <v>0</v>
      </c>
      <c r="P30" s="277">
        <v>0</v>
      </c>
      <c r="Q30" s="279">
        <v>0</v>
      </c>
      <c r="R30" s="280">
        <v>0</v>
      </c>
      <c r="S30" s="280">
        <v>0</v>
      </c>
      <c r="T30" s="280">
        <v>8</v>
      </c>
      <c r="U30" s="280">
        <v>4</v>
      </c>
      <c r="V30" s="280">
        <v>8</v>
      </c>
      <c r="W30" s="277">
        <v>20</v>
      </c>
      <c r="X30" s="282">
        <v>20</v>
      </c>
      <c r="Y30" s="276">
        <v>17</v>
      </c>
      <c r="Z30" s="280">
        <v>14</v>
      </c>
      <c r="AA30" s="277">
        <v>31</v>
      </c>
      <c r="AB30" s="279">
        <v>0</v>
      </c>
      <c r="AC30" s="280">
        <v>23</v>
      </c>
      <c r="AD30" s="280">
        <v>148</v>
      </c>
      <c r="AE30" s="280">
        <v>79</v>
      </c>
      <c r="AF30" s="280">
        <v>66</v>
      </c>
      <c r="AG30" s="280">
        <v>112</v>
      </c>
      <c r="AH30" s="277">
        <v>428</v>
      </c>
      <c r="AI30" s="282">
        <v>459</v>
      </c>
      <c r="AJ30" s="276">
        <v>0</v>
      </c>
      <c r="AK30" s="280">
        <v>0</v>
      </c>
      <c r="AL30" s="277">
        <v>0</v>
      </c>
      <c r="AM30" s="279">
        <v>0</v>
      </c>
      <c r="AN30" s="280">
        <v>44</v>
      </c>
      <c r="AO30" s="280">
        <v>12</v>
      </c>
      <c r="AP30" s="280">
        <v>0</v>
      </c>
      <c r="AQ30" s="280">
        <v>23</v>
      </c>
      <c r="AR30" s="280">
        <v>18</v>
      </c>
      <c r="AS30" s="277">
        <v>97</v>
      </c>
      <c r="AT30" s="282">
        <v>97</v>
      </c>
      <c r="AU30" s="276">
        <v>0</v>
      </c>
      <c r="AV30" s="280">
        <v>0</v>
      </c>
      <c r="AW30" s="277">
        <v>0</v>
      </c>
      <c r="AX30" s="279">
        <v>0</v>
      </c>
      <c r="AY30" s="280">
        <v>292</v>
      </c>
      <c r="AZ30" s="280">
        <v>356</v>
      </c>
      <c r="BA30" s="280">
        <v>178</v>
      </c>
      <c r="BB30" s="280">
        <v>174</v>
      </c>
      <c r="BC30" s="280">
        <v>114</v>
      </c>
      <c r="BD30" s="281">
        <v>1114</v>
      </c>
      <c r="BE30" s="282">
        <v>1114</v>
      </c>
      <c r="BF30" s="276">
        <v>0</v>
      </c>
      <c r="BG30" s="280">
        <v>0</v>
      </c>
      <c r="BH30" s="277">
        <v>0</v>
      </c>
      <c r="BI30" s="279">
        <v>0</v>
      </c>
      <c r="BJ30" s="280">
        <v>48</v>
      </c>
      <c r="BK30" s="280">
        <v>107</v>
      </c>
      <c r="BL30" s="280">
        <v>39</v>
      </c>
      <c r="BM30" s="280">
        <v>50</v>
      </c>
      <c r="BN30" s="280">
        <v>39</v>
      </c>
      <c r="BO30" s="277">
        <v>283</v>
      </c>
      <c r="BP30" s="282">
        <v>283</v>
      </c>
      <c r="BQ30" s="276">
        <v>0</v>
      </c>
      <c r="BR30" s="280">
        <v>4</v>
      </c>
      <c r="BS30" s="277">
        <v>4</v>
      </c>
      <c r="BT30" s="279">
        <v>0</v>
      </c>
      <c r="BU30" s="280">
        <v>3</v>
      </c>
      <c r="BV30" s="280">
        <v>39</v>
      </c>
      <c r="BW30" s="280">
        <v>31</v>
      </c>
      <c r="BX30" s="280">
        <v>94</v>
      </c>
      <c r="BY30" s="280">
        <v>27</v>
      </c>
      <c r="BZ30" s="277">
        <v>194</v>
      </c>
      <c r="CA30" s="282">
        <v>198</v>
      </c>
      <c r="CB30" s="276">
        <v>0</v>
      </c>
      <c r="CC30" s="280">
        <v>0</v>
      </c>
      <c r="CD30" s="277">
        <v>0</v>
      </c>
      <c r="CE30" s="279">
        <v>0</v>
      </c>
      <c r="CF30" s="280">
        <v>12</v>
      </c>
      <c r="CG30" s="280">
        <v>0</v>
      </c>
      <c r="CH30" s="280">
        <v>4</v>
      </c>
      <c r="CI30" s="280">
        <v>19</v>
      </c>
      <c r="CJ30" s="280">
        <v>26</v>
      </c>
      <c r="CK30" s="277">
        <v>61</v>
      </c>
      <c r="CL30" s="282">
        <v>6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230</v>
      </c>
      <c r="H31" s="280">
        <v>324</v>
      </c>
      <c r="I31" s="280">
        <v>341</v>
      </c>
      <c r="J31" s="280">
        <v>1312</v>
      </c>
      <c r="K31" s="280">
        <v>621</v>
      </c>
      <c r="L31" s="281">
        <v>2828</v>
      </c>
      <c r="M31" s="282">
        <v>2828</v>
      </c>
      <c r="N31" s="276">
        <v>0</v>
      </c>
      <c r="O31" s="280">
        <v>0</v>
      </c>
      <c r="P31" s="277">
        <v>0</v>
      </c>
      <c r="Q31" s="279">
        <v>0</v>
      </c>
      <c r="R31" s="280">
        <v>0</v>
      </c>
      <c r="S31" s="280">
        <v>0</v>
      </c>
      <c r="T31" s="280">
        <v>4</v>
      </c>
      <c r="U31" s="280">
        <v>15</v>
      </c>
      <c r="V31" s="280">
        <v>23</v>
      </c>
      <c r="W31" s="277">
        <v>42</v>
      </c>
      <c r="X31" s="282">
        <v>42</v>
      </c>
      <c r="Y31" s="276">
        <v>2</v>
      </c>
      <c r="Z31" s="280">
        <v>28</v>
      </c>
      <c r="AA31" s="277">
        <v>30</v>
      </c>
      <c r="AB31" s="279">
        <v>0</v>
      </c>
      <c r="AC31" s="280">
        <v>163</v>
      </c>
      <c r="AD31" s="280">
        <v>132</v>
      </c>
      <c r="AE31" s="280">
        <v>127</v>
      </c>
      <c r="AF31" s="280">
        <v>81</v>
      </c>
      <c r="AG31" s="280">
        <v>52</v>
      </c>
      <c r="AH31" s="277">
        <v>555</v>
      </c>
      <c r="AI31" s="282">
        <v>585</v>
      </c>
      <c r="AJ31" s="276">
        <v>0</v>
      </c>
      <c r="AK31" s="280">
        <v>12</v>
      </c>
      <c r="AL31" s="277">
        <v>12</v>
      </c>
      <c r="AM31" s="279">
        <v>0</v>
      </c>
      <c r="AN31" s="280">
        <v>27</v>
      </c>
      <c r="AO31" s="280">
        <v>33</v>
      </c>
      <c r="AP31" s="280">
        <v>48</v>
      </c>
      <c r="AQ31" s="280">
        <v>67</v>
      </c>
      <c r="AR31" s="280">
        <v>0</v>
      </c>
      <c r="AS31" s="277">
        <v>175</v>
      </c>
      <c r="AT31" s="282">
        <v>187</v>
      </c>
      <c r="AU31" s="276">
        <v>0</v>
      </c>
      <c r="AV31" s="280">
        <v>0</v>
      </c>
      <c r="AW31" s="277">
        <v>0</v>
      </c>
      <c r="AX31" s="279">
        <v>0</v>
      </c>
      <c r="AY31" s="280">
        <v>342</v>
      </c>
      <c r="AZ31" s="280">
        <v>448</v>
      </c>
      <c r="BA31" s="280">
        <v>209</v>
      </c>
      <c r="BB31" s="280">
        <v>246</v>
      </c>
      <c r="BC31" s="280">
        <v>68</v>
      </c>
      <c r="BD31" s="281">
        <v>1313</v>
      </c>
      <c r="BE31" s="282">
        <v>1313</v>
      </c>
      <c r="BF31" s="276">
        <v>0</v>
      </c>
      <c r="BG31" s="280">
        <v>0</v>
      </c>
      <c r="BH31" s="277">
        <v>0</v>
      </c>
      <c r="BI31" s="279">
        <v>0</v>
      </c>
      <c r="BJ31" s="280">
        <v>107</v>
      </c>
      <c r="BK31" s="280">
        <v>78</v>
      </c>
      <c r="BL31" s="280">
        <v>42</v>
      </c>
      <c r="BM31" s="280">
        <v>34</v>
      </c>
      <c r="BN31" s="280">
        <v>9</v>
      </c>
      <c r="BO31" s="277">
        <v>270</v>
      </c>
      <c r="BP31" s="282">
        <v>270</v>
      </c>
      <c r="BQ31" s="276">
        <v>0</v>
      </c>
      <c r="BR31" s="280">
        <v>0</v>
      </c>
      <c r="BS31" s="277">
        <v>0</v>
      </c>
      <c r="BT31" s="279">
        <v>0</v>
      </c>
      <c r="BU31" s="280">
        <v>3</v>
      </c>
      <c r="BV31" s="280">
        <v>143</v>
      </c>
      <c r="BW31" s="280">
        <v>127</v>
      </c>
      <c r="BX31" s="280">
        <v>74</v>
      </c>
      <c r="BY31" s="280">
        <v>115</v>
      </c>
      <c r="BZ31" s="277">
        <v>462</v>
      </c>
      <c r="CA31" s="282">
        <v>462</v>
      </c>
      <c r="CB31" s="276">
        <v>0</v>
      </c>
      <c r="CC31" s="280">
        <v>3</v>
      </c>
      <c r="CD31" s="277">
        <v>3</v>
      </c>
      <c r="CE31" s="279">
        <v>0</v>
      </c>
      <c r="CF31" s="280">
        <v>6</v>
      </c>
      <c r="CG31" s="280">
        <v>9</v>
      </c>
      <c r="CH31" s="280">
        <v>3</v>
      </c>
      <c r="CI31" s="280">
        <v>4</v>
      </c>
      <c r="CJ31" s="280">
        <v>4</v>
      </c>
      <c r="CK31" s="277">
        <v>26</v>
      </c>
      <c r="CL31" s="282">
        <v>29</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244</v>
      </c>
      <c r="H32" s="280">
        <v>341</v>
      </c>
      <c r="I32" s="280">
        <v>530</v>
      </c>
      <c r="J32" s="280">
        <v>583</v>
      </c>
      <c r="K32" s="280">
        <v>581</v>
      </c>
      <c r="L32" s="281">
        <v>2279</v>
      </c>
      <c r="M32" s="282">
        <v>2279</v>
      </c>
      <c r="N32" s="276">
        <v>0</v>
      </c>
      <c r="O32" s="280">
        <v>0</v>
      </c>
      <c r="P32" s="277">
        <v>0</v>
      </c>
      <c r="Q32" s="279">
        <v>0</v>
      </c>
      <c r="R32" s="280">
        <v>2</v>
      </c>
      <c r="S32" s="280">
        <v>4</v>
      </c>
      <c r="T32" s="280">
        <v>5</v>
      </c>
      <c r="U32" s="280">
        <v>25</v>
      </c>
      <c r="V32" s="280">
        <v>32</v>
      </c>
      <c r="W32" s="277">
        <v>68</v>
      </c>
      <c r="X32" s="282">
        <v>68</v>
      </c>
      <c r="Y32" s="276">
        <v>26</v>
      </c>
      <c r="Z32" s="280">
        <v>67</v>
      </c>
      <c r="AA32" s="277">
        <v>93</v>
      </c>
      <c r="AB32" s="279">
        <v>0</v>
      </c>
      <c r="AC32" s="280">
        <v>179</v>
      </c>
      <c r="AD32" s="280">
        <v>164</v>
      </c>
      <c r="AE32" s="280">
        <v>203</v>
      </c>
      <c r="AF32" s="280">
        <v>138</v>
      </c>
      <c r="AG32" s="280">
        <v>58</v>
      </c>
      <c r="AH32" s="277">
        <v>742</v>
      </c>
      <c r="AI32" s="282">
        <v>835</v>
      </c>
      <c r="AJ32" s="276">
        <v>12</v>
      </c>
      <c r="AK32" s="280">
        <v>0</v>
      </c>
      <c r="AL32" s="277">
        <v>12</v>
      </c>
      <c r="AM32" s="279">
        <v>0</v>
      </c>
      <c r="AN32" s="280">
        <v>15</v>
      </c>
      <c r="AO32" s="280">
        <v>0</v>
      </c>
      <c r="AP32" s="280">
        <v>9</v>
      </c>
      <c r="AQ32" s="280">
        <v>27</v>
      </c>
      <c r="AR32" s="280">
        <v>0</v>
      </c>
      <c r="AS32" s="277">
        <v>51</v>
      </c>
      <c r="AT32" s="282">
        <v>63</v>
      </c>
      <c r="AU32" s="276">
        <v>0</v>
      </c>
      <c r="AV32" s="280">
        <v>0</v>
      </c>
      <c r="AW32" s="277">
        <v>0</v>
      </c>
      <c r="AX32" s="279">
        <v>0</v>
      </c>
      <c r="AY32" s="280">
        <v>267</v>
      </c>
      <c r="AZ32" s="280">
        <v>261</v>
      </c>
      <c r="BA32" s="280">
        <v>213</v>
      </c>
      <c r="BB32" s="280">
        <v>144</v>
      </c>
      <c r="BC32" s="280">
        <v>13</v>
      </c>
      <c r="BD32" s="281">
        <v>898</v>
      </c>
      <c r="BE32" s="282">
        <v>898</v>
      </c>
      <c r="BF32" s="276">
        <v>0</v>
      </c>
      <c r="BG32" s="280">
        <v>0</v>
      </c>
      <c r="BH32" s="277">
        <v>0</v>
      </c>
      <c r="BI32" s="279">
        <v>0</v>
      </c>
      <c r="BJ32" s="280">
        <v>39</v>
      </c>
      <c r="BK32" s="280">
        <v>67</v>
      </c>
      <c r="BL32" s="280">
        <v>44</v>
      </c>
      <c r="BM32" s="280">
        <v>38</v>
      </c>
      <c r="BN32" s="280">
        <v>0</v>
      </c>
      <c r="BO32" s="277">
        <v>188</v>
      </c>
      <c r="BP32" s="282">
        <v>188</v>
      </c>
      <c r="BQ32" s="276">
        <v>0</v>
      </c>
      <c r="BR32" s="280">
        <v>0</v>
      </c>
      <c r="BS32" s="277">
        <v>0</v>
      </c>
      <c r="BT32" s="279">
        <v>0</v>
      </c>
      <c r="BU32" s="280">
        <v>43</v>
      </c>
      <c r="BV32" s="280">
        <v>52</v>
      </c>
      <c r="BW32" s="280">
        <v>49</v>
      </c>
      <c r="BX32" s="280">
        <v>106</v>
      </c>
      <c r="BY32" s="280">
        <v>19</v>
      </c>
      <c r="BZ32" s="277">
        <v>269</v>
      </c>
      <c r="CA32" s="282">
        <v>269</v>
      </c>
      <c r="CB32" s="276">
        <v>0</v>
      </c>
      <c r="CC32" s="280">
        <v>0</v>
      </c>
      <c r="CD32" s="277">
        <v>0</v>
      </c>
      <c r="CE32" s="279">
        <v>0</v>
      </c>
      <c r="CF32" s="280">
        <v>2</v>
      </c>
      <c r="CG32" s="280">
        <v>6</v>
      </c>
      <c r="CH32" s="280">
        <v>0</v>
      </c>
      <c r="CI32" s="280">
        <v>0</v>
      </c>
      <c r="CJ32" s="280">
        <v>41</v>
      </c>
      <c r="CK32" s="277">
        <v>49</v>
      </c>
      <c r="CL32" s="282">
        <v>49</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220</v>
      </c>
      <c r="H33" s="280">
        <v>224</v>
      </c>
      <c r="I33" s="280">
        <v>32</v>
      </c>
      <c r="J33" s="280">
        <v>28</v>
      </c>
      <c r="K33" s="280">
        <v>547</v>
      </c>
      <c r="L33" s="281">
        <v>1051</v>
      </c>
      <c r="M33" s="282">
        <v>1051</v>
      </c>
      <c r="N33" s="276">
        <v>0</v>
      </c>
      <c r="O33" s="280">
        <v>0</v>
      </c>
      <c r="P33" s="277">
        <v>0</v>
      </c>
      <c r="Q33" s="279">
        <v>0</v>
      </c>
      <c r="R33" s="280">
        <v>4</v>
      </c>
      <c r="S33" s="280">
        <v>11</v>
      </c>
      <c r="T33" s="280">
        <v>26</v>
      </c>
      <c r="U33" s="280">
        <v>22</v>
      </c>
      <c r="V33" s="280">
        <v>31</v>
      </c>
      <c r="W33" s="277">
        <v>94</v>
      </c>
      <c r="X33" s="282">
        <v>94</v>
      </c>
      <c r="Y33" s="276">
        <v>10</v>
      </c>
      <c r="Z33" s="280">
        <v>14</v>
      </c>
      <c r="AA33" s="277">
        <v>24</v>
      </c>
      <c r="AB33" s="279">
        <v>0</v>
      </c>
      <c r="AC33" s="280">
        <v>71</v>
      </c>
      <c r="AD33" s="280">
        <v>119</v>
      </c>
      <c r="AE33" s="280">
        <v>41</v>
      </c>
      <c r="AF33" s="280">
        <v>93</v>
      </c>
      <c r="AG33" s="280">
        <v>88</v>
      </c>
      <c r="AH33" s="277">
        <v>412</v>
      </c>
      <c r="AI33" s="282">
        <v>436</v>
      </c>
      <c r="AJ33" s="276">
        <v>0</v>
      </c>
      <c r="AK33" s="280">
        <v>21</v>
      </c>
      <c r="AL33" s="277">
        <v>21</v>
      </c>
      <c r="AM33" s="279">
        <v>0</v>
      </c>
      <c r="AN33" s="280">
        <v>18</v>
      </c>
      <c r="AO33" s="280">
        <v>24</v>
      </c>
      <c r="AP33" s="280">
        <v>36</v>
      </c>
      <c r="AQ33" s="280">
        <v>56</v>
      </c>
      <c r="AR33" s="280">
        <v>18</v>
      </c>
      <c r="AS33" s="277">
        <v>152</v>
      </c>
      <c r="AT33" s="282">
        <v>173</v>
      </c>
      <c r="AU33" s="276">
        <v>0</v>
      </c>
      <c r="AV33" s="280">
        <v>0</v>
      </c>
      <c r="AW33" s="277">
        <v>0</v>
      </c>
      <c r="AX33" s="279">
        <v>0</v>
      </c>
      <c r="AY33" s="280">
        <v>271</v>
      </c>
      <c r="AZ33" s="280">
        <v>345</v>
      </c>
      <c r="BA33" s="280">
        <v>205</v>
      </c>
      <c r="BB33" s="280">
        <v>144</v>
      </c>
      <c r="BC33" s="280">
        <v>25</v>
      </c>
      <c r="BD33" s="281">
        <v>990</v>
      </c>
      <c r="BE33" s="282">
        <v>990</v>
      </c>
      <c r="BF33" s="276">
        <v>0</v>
      </c>
      <c r="BG33" s="280">
        <v>0</v>
      </c>
      <c r="BH33" s="277">
        <v>0</v>
      </c>
      <c r="BI33" s="279">
        <v>0</v>
      </c>
      <c r="BJ33" s="280">
        <v>24</v>
      </c>
      <c r="BK33" s="280">
        <v>81</v>
      </c>
      <c r="BL33" s="280">
        <v>47</v>
      </c>
      <c r="BM33" s="280">
        <v>17</v>
      </c>
      <c r="BN33" s="280">
        <v>15</v>
      </c>
      <c r="BO33" s="277">
        <v>184</v>
      </c>
      <c r="BP33" s="282">
        <v>184</v>
      </c>
      <c r="BQ33" s="276">
        <v>0</v>
      </c>
      <c r="BR33" s="280">
        <v>0</v>
      </c>
      <c r="BS33" s="277">
        <v>0</v>
      </c>
      <c r="BT33" s="279">
        <v>0</v>
      </c>
      <c r="BU33" s="280">
        <v>21</v>
      </c>
      <c r="BV33" s="280">
        <v>56</v>
      </c>
      <c r="BW33" s="280">
        <v>271</v>
      </c>
      <c r="BX33" s="280">
        <v>108</v>
      </c>
      <c r="BY33" s="280">
        <v>4</v>
      </c>
      <c r="BZ33" s="277">
        <v>460</v>
      </c>
      <c r="CA33" s="282">
        <v>460</v>
      </c>
      <c r="CB33" s="276">
        <v>0</v>
      </c>
      <c r="CC33" s="280">
        <v>0</v>
      </c>
      <c r="CD33" s="277">
        <v>0</v>
      </c>
      <c r="CE33" s="279">
        <v>0</v>
      </c>
      <c r="CF33" s="280">
        <v>14</v>
      </c>
      <c r="CG33" s="280">
        <v>7</v>
      </c>
      <c r="CH33" s="280">
        <v>3</v>
      </c>
      <c r="CI33" s="280">
        <v>0</v>
      </c>
      <c r="CJ33" s="280">
        <v>5</v>
      </c>
      <c r="CK33" s="277">
        <v>29</v>
      </c>
      <c r="CL33" s="282">
        <v>29</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489</v>
      </c>
      <c r="H34" s="280">
        <v>334</v>
      </c>
      <c r="I34" s="280">
        <v>422</v>
      </c>
      <c r="J34" s="280">
        <v>675</v>
      </c>
      <c r="K34" s="280">
        <v>747</v>
      </c>
      <c r="L34" s="281">
        <v>2667</v>
      </c>
      <c r="M34" s="282">
        <v>2667</v>
      </c>
      <c r="N34" s="276">
        <v>0</v>
      </c>
      <c r="O34" s="280">
        <v>0</v>
      </c>
      <c r="P34" s="277">
        <v>0</v>
      </c>
      <c r="Q34" s="279">
        <v>0</v>
      </c>
      <c r="R34" s="280">
        <v>0</v>
      </c>
      <c r="S34" s="280">
        <v>6</v>
      </c>
      <c r="T34" s="280">
        <v>0</v>
      </c>
      <c r="U34" s="280">
        <v>10</v>
      </c>
      <c r="V34" s="280">
        <v>62</v>
      </c>
      <c r="W34" s="277">
        <v>78</v>
      </c>
      <c r="X34" s="282">
        <v>78</v>
      </c>
      <c r="Y34" s="276">
        <v>31</v>
      </c>
      <c r="Z34" s="280">
        <v>35</v>
      </c>
      <c r="AA34" s="277">
        <v>66</v>
      </c>
      <c r="AB34" s="279">
        <v>0</v>
      </c>
      <c r="AC34" s="280">
        <v>220</v>
      </c>
      <c r="AD34" s="280">
        <v>197</v>
      </c>
      <c r="AE34" s="280">
        <v>90</v>
      </c>
      <c r="AF34" s="280">
        <v>135</v>
      </c>
      <c r="AG34" s="280">
        <v>65</v>
      </c>
      <c r="AH34" s="277">
        <v>707</v>
      </c>
      <c r="AI34" s="282">
        <v>773</v>
      </c>
      <c r="AJ34" s="276">
        <v>8</v>
      </c>
      <c r="AK34" s="280">
        <v>0</v>
      </c>
      <c r="AL34" s="277">
        <v>8</v>
      </c>
      <c r="AM34" s="279">
        <v>0</v>
      </c>
      <c r="AN34" s="280">
        <v>111</v>
      </c>
      <c r="AO34" s="280">
        <v>9</v>
      </c>
      <c r="AP34" s="280">
        <v>15</v>
      </c>
      <c r="AQ34" s="280">
        <v>36</v>
      </c>
      <c r="AR34" s="280">
        <v>36</v>
      </c>
      <c r="AS34" s="277">
        <v>207</v>
      </c>
      <c r="AT34" s="282">
        <v>215</v>
      </c>
      <c r="AU34" s="276">
        <v>0</v>
      </c>
      <c r="AV34" s="280">
        <v>0</v>
      </c>
      <c r="AW34" s="277">
        <v>0</v>
      </c>
      <c r="AX34" s="279">
        <v>0</v>
      </c>
      <c r="AY34" s="280">
        <v>457</v>
      </c>
      <c r="AZ34" s="280">
        <v>529</v>
      </c>
      <c r="BA34" s="280">
        <v>237</v>
      </c>
      <c r="BB34" s="280">
        <v>290</v>
      </c>
      <c r="BC34" s="280">
        <v>47</v>
      </c>
      <c r="BD34" s="281">
        <v>1560</v>
      </c>
      <c r="BE34" s="282">
        <v>1560</v>
      </c>
      <c r="BF34" s="276">
        <v>0</v>
      </c>
      <c r="BG34" s="280">
        <v>0</v>
      </c>
      <c r="BH34" s="277">
        <v>0</v>
      </c>
      <c r="BI34" s="279">
        <v>0</v>
      </c>
      <c r="BJ34" s="280">
        <v>45</v>
      </c>
      <c r="BK34" s="280">
        <v>76</v>
      </c>
      <c r="BL34" s="280">
        <v>57</v>
      </c>
      <c r="BM34" s="280">
        <v>38</v>
      </c>
      <c r="BN34" s="280">
        <v>6</v>
      </c>
      <c r="BO34" s="277">
        <v>222</v>
      </c>
      <c r="BP34" s="282">
        <v>222</v>
      </c>
      <c r="BQ34" s="276">
        <v>5</v>
      </c>
      <c r="BR34" s="280">
        <v>0</v>
      </c>
      <c r="BS34" s="277">
        <v>5</v>
      </c>
      <c r="BT34" s="279">
        <v>0</v>
      </c>
      <c r="BU34" s="280">
        <v>17</v>
      </c>
      <c r="BV34" s="280">
        <v>42</v>
      </c>
      <c r="BW34" s="280">
        <v>123</v>
      </c>
      <c r="BX34" s="280">
        <v>66</v>
      </c>
      <c r="BY34" s="280">
        <v>35</v>
      </c>
      <c r="BZ34" s="277">
        <v>283</v>
      </c>
      <c r="CA34" s="282">
        <v>288</v>
      </c>
      <c r="CB34" s="276">
        <v>0</v>
      </c>
      <c r="CC34" s="280">
        <v>0</v>
      </c>
      <c r="CD34" s="277">
        <v>0</v>
      </c>
      <c r="CE34" s="279">
        <v>0</v>
      </c>
      <c r="CF34" s="280">
        <v>0</v>
      </c>
      <c r="CG34" s="280">
        <v>0</v>
      </c>
      <c r="CH34" s="280">
        <v>10</v>
      </c>
      <c r="CI34" s="280">
        <v>8</v>
      </c>
      <c r="CJ34" s="280">
        <v>7</v>
      </c>
      <c r="CK34" s="277">
        <v>25</v>
      </c>
      <c r="CL34" s="282">
        <v>25</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250</v>
      </c>
      <c r="H35" s="280">
        <v>281</v>
      </c>
      <c r="I35" s="280">
        <v>353</v>
      </c>
      <c r="J35" s="280">
        <v>480</v>
      </c>
      <c r="K35" s="280">
        <v>579</v>
      </c>
      <c r="L35" s="281">
        <v>1943</v>
      </c>
      <c r="M35" s="282">
        <v>1943</v>
      </c>
      <c r="N35" s="276">
        <v>0</v>
      </c>
      <c r="O35" s="280">
        <v>0</v>
      </c>
      <c r="P35" s="277">
        <v>0</v>
      </c>
      <c r="Q35" s="279">
        <v>0</v>
      </c>
      <c r="R35" s="280">
        <v>0</v>
      </c>
      <c r="S35" s="280">
        <v>0</v>
      </c>
      <c r="T35" s="280">
        <v>8</v>
      </c>
      <c r="U35" s="280">
        <v>13</v>
      </c>
      <c r="V35" s="280">
        <v>27</v>
      </c>
      <c r="W35" s="277">
        <v>48</v>
      </c>
      <c r="X35" s="282">
        <v>48</v>
      </c>
      <c r="Y35" s="276">
        <v>4</v>
      </c>
      <c r="Z35" s="280">
        <v>9</v>
      </c>
      <c r="AA35" s="277">
        <v>13</v>
      </c>
      <c r="AB35" s="279">
        <v>0</v>
      </c>
      <c r="AC35" s="280">
        <v>81</v>
      </c>
      <c r="AD35" s="280">
        <v>81</v>
      </c>
      <c r="AE35" s="280">
        <v>52</v>
      </c>
      <c r="AF35" s="280">
        <v>42</v>
      </c>
      <c r="AG35" s="280">
        <v>58</v>
      </c>
      <c r="AH35" s="277">
        <v>314</v>
      </c>
      <c r="AI35" s="282">
        <v>327</v>
      </c>
      <c r="AJ35" s="276">
        <v>148</v>
      </c>
      <c r="AK35" s="280">
        <v>309</v>
      </c>
      <c r="AL35" s="277">
        <v>457</v>
      </c>
      <c r="AM35" s="279">
        <v>0</v>
      </c>
      <c r="AN35" s="280">
        <v>401</v>
      </c>
      <c r="AO35" s="280">
        <v>212</v>
      </c>
      <c r="AP35" s="280">
        <v>73</v>
      </c>
      <c r="AQ35" s="280">
        <v>134</v>
      </c>
      <c r="AR35" s="280">
        <v>72</v>
      </c>
      <c r="AS35" s="277">
        <v>892</v>
      </c>
      <c r="AT35" s="282">
        <v>1349</v>
      </c>
      <c r="AU35" s="276">
        <v>0</v>
      </c>
      <c r="AV35" s="280">
        <v>0</v>
      </c>
      <c r="AW35" s="277">
        <v>0</v>
      </c>
      <c r="AX35" s="279">
        <v>0</v>
      </c>
      <c r="AY35" s="280">
        <v>105</v>
      </c>
      <c r="AZ35" s="280">
        <v>64</v>
      </c>
      <c r="BA35" s="280">
        <v>41</v>
      </c>
      <c r="BB35" s="280">
        <v>65</v>
      </c>
      <c r="BC35" s="280">
        <v>36</v>
      </c>
      <c r="BD35" s="281">
        <v>311</v>
      </c>
      <c r="BE35" s="282">
        <v>311</v>
      </c>
      <c r="BF35" s="276">
        <v>0</v>
      </c>
      <c r="BG35" s="280">
        <v>0</v>
      </c>
      <c r="BH35" s="277">
        <v>0</v>
      </c>
      <c r="BI35" s="279">
        <v>0</v>
      </c>
      <c r="BJ35" s="280">
        <v>126</v>
      </c>
      <c r="BK35" s="280">
        <v>92</v>
      </c>
      <c r="BL35" s="280">
        <v>49</v>
      </c>
      <c r="BM35" s="280">
        <v>15</v>
      </c>
      <c r="BN35" s="280">
        <v>8</v>
      </c>
      <c r="BO35" s="277">
        <v>290</v>
      </c>
      <c r="BP35" s="282">
        <v>290</v>
      </c>
      <c r="BQ35" s="276">
        <v>0</v>
      </c>
      <c r="BR35" s="280">
        <v>0</v>
      </c>
      <c r="BS35" s="277">
        <v>0</v>
      </c>
      <c r="BT35" s="279">
        <v>0</v>
      </c>
      <c r="BU35" s="280">
        <v>2</v>
      </c>
      <c r="BV35" s="280">
        <v>104</v>
      </c>
      <c r="BW35" s="280">
        <v>57</v>
      </c>
      <c r="BX35" s="280">
        <v>81</v>
      </c>
      <c r="BY35" s="280">
        <v>0</v>
      </c>
      <c r="BZ35" s="277">
        <v>244</v>
      </c>
      <c r="CA35" s="282">
        <v>244</v>
      </c>
      <c r="CB35" s="276">
        <v>0</v>
      </c>
      <c r="CC35" s="280">
        <v>0</v>
      </c>
      <c r="CD35" s="277">
        <v>0</v>
      </c>
      <c r="CE35" s="279">
        <v>0</v>
      </c>
      <c r="CF35" s="280">
        <v>0</v>
      </c>
      <c r="CG35" s="280">
        <v>5</v>
      </c>
      <c r="CH35" s="280">
        <v>27</v>
      </c>
      <c r="CI35" s="280">
        <v>0</v>
      </c>
      <c r="CJ35" s="280">
        <v>12</v>
      </c>
      <c r="CK35" s="277">
        <v>44</v>
      </c>
      <c r="CL35" s="282">
        <v>44</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4">
        <v>0</v>
      </c>
      <c r="F36" s="279">
        <v>0</v>
      </c>
      <c r="G36" s="280">
        <v>151</v>
      </c>
      <c r="H36" s="280">
        <v>101</v>
      </c>
      <c r="I36" s="280">
        <v>376</v>
      </c>
      <c r="J36" s="280">
        <v>106</v>
      </c>
      <c r="K36" s="280">
        <v>143</v>
      </c>
      <c r="L36" s="281">
        <v>877</v>
      </c>
      <c r="M36" s="282">
        <v>877</v>
      </c>
      <c r="N36" s="276">
        <v>0</v>
      </c>
      <c r="O36" s="280">
        <v>0</v>
      </c>
      <c r="P36" s="277">
        <v>0</v>
      </c>
      <c r="Q36" s="279">
        <v>0</v>
      </c>
      <c r="R36" s="280">
        <v>0</v>
      </c>
      <c r="S36" s="280">
        <v>7</v>
      </c>
      <c r="T36" s="280">
        <v>2</v>
      </c>
      <c r="U36" s="280">
        <v>5</v>
      </c>
      <c r="V36" s="280">
        <v>38</v>
      </c>
      <c r="W36" s="277">
        <v>52</v>
      </c>
      <c r="X36" s="282">
        <v>52</v>
      </c>
      <c r="Y36" s="276">
        <v>5</v>
      </c>
      <c r="Z36" s="280">
        <v>54</v>
      </c>
      <c r="AA36" s="277">
        <v>59</v>
      </c>
      <c r="AB36" s="279">
        <v>0</v>
      </c>
      <c r="AC36" s="280">
        <v>109</v>
      </c>
      <c r="AD36" s="280">
        <v>47</v>
      </c>
      <c r="AE36" s="280">
        <v>67</v>
      </c>
      <c r="AF36" s="280">
        <v>16</v>
      </c>
      <c r="AG36" s="280">
        <v>41</v>
      </c>
      <c r="AH36" s="277">
        <v>280</v>
      </c>
      <c r="AI36" s="282">
        <v>339</v>
      </c>
      <c r="AJ36" s="276">
        <v>0</v>
      </c>
      <c r="AK36" s="280">
        <v>0</v>
      </c>
      <c r="AL36" s="277">
        <v>0</v>
      </c>
      <c r="AM36" s="279">
        <v>0</v>
      </c>
      <c r="AN36" s="280">
        <v>78</v>
      </c>
      <c r="AO36" s="280">
        <v>70</v>
      </c>
      <c r="AP36" s="280">
        <v>51</v>
      </c>
      <c r="AQ36" s="280">
        <v>6</v>
      </c>
      <c r="AR36" s="280">
        <v>28</v>
      </c>
      <c r="AS36" s="277">
        <v>233</v>
      </c>
      <c r="AT36" s="282">
        <v>233</v>
      </c>
      <c r="AU36" s="276">
        <v>0</v>
      </c>
      <c r="AV36" s="280">
        <v>0</v>
      </c>
      <c r="AW36" s="277">
        <v>0</v>
      </c>
      <c r="AX36" s="279">
        <v>0</v>
      </c>
      <c r="AY36" s="280">
        <v>282</v>
      </c>
      <c r="AZ36" s="280">
        <v>218</v>
      </c>
      <c r="BA36" s="280">
        <v>169</v>
      </c>
      <c r="BB36" s="280">
        <v>109</v>
      </c>
      <c r="BC36" s="280">
        <v>7</v>
      </c>
      <c r="BD36" s="281">
        <v>785</v>
      </c>
      <c r="BE36" s="282">
        <v>785</v>
      </c>
      <c r="BF36" s="276">
        <v>0</v>
      </c>
      <c r="BG36" s="280">
        <v>0</v>
      </c>
      <c r="BH36" s="277">
        <v>0</v>
      </c>
      <c r="BI36" s="279">
        <v>0</v>
      </c>
      <c r="BJ36" s="280">
        <v>78</v>
      </c>
      <c r="BK36" s="280">
        <v>33</v>
      </c>
      <c r="BL36" s="280">
        <v>17</v>
      </c>
      <c r="BM36" s="280">
        <v>35</v>
      </c>
      <c r="BN36" s="280">
        <v>0</v>
      </c>
      <c r="BO36" s="277">
        <v>163</v>
      </c>
      <c r="BP36" s="282">
        <v>163</v>
      </c>
      <c r="BQ36" s="276">
        <v>0</v>
      </c>
      <c r="BR36" s="280">
        <v>0</v>
      </c>
      <c r="BS36" s="277">
        <v>0</v>
      </c>
      <c r="BT36" s="279">
        <v>0</v>
      </c>
      <c r="BU36" s="280">
        <v>6</v>
      </c>
      <c r="BV36" s="280">
        <v>0</v>
      </c>
      <c r="BW36" s="280">
        <v>9</v>
      </c>
      <c r="BX36" s="280">
        <v>45</v>
      </c>
      <c r="BY36" s="280">
        <v>0</v>
      </c>
      <c r="BZ36" s="277">
        <v>60</v>
      </c>
      <c r="CA36" s="282">
        <v>60</v>
      </c>
      <c r="CB36" s="276">
        <v>0</v>
      </c>
      <c r="CC36" s="280">
        <v>0</v>
      </c>
      <c r="CD36" s="277">
        <v>0</v>
      </c>
      <c r="CE36" s="279">
        <v>0</v>
      </c>
      <c r="CF36" s="280">
        <v>0</v>
      </c>
      <c r="CG36" s="280">
        <v>0</v>
      </c>
      <c r="CH36" s="280">
        <v>0</v>
      </c>
      <c r="CI36" s="280">
        <v>9</v>
      </c>
      <c r="CJ36" s="280">
        <v>0</v>
      </c>
      <c r="CK36" s="277">
        <v>9</v>
      </c>
      <c r="CL36" s="282">
        <v>9</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1286</v>
      </c>
      <c r="H37" s="280">
        <v>1118</v>
      </c>
      <c r="I37" s="280">
        <v>1208</v>
      </c>
      <c r="J37" s="280">
        <v>1432</v>
      </c>
      <c r="K37" s="280">
        <v>937</v>
      </c>
      <c r="L37" s="281">
        <v>5981</v>
      </c>
      <c r="M37" s="282">
        <v>5981</v>
      </c>
      <c r="N37" s="276">
        <v>0</v>
      </c>
      <c r="O37" s="280">
        <v>0</v>
      </c>
      <c r="P37" s="277">
        <v>0</v>
      </c>
      <c r="Q37" s="279">
        <v>0</v>
      </c>
      <c r="R37" s="280">
        <v>0</v>
      </c>
      <c r="S37" s="280">
        <v>29</v>
      </c>
      <c r="T37" s="280">
        <v>28</v>
      </c>
      <c r="U37" s="280">
        <v>45</v>
      </c>
      <c r="V37" s="280">
        <v>77</v>
      </c>
      <c r="W37" s="277">
        <v>179</v>
      </c>
      <c r="X37" s="282">
        <v>179</v>
      </c>
      <c r="Y37" s="276">
        <v>0</v>
      </c>
      <c r="Z37" s="280">
        <v>35</v>
      </c>
      <c r="AA37" s="277">
        <v>35</v>
      </c>
      <c r="AB37" s="279">
        <v>0</v>
      </c>
      <c r="AC37" s="280">
        <v>382</v>
      </c>
      <c r="AD37" s="280">
        <v>264</v>
      </c>
      <c r="AE37" s="280">
        <v>154</v>
      </c>
      <c r="AF37" s="280">
        <v>244</v>
      </c>
      <c r="AG37" s="280">
        <v>92</v>
      </c>
      <c r="AH37" s="277">
        <v>1136</v>
      </c>
      <c r="AI37" s="282">
        <v>1171</v>
      </c>
      <c r="AJ37" s="276">
        <v>12</v>
      </c>
      <c r="AK37" s="280">
        <v>38</v>
      </c>
      <c r="AL37" s="277">
        <v>50</v>
      </c>
      <c r="AM37" s="279">
        <v>0</v>
      </c>
      <c r="AN37" s="280">
        <v>219</v>
      </c>
      <c r="AO37" s="280">
        <v>134</v>
      </c>
      <c r="AP37" s="280">
        <v>105</v>
      </c>
      <c r="AQ37" s="280">
        <v>52</v>
      </c>
      <c r="AR37" s="280">
        <v>42</v>
      </c>
      <c r="AS37" s="277">
        <v>552</v>
      </c>
      <c r="AT37" s="282">
        <v>602</v>
      </c>
      <c r="AU37" s="276">
        <v>0</v>
      </c>
      <c r="AV37" s="280">
        <v>0</v>
      </c>
      <c r="AW37" s="277">
        <v>0</v>
      </c>
      <c r="AX37" s="279">
        <v>0</v>
      </c>
      <c r="AY37" s="280">
        <v>1305</v>
      </c>
      <c r="AZ37" s="280">
        <v>991</v>
      </c>
      <c r="BA37" s="280">
        <v>556</v>
      </c>
      <c r="BB37" s="280">
        <v>314</v>
      </c>
      <c r="BC37" s="280">
        <v>210</v>
      </c>
      <c r="BD37" s="281">
        <v>3376</v>
      </c>
      <c r="BE37" s="282">
        <v>3376</v>
      </c>
      <c r="BF37" s="276">
        <v>0</v>
      </c>
      <c r="BG37" s="280">
        <v>0</v>
      </c>
      <c r="BH37" s="277">
        <v>0</v>
      </c>
      <c r="BI37" s="279">
        <v>0</v>
      </c>
      <c r="BJ37" s="280">
        <v>449</v>
      </c>
      <c r="BK37" s="280">
        <v>194</v>
      </c>
      <c r="BL37" s="280">
        <v>108</v>
      </c>
      <c r="BM37" s="280">
        <v>77</v>
      </c>
      <c r="BN37" s="280">
        <v>2</v>
      </c>
      <c r="BO37" s="277">
        <v>830</v>
      </c>
      <c r="BP37" s="282">
        <v>830</v>
      </c>
      <c r="BQ37" s="276">
        <v>0</v>
      </c>
      <c r="BR37" s="280">
        <v>6</v>
      </c>
      <c r="BS37" s="277">
        <v>6</v>
      </c>
      <c r="BT37" s="279">
        <v>0</v>
      </c>
      <c r="BU37" s="280">
        <v>16</v>
      </c>
      <c r="BV37" s="280">
        <v>91</v>
      </c>
      <c r="BW37" s="280">
        <v>89</v>
      </c>
      <c r="BX37" s="280">
        <v>325</v>
      </c>
      <c r="BY37" s="280">
        <v>27</v>
      </c>
      <c r="BZ37" s="277">
        <v>548</v>
      </c>
      <c r="CA37" s="282">
        <v>554</v>
      </c>
      <c r="CB37" s="276">
        <v>0</v>
      </c>
      <c r="CC37" s="280">
        <v>7</v>
      </c>
      <c r="CD37" s="277">
        <v>7</v>
      </c>
      <c r="CE37" s="279">
        <v>0</v>
      </c>
      <c r="CF37" s="280">
        <v>17</v>
      </c>
      <c r="CG37" s="280">
        <v>5</v>
      </c>
      <c r="CH37" s="280">
        <v>3</v>
      </c>
      <c r="CI37" s="280">
        <v>11</v>
      </c>
      <c r="CJ37" s="280">
        <v>0</v>
      </c>
      <c r="CK37" s="277">
        <v>36</v>
      </c>
      <c r="CL37" s="282">
        <v>43</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726</v>
      </c>
      <c r="H38" s="280">
        <v>1402</v>
      </c>
      <c r="I38" s="280">
        <v>1419</v>
      </c>
      <c r="J38" s="280">
        <v>1832</v>
      </c>
      <c r="K38" s="280">
        <v>1818</v>
      </c>
      <c r="L38" s="281">
        <v>7197</v>
      </c>
      <c r="M38" s="282">
        <v>7197</v>
      </c>
      <c r="N38" s="276">
        <v>0</v>
      </c>
      <c r="O38" s="280">
        <v>0</v>
      </c>
      <c r="P38" s="277">
        <v>0</v>
      </c>
      <c r="Q38" s="279">
        <v>0</v>
      </c>
      <c r="R38" s="280">
        <v>16</v>
      </c>
      <c r="S38" s="280">
        <v>34</v>
      </c>
      <c r="T38" s="280">
        <v>12</v>
      </c>
      <c r="U38" s="280">
        <v>44</v>
      </c>
      <c r="V38" s="280">
        <v>75</v>
      </c>
      <c r="W38" s="277">
        <v>181</v>
      </c>
      <c r="X38" s="282">
        <v>181</v>
      </c>
      <c r="Y38" s="276">
        <v>94</v>
      </c>
      <c r="Z38" s="280">
        <v>193</v>
      </c>
      <c r="AA38" s="277">
        <v>287</v>
      </c>
      <c r="AB38" s="279">
        <v>0</v>
      </c>
      <c r="AC38" s="280">
        <v>633</v>
      </c>
      <c r="AD38" s="280">
        <v>569</v>
      </c>
      <c r="AE38" s="280">
        <v>282</v>
      </c>
      <c r="AF38" s="280">
        <v>458</v>
      </c>
      <c r="AG38" s="280">
        <v>400</v>
      </c>
      <c r="AH38" s="277">
        <v>2342</v>
      </c>
      <c r="AI38" s="282">
        <v>2629</v>
      </c>
      <c r="AJ38" s="276">
        <v>52</v>
      </c>
      <c r="AK38" s="280">
        <v>62</v>
      </c>
      <c r="AL38" s="277">
        <v>114</v>
      </c>
      <c r="AM38" s="279">
        <v>0</v>
      </c>
      <c r="AN38" s="280">
        <v>152</v>
      </c>
      <c r="AO38" s="280">
        <v>108</v>
      </c>
      <c r="AP38" s="280">
        <v>141</v>
      </c>
      <c r="AQ38" s="280">
        <v>48</v>
      </c>
      <c r="AR38" s="280">
        <v>52</v>
      </c>
      <c r="AS38" s="277">
        <v>501</v>
      </c>
      <c r="AT38" s="282">
        <v>615</v>
      </c>
      <c r="AU38" s="276">
        <v>0</v>
      </c>
      <c r="AV38" s="280">
        <v>0</v>
      </c>
      <c r="AW38" s="277">
        <v>0</v>
      </c>
      <c r="AX38" s="279">
        <v>0</v>
      </c>
      <c r="AY38" s="280">
        <v>594</v>
      </c>
      <c r="AZ38" s="280">
        <v>766</v>
      </c>
      <c r="BA38" s="280">
        <v>462</v>
      </c>
      <c r="BB38" s="280">
        <v>295</v>
      </c>
      <c r="BC38" s="280">
        <v>174</v>
      </c>
      <c r="BD38" s="281">
        <v>2291</v>
      </c>
      <c r="BE38" s="282">
        <v>2291</v>
      </c>
      <c r="BF38" s="276">
        <v>0</v>
      </c>
      <c r="BG38" s="280">
        <v>0</v>
      </c>
      <c r="BH38" s="277">
        <v>0</v>
      </c>
      <c r="BI38" s="279">
        <v>0</v>
      </c>
      <c r="BJ38" s="280">
        <v>156</v>
      </c>
      <c r="BK38" s="280">
        <v>164</v>
      </c>
      <c r="BL38" s="280">
        <v>71</v>
      </c>
      <c r="BM38" s="280">
        <v>21</v>
      </c>
      <c r="BN38" s="280">
        <v>17</v>
      </c>
      <c r="BO38" s="277">
        <v>429</v>
      </c>
      <c r="BP38" s="282">
        <v>429</v>
      </c>
      <c r="BQ38" s="276">
        <v>0</v>
      </c>
      <c r="BR38" s="280">
        <v>1</v>
      </c>
      <c r="BS38" s="277">
        <v>1</v>
      </c>
      <c r="BT38" s="279">
        <v>0</v>
      </c>
      <c r="BU38" s="280">
        <v>104</v>
      </c>
      <c r="BV38" s="280">
        <v>120</v>
      </c>
      <c r="BW38" s="280">
        <v>373</v>
      </c>
      <c r="BX38" s="280">
        <v>200</v>
      </c>
      <c r="BY38" s="280">
        <v>66</v>
      </c>
      <c r="BZ38" s="277">
        <v>863</v>
      </c>
      <c r="CA38" s="282">
        <v>864</v>
      </c>
      <c r="CB38" s="276">
        <v>0</v>
      </c>
      <c r="CC38" s="280">
        <v>0</v>
      </c>
      <c r="CD38" s="277">
        <v>0</v>
      </c>
      <c r="CE38" s="279">
        <v>0</v>
      </c>
      <c r="CF38" s="280">
        <v>15</v>
      </c>
      <c r="CG38" s="280">
        <v>0</v>
      </c>
      <c r="CH38" s="280">
        <v>4</v>
      </c>
      <c r="CI38" s="280">
        <v>21</v>
      </c>
      <c r="CJ38" s="280">
        <v>3</v>
      </c>
      <c r="CK38" s="277">
        <v>43</v>
      </c>
      <c r="CL38" s="282">
        <v>43</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25</v>
      </c>
      <c r="H39" s="287">
        <v>70</v>
      </c>
      <c r="I39" s="287">
        <v>26</v>
      </c>
      <c r="J39" s="287">
        <v>22</v>
      </c>
      <c r="K39" s="287">
        <v>162</v>
      </c>
      <c r="L39" s="288">
        <v>305</v>
      </c>
      <c r="M39" s="289">
        <v>305</v>
      </c>
      <c r="N39" s="283">
        <v>0</v>
      </c>
      <c r="O39" s="287">
        <v>0</v>
      </c>
      <c r="P39" s="284">
        <v>0</v>
      </c>
      <c r="Q39" s="286">
        <v>0</v>
      </c>
      <c r="R39" s="287">
        <v>0</v>
      </c>
      <c r="S39" s="287">
        <v>0</v>
      </c>
      <c r="T39" s="287">
        <v>7</v>
      </c>
      <c r="U39" s="287">
        <v>2</v>
      </c>
      <c r="V39" s="287">
        <v>0</v>
      </c>
      <c r="W39" s="284">
        <v>9</v>
      </c>
      <c r="X39" s="289">
        <v>9</v>
      </c>
      <c r="Y39" s="283">
        <v>4</v>
      </c>
      <c r="Z39" s="287">
        <v>6</v>
      </c>
      <c r="AA39" s="284">
        <v>10</v>
      </c>
      <c r="AB39" s="286">
        <v>0</v>
      </c>
      <c r="AC39" s="287">
        <v>19</v>
      </c>
      <c r="AD39" s="287">
        <v>27</v>
      </c>
      <c r="AE39" s="287">
        <v>4</v>
      </c>
      <c r="AF39" s="287">
        <v>37</v>
      </c>
      <c r="AG39" s="287">
        <v>5</v>
      </c>
      <c r="AH39" s="284">
        <v>92</v>
      </c>
      <c r="AI39" s="289">
        <v>102</v>
      </c>
      <c r="AJ39" s="283">
        <v>0</v>
      </c>
      <c r="AK39" s="287">
        <v>0</v>
      </c>
      <c r="AL39" s="284">
        <v>0</v>
      </c>
      <c r="AM39" s="286">
        <v>0</v>
      </c>
      <c r="AN39" s="287">
        <v>0</v>
      </c>
      <c r="AO39" s="287">
        <v>32</v>
      </c>
      <c r="AP39" s="287">
        <v>22</v>
      </c>
      <c r="AQ39" s="287">
        <v>18</v>
      </c>
      <c r="AR39" s="287">
        <v>0</v>
      </c>
      <c r="AS39" s="284">
        <v>72</v>
      </c>
      <c r="AT39" s="289">
        <v>72</v>
      </c>
      <c r="AU39" s="283">
        <v>0</v>
      </c>
      <c r="AV39" s="287">
        <v>0</v>
      </c>
      <c r="AW39" s="284">
        <v>0</v>
      </c>
      <c r="AX39" s="286">
        <v>0</v>
      </c>
      <c r="AY39" s="287">
        <v>57</v>
      </c>
      <c r="AZ39" s="287">
        <v>36</v>
      </c>
      <c r="BA39" s="287">
        <v>33</v>
      </c>
      <c r="BB39" s="287">
        <v>4</v>
      </c>
      <c r="BC39" s="287">
        <v>8</v>
      </c>
      <c r="BD39" s="288">
        <v>138</v>
      </c>
      <c r="BE39" s="289">
        <v>138</v>
      </c>
      <c r="BF39" s="283">
        <v>0</v>
      </c>
      <c r="BG39" s="287">
        <v>0</v>
      </c>
      <c r="BH39" s="284">
        <v>0</v>
      </c>
      <c r="BI39" s="286">
        <v>0</v>
      </c>
      <c r="BJ39" s="287">
        <v>63</v>
      </c>
      <c r="BK39" s="287">
        <v>9</v>
      </c>
      <c r="BL39" s="287">
        <v>37</v>
      </c>
      <c r="BM39" s="287">
        <v>17</v>
      </c>
      <c r="BN39" s="287">
        <v>0</v>
      </c>
      <c r="BO39" s="284">
        <v>126</v>
      </c>
      <c r="BP39" s="289">
        <v>126</v>
      </c>
      <c r="BQ39" s="283">
        <v>0</v>
      </c>
      <c r="BR39" s="287">
        <v>0</v>
      </c>
      <c r="BS39" s="284">
        <v>0</v>
      </c>
      <c r="BT39" s="286">
        <v>0</v>
      </c>
      <c r="BU39" s="287">
        <v>9</v>
      </c>
      <c r="BV39" s="287">
        <v>3</v>
      </c>
      <c r="BW39" s="287">
        <v>42</v>
      </c>
      <c r="BX39" s="287">
        <v>20</v>
      </c>
      <c r="BY39" s="287">
        <v>3</v>
      </c>
      <c r="BZ39" s="284">
        <v>77</v>
      </c>
      <c r="CA39" s="289">
        <v>77</v>
      </c>
      <c r="CB39" s="283">
        <v>0</v>
      </c>
      <c r="CC39" s="287">
        <v>0</v>
      </c>
      <c r="CD39" s="284">
        <v>0</v>
      </c>
      <c r="CE39" s="286">
        <v>0</v>
      </c>
      <c r="CF39" s="287">
        <v>0</v>
      </c>
      <c r="CG39" s="287">
        <v>0</v>
      </c>
      <c r="CH39" s="287">
        <v>8</v>
      </c>
      <c r="CI39" s="287">
        <v>4</v>
      </c>
      <c r="CJ39" s="287">
        <v>0</v>
      </c>
      <c r="CK39" s="284">
        <v>12</v>
      </c>
      <c r="CL39" s="289">
        <v>12</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3-02-13T02:32:52Z</dcterms:modified>
</cp:coreProperties>
</file>